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tif" ContentType="image/ti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</p:sldMasterIdLst>
  <p:notesMasterIdLst>
    <p:notesMasterId r:id="rId48"/>
  </p:notesMasterIdLst>
  <p:handoutMasterIdLst>
    <p:handoutMasterId r:id="rId49"/>
  </p:handoutMasterIdLst>
  <p:sldIdLst>
    <p:sldId id="277" r:id="rId2"/>
    <p:sldId id="376" r:id="rId3"/>
    <p:sldId id="374" r:id="rId4"/>
    <p:sldId id="411" r:id="rId5"/>
    <p:sldId id="407" r:id="rId6"/>
    <p:sldId id="408" r:id="rId7"/>
    <p:sldId id="409" r:id="rId8"/>
    <p:sldId id="410" r:id="rId9"/>
    <p:sldId id="415" r:id="rId10"/>
    <p:sldId id="416" r:id="rId11"/>
    <p:sldId id="377" r:id="rId12"/>
    <p:sldId id="420" r:id="rId13"/>
    <p:sldId id="350" r:id="rId14"/>
    <p:sldId id="378" r:id="rId15"/>
    <p:sldId id="355" r:id="rId16"/>
    <p:sldId id="426" r:id="rId17"/>
    <p:sldId id="358" r:id="rId18"/>
    <p:sldId id="413" r:id="rId19"/>
    <p:sldId id="421" r:id="rId20"/>
    <p:sldId id="404" r:id="rId21"/>
    <p:sldId id="352" r:id="rId22"/>
    <p:sldId id="417" r:id="rId23"/>
    <p:sldId id="423" r:id="rId24"/>
    <p:sldId id="424" r:id="rId25"/>
    <p:sldId id="425" r:id="rId26"/>
    <p:sldId id="440" r:id="rId27"/>
    <p:sldId id="430" r:id="rId28"/>
    <p:sldId id="427" r:id="rId29"/>
    <p:sldId id="428" r:id="rId30"/>
    <p:sldId id="439" r:id="rId31"/>
    <p:sldId id="432" r:id="rId32"/>
    <p:sldId id="433" r:id="rId33"/>
    <p:sldId id="434" r:id="rId34"/>
    <p:sldId id="436" r:id="rId35"/>
    <p:sldId id="437" r:id="rId36"/>
    <p:sldId id="438" r:id="rId37"/>
    <p:sldId id="419" r:id="rId38"/>
    <p:sldId id="441" r:id="rId39"/>
    <p:sldId id="317" r:id="rId40"/>
    <p:sldId id="320" r:id="rId41"/>
    <p:sldId id="418" r:id="rId42"/>
    <p:sldId id="324" r:id="rId43"/>
    <p:sldId id="337" r:id="rId44"/>
    <p:sldId id="357" r:id="rId45"/>
    <p:sldId id="371" r:id="rId46"/>
    <p:sldId id="339" r:id="rId47"/>
  </p:sldIdLst>
  <p:sldSz cx="9144000" cy="6858000" type="screen4x3"/>
  <p:notesSz cx="6858000" cy="9144000"/>
  <p:defaultTextStyle>
    <a:defPPr>
      <a:defRPr lang="en-US"/>
    </a:defPPr>
    <a:lvl1pPr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56">
          <p15:clr>
            <a:srgbClr val="A4A3A4"/>
          </p15:clr>
        </p15:guide>
        <p15:guide id="2" pos="2928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CCCCC"/>
    <a:srgbClr val="0033CC"/>
    <a:srgbClr val="CCFF33"/>
    <a:srgbClr val="FF33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SorterView">
  <p:normalViewPr snapVertSplitter="1" vertBarState="minimized" horzBarState="maximized">
    <p:restoredLeft sz="15620"/>
    <p:restoredTop sz="94660"/>
  </p:normalViewPr>
  <p:slideViewPr>
    <p:cSldViewPr snapToObjects="1">
      <p:cViewPr>
        <p:scale>
          <a:sx n="75" d="100"/>
          <a:sy n="75" d="100"/>
        </p:scale>
        <p:origin x="-5088" y="-1680"/>
      </p:cViewPr>
      <p:guideLst>
        <p:guide orient="horz" pos="1056"/>
        <p:guide pos="2928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" d="1"/>
        <a:sy n="1" d="1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presProps" Target="presProp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41" Type="http://schemas.openxmlformats.org/officeDocument/2006/relationships/slide" Target="slides/slide40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tableStyles" Target="tableStyle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handoutMaster" Target="handoutMasters/handoutMaster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notesMaster" Target="notesMasters/notesMaster1.xml"/><Relationship Id="rId8" Type="http://schemas.openxmlformats.org/officeDocument/2006/relationships/slide" Target="slides/slide7.xml"/><Relationship Id="rId51" Type="http://schemas.openxmlformats.org/officeDocument/2006/relationships/viewProps" Target="view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46.png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69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9699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84613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pPr>
              <a:defRPr/>
            </a:pPr>
            <a:fld id="{3DD93C82-2372-4BA5-919A-FD6370B75BAA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29700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9701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pPr>
              <a:defRPr/>
            </a:pPr>
            <a:fld id="{931D4620-6EF6-40EB-9287-A21D887E51A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4515615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E29CA75-873E-E747-B01F-084A3A4A85B9}" type="datetimeFigureOut">
              <a:rPr lang="en-US" smtClean="0"/>
              <a:t>9/28/201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43000" y="685800"/>
            <a:ext cx="4572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B461793-5198-6846-A08E-08B837EF0033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4374173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5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26797E40-3EFB-654F-A5F5-479C28B094A2}" type="slidenum">
              <a:rPr lang="en-US"/>
              <a:pPr>
                <a:defRPr/>
              </a:pPr>
              <a:t>9</a:t>
            </a:fld>
            <a:endParaRPr lang="en-US"/>
          </a:p>
        </p:txBody>
      </p:sp>
      <p:sp>
        <p:nvSpPr>
          <p:cNvPr id="35842" name="Rectangle 2"/>
          <p:cNvSpPr>
            <a:spLocks noGrp="1" noRot="1" noChangeAspect="1" noChangeArrowheads="1"/>
          </p:cNvSpPr>
          <p:nvPr>
            <p:ph type="sldImg"/>
          </p:nvPr>
        </p:nvSpPr>
        <p:spPr>
          <a:xfrm>
            <a:off x="1143000" y="685800"/>
            <a:ext cx="4572000" cy="3429000"/>
          </a:xfrm>
          <a:solidFill>
            <a:srgbClr val="FFFFFF"/>
          </a:solidFill>
          <a:ln/>
        </p:spPr>
      </p:sp>
      <p:sp>
        <p:nvSpPr>
          <p:cNvPr id="812035" name="Rectangle 3"/>
          <p:cNvSpPr>
            <a:spLocks noGrp="1" noChangeArrowheads="1"/>
          </p:cNvSpPr>
          <p:nvPr>
            <p:ph type="body" idx="1"/>
          </p:nvPr>
        </p:nvSpPr>
        <p:spPr>
          <a:solidFill>
            <a:srgbClr val="FFFFFF"/>
          </a:solidFill>
          <a:ln>
            <a:solidFill>
              <a:srgbClr val="000000"/>
            </a:solidFill>
          </a:ln>
        </p:spPr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725800359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2439C912-198B-1849-AC80-17CFEE1EEF3C}" type="slidenum">
              <a:rPr lang="en-US"/>
              <a:pPr>
                <a:defRPr/>
              </a:pPr>
              <a:t>27</a:t>
            </a:fld>
            <a:endParaRPr lang="en-US"/>
          </a:p>
        </p:txBody>
      </p:sp>
      <p:sp>
        <p:nvSpPr>
          <p:cNvPr id="3123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  <a:extLst>
            <a:ext uri="{FAA26D3D-D897-4be2-8F04-BA451C77F1D7}">
              <ma14:placeholderFlag xmlns:ma14="http://schemas.microsoft.com/office/mac/drawingml/2011/main" xmlns="" val="1"/>
            </a:ext>
          </a:extLst>
        </p:spPr>
      </p:sp>
      <p:sp>
        <p:nvSpPr>
          <p:cNvPr id="312323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766124823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6433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1pPr>
            <a:lvl2pPr marL="702756" indent="-270291" eaLnBrk="0" hangingPunct="0"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2pPr>
            <a:lvl3pPr marL="1081164" indent="-216233" eaLnBrk="0" hangingPunct="0"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3pPr>
            <a:lvl4pPr marL="1513629" indent="-216233" eaLnBrk="0" hangingPunct="0"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4pPr>
            <a:lvl5pPr marL="1946095" indent="-216233" eaLnBrk="0" hangingPunct="0"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5pPr>
            <a:lvl6pPr marL="2378560" indent="-216233" eaLnBrk="0" fontAlgn="base" hangingPunct="0">
              <a:spcBef>
                <a:spcPct val="0"/>
              </a:spcBef>
              <a:spcAft>
                <a:spcPct val="0"/>
              </a:spcAft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6pPr>
            <a:lvl7pPr marL="2811026" indent="-216233" eaLnBrk="0" fontAlgn="base" hangingPunct="0">
              <a:spcBef>
                <a:spcPct val="0"/>
              </a:spcBef>
              <a:spcAft>
                <a:spcPct val="0"/>
              </a:spcAft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7pPr>
            <a:lvl8pPr marL="3243491" indent="-216233" eaLnBrk="0" fontAlgn="base" hangingPunct="0">
              <a:spcBef>
                <a:spcPct val="0"/>
              </a:spcBef>
              <a:spcAft>
                <a:spcPct val="0"/>
              </a:spcAft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8pPr>
            <a:lvl9pPr marL="3675957" indent="-216233" eaLnBrk="0" fontAlgn="base" hangingPunct="0">
              <a:spcBef>
                <a:spcPct val="0"/>
              </a:spcBef>
              <a:spcAft>
                <a:spcPct val="0"/>
              </a:spcAft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9pPr>
          </a:lstStyle>
          <a:p>
            <a:fld id="{26225777-5BED-3D42-A283-BEB0550CC84C}" type="slidenum">
              <a:rPr lang="en-US" sz="1200"/>
              <a:pPr/>
              <a:t>28</a:t>
            </a:fld>
            <a:endParaRPr lang="en-US" sz="1200"/>
          </a:p>
        </p:txBody>
      </p:sp>
      <p:sp>
        <p:nvSpPr>
          <p:cNvPr id="1464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2000" cy="3429000"/>
          </a:xfrm>
          <a:ln/>
        </p:spPr>
      </p:sp>
      <p:sp>
        <p:nvSpPr>
          <p:cNvPr id="327683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477162889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4385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1pPr>
            <a:lvl2pPr marL="702756" indent="-270291" eaLnBrk="0" hangingPunct="0"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2pPr>
            <a:lvl3pPr marL="1081164" indent="-216233" eaLnBrk="0" hangingPunct="0"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3pPr>
            <a:lvl4pPr marL="1513629" indent="-216233" eaLnBrk="0" hangingPunct="0"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4pPr>
            <a:lvl5pPr marL="1946095" indent="-216233" eaLnBrk="0" hangingPunct="0"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5pPr>
            <a:lvl6pPr marL="2378560" indent="-216233" eaLnBrk="0" fontAlgn="base" hangingPunct="0">
              <a:spcBef>
                <a:spcPct val="0"/>
              </a:spcBef>
              <a:spcAft>
                <a:spcPct val="0"/>
              </a:spcAft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6pPr>
            <a:lvl7pPr marL="2811026" indent="-216233" eaLnBrk="0" fontAlgn="base" hangingPunct="0">
              <a:spcBef>
                <a:spcPct val="0"/>
              </a:spcBef>
              <a:spcAft>
                <a:spcPct val="0"/>
              </a:spcAft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7pPr>
            <a:lvl8pPr marL="3243491" indent="-216233" eaLnBrk="0" fontAlgn="base" hangingPunct="0">
              <a:spcBef>
                <a:spcPct val="0"/>
              </a:spcBef>
              <a:spcAft>
                <a:spcPct val="0"/>
              </a:spcAft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8pPr>
            <a:lvl9pPr marL="3675957" indent="-216233" eaLnBrk="0" fontAlgn="base" hangingPunct="0">
              <a:spcBef>
                <a:spcPct val="0"/>
              </a:spcBef>
              <a:spcAft>
                <a:spcPct val="0"/>
              </a:spcAft>
              <a:defRPr sz="23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9pPr>
          </a:lstStyle>
          <a:p>
            <a:fld id="{94D0A997-7E0F-8443-A7B4-87489D9F5064}" type="slidenum">
              <a:rPr lang="en-US" sz="1200"/>
              <a:pPr/>
              <a:t>29</a:t>
            </a:fld>
            <a:endParaRPr lang="en-US" sz="1200"/>
          </a:p>
        </p:txBody>
      </p:sp>
      <p:sp>
        <p:nvSpPr>
          <p:cNvPr id="1443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2000" cy="3429000"/>
          </a:xfrm>
          <a:solidFill>
            <a:srgbClr val="FFFFFF"/>
          </a:solidFill>
          <a:ln/>
        </p:spPr>
      </p:sp>
      <p:sp>
        <p:nvSpPr>
          <p:cNvPr id="43315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86098" y="4343704"/>
            <a:ext cx="5485805" cy="4113892"/>
          </a:xfrm>
          <a:solidFill>
            <a:srgbClr val="FFFFFF"/>
          </a:solidFill>
          <a:ln>
            <a:solidFill>
              <a:srgbClr val="000000"/>
            </a:solidFill>
          </a:ln>
        </p:spPr>
        <p:txBody>
          <a:bodyPr lIns="84401" tIns="42200" rIns="84401" bIns="42200"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022075711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247A91A-ACCD-4FD4-9A37-19CCE1FE9545}" type="slidenum">
              <a:rPr lang="en-US" smtClean="0">
                <a:solidFill>
                  <a:srgbClr val="000000"/>
                </a:solidFill>
              </a:rPr>
              <a:pPr/>
              <a:t>30</a:t>
            </a:fld>
            <a:endParaRPr lang="en-US" smtClean="0">
              <a:solidFill>
                <a:srgbClr val="000000"/>
              </a:solidFill>
            </a:endParaRPr>
          </a:p>
        </p:txBody>
      </p:sp>
      <p:sp>
        <p:nvSpPr>
          <p:cNvPr id="2253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01725" y="650875"/>
            <a:ext cx="4641850" cy="3481388"/>
          </a:xfrm>
          <a:ln/>
        </p:spPr>
      </p:sp>
      <p:sp>
        <p:nvSpPr>
          <p:cNvPr id="2253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9163" y="4351338"/>
            <a:ext cx="5010150" cy="4132262"/>
          </a:xfrm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  <p:extLst>
      <p:ext uri="{BB962C8B-B14F-4D97-AF65-F5344CB8AC3E}">
        <p14:creationId xmlns:p14="http://schemas.microsoft.com/office/powerpoint/2010/main" val="3871619710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558AAF8D-9A5B-E947-A134-A362F6D15DB7}" type="slidenum">
              <a:rPr lang="en-US"/>
              <a:pPr>
                <a:defRPr/>
              </a:pPr>
              <a:t>31</a:t>
            </a:fld>
            <a:endParaRPr lang="en-US"/>
          </a:p>
        </p:txBody>
      </p:sp>
      <p:sp>
        <p:nvSpPr>
          <p:cNvPr id="1208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953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030721671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F17D29B0-DE6E-A940-BF8B-C1855CAE636D}" type="slidenum">
              <a:rPr lang="en-US"/>
              <a:pPr>
                <a:defRPr/>
              </a:pPr>
              <a:t>32</a:t>
            </a:fld>
            <a:endParaRPr lang="en-US"/>
          </a:p>
        </p:txBody>
      </p:sp>
      <p:sp>
        <p:nvSpPr>
          <p:cNvPr id="1228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9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153372204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D20EC473-4B9E-6440-BA48-381B187D3216}" type="slidenum">
              <a:rPr lang="en-US"/>
              <a:pPr>
                <a:defRPr/>
              </a:pPr>
              <a:t>33</a:t>
            </a:fld>
            <a:endParaRPr lang="en-US"/>
          </a:p>
        </p:txBody>
      </p:sp>
      <p:sp>
        <p:nvSpPr>
          <p:cNvPr id="1249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3056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578687609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773670EB-69AB-9C43-9C21-9915920A7478}" type="slidenum">
              <a:rPr lang="en-US"/>
              <a:pPr>
                <a:defRPr/>
              </a:pPr>
              <a:t>34</a:t>
            </a:fld>
            <a:endParaRPr lang="en-US"/>
          </a:p>
        </p:txBody>
      </p:sp>
      <p:sp>
        <p:nvSpPr>
          <p:cNvPr id="1290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1037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271257586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BBA4D395-8195-CA4D-B257-CC38AB62C4BB}" type="slidenum">
              <a:rPr lang="en-US"/>
              <a:pPr>
                <a:defRPr/>
              </a:pPr>
              <a:t>35</a:t>
            </a:fld>
            <a:endParaRPr lang="en-US"/>
          </a:p>
        </p:txBody>
      </p:sp>
      <p:sp>
        <p:nvSpPr>
          <p:cNvPr id="1310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185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598029729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3F8698E1-AF32-C54B-8D2B-4309416F8B14}" type="slidenum">
              <a:rPr lang="en-US"/>
              <a:pPr>
                <a:defRPr/>
              </a:pPr>
              <a:t>36</a:t>
            </a:fld>
            <a:endParaRPr lang="en-US"/>
          </a:p>
        </p:txBody>
      </p:sp>
      <p:sp>
        <p:nvSpPr>
          <p:cNvPr id="1331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206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00287662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33A9D589-A769-4A45-AA96-47CBF936DF6E}" type="slidenum">
              <a:rPr lang="en-US"/>
              <a:pPr/>
              <a:t>10</a:t>
            </a:fld>
            <a:endParaRPr lang="en-US"/>
          </a:p>
        </p:txBody>
      </p:sp>
      <p:sp>
        <p:nvSpPr>
          <p:cNvPr id="12462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1141413" y="685800"/>
            <a:ext cx="4575175" cy="3430588"/>
          </a:xfrm>
          <a:prstGeom prst="rect">
            <a:avLst/>
          </a:prstGeom>
          <a:solidFill>
            <a:srgbClr val="FFFFFF"/>
          </a:solidFill>
          <a:ln>
            <a:solidFill>
              <a:srgbClr val="000000"/>
            </a:solidFill>
            <a:miter lim="800000"/>
            <a:headEnd/>
            <a:tailEnd/>
          </a:ln>
          <a:extLst>
            <a:ext uri="{FAA26D3D-D897-4be2-8F04-BA451C77F1D7}">
              <ma14:placeholderFlag xmlns:ma14="http://schemas.microsoft.com/office/mac/drawingml/2011/main" xmlns="" val="1"/>
            </a:ext>
          </a:extLst>
        </p:spPr>
      </p:sp>
      <p:sp>
        <p:nvSpPr>
          <p:cNvPr id="124621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14400" y="4343400"/>
            <a:ext cx="5029200" cy="4114800"/>
          </a:xfrm>
          <a:prstGeom prst="rect">
            <a:avLst/>
          </a:prstGeom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lIns="0" tIns="0" rIns="0" bIns="0"/>
          <a:lstStyle/>
          <a:p>
            <a:pPr defTabSz="1019175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03378579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92A4053F-6594-B54D-BE2E-060FF8366C10}" type="slidenum">
              <a:rPr lang="en-US"/>
              <a:pPr>
                <a:defRPr/>
              </a:pPr>
              <a:t>42</a:t>
            </a:fld>
            <a:endParaRPr lang="en-US"/>
          </a:p>
        </p:txBody>
      </p:sp>
      <p:sp>
        <p:nvSpPr>
          <p:cNvPr id="337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2000" cy="3429000"/>
          </a:xfrm>
          <a:ln/>
        </p:spPr>
      </p:sp>
      <p:sp>
        <p:nvSpPr>
          <p:cNvPr id="364547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925698512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EBCCEAA9-ED3C-BA4C-A9ED-E9D9C2EAD17F}" type="slidenum">
              <a:rPr lang="en-US"/>
              <a:pPr>
                <a:defRPr/>
              </a:pPr>
              <a:t>43</a:t>
            </a:fld>
            <a:endParaRPr lang="en-US"/>
          </a:p>
        </p:txBody>
      </p:sp>
      <p:sp>
        <p:nvSpPr>
          <p:cNvPr id="8089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2000" cy="3429000"/>
          </a:xfrm>
          <a:ln/>
        </p:spPr>
      </p:sp>
      <p:sp>
        <p:nvSpPr>
          <p:cNvPr id="80899" name="Rectangle 3"/>
          <p:cNvSpPr>
            <a:spLocks noGrp="1" noChangeArrowheads="1"/>
          </p:cNvSpPr>
          <p:nvPr>
            <p:ph type="body" idx="1"/>
          </p:nvPr>
        </p:nvSpPr>
        <p:spPr>
          <a:ln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>
              <a:defRPr/>
            </a:pP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23653126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EBCCEAA9-ED3C-BA4C-A9ED-E9D9C2EAD17F}" type="slidenum">
              <a:rPr lang="en-US"/>
              <a:pPr>
                <a:defRPr/>
              </a:pPr>
              <a:t>44</a:t>
            </a:fld>
            <a:endParaRPr lang="en-US"/>
          </a:p>
        </p:txBody>
      </p:sp>
      <p:sp>
        <p:nvSpPr>
          <p:cNvPr id="8089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2000" cy="3429000"/>
          </a:xfrm>
          <a:ln/>
        </p:spPr>
      </p:sp>
      <p:sp>
        <p:nvSpPr>
          <p:cNvPr id="80899" name="Rectangle 3"/>
          <p:cNvSpPr>
            <a:spLocks noGrp="1" noChangeArrowheads="1"/>
          </p:cNvSpPr>
          <p:nvPr>
            <p:ph type="body" idx="1"/>
          </p:nvPr>
        </p:nvSpPr>
        <p:spPr>
          <a:ln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>
              <a:defRPr/>
            </a:pP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83674976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EBCCEAA9-ED3C-BA4C-A9ED-E9D9C2EAD17F}" type="slidenum">
              <a:rPr lang="en-US"/>
              <a:pPr>
                <a:defRPr/>
              </a:pPr>
              <a:t>45</a:t>
            </a:fld>
            <a:endParaRPr lang="en-US"/>
          </a:p>
        </p:txBody>
      </p:sp>
      <p:sp>
        <p:nvSpPr>
          <p:cNvPr id="8089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2000" cy="3429000"/>
          </a:xfrm>
          <a:ln/>
        </p:spPr>
      </p:sp>
      <p:sp>
        <p:nvSpPr>
          <p:cNvPr id="80899" name="Rectangle 3"/>
          <p:cNvSpPr>
            <a:spLocks noGrp="1" noChangeArrowheads="1"/>
          </p:cNvSpPr>
          <p:nvPr>
            <p:ph type="body" idx="1"/>
          </p:nvPr>
        </p:nvSpPr>
        <p:spPr>
          <a:ln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>
              <a:defRPr/>
            </a:pP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7706181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84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2000" cy="3429000"/>
          </a:xfrm>
          <a:ln/>
        </p:spPr>
      </p:sp>
      <p:sp>
        <p:nvSpPr>
          <p:cNvPr id="35842" name="Rectangle 3"/>
          <p:cNvSpPr>
            <a:spLocks noGrp="1" noChangeArrowheads="1"/>
          </p:cNvSpPr>
          <p:nvPr>
            <p:ph type="body" idx="1"/>
          </p:nvPr>
        </p:nvSpPr>
        <p:spPr>
          <a:ln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3929628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29" name="Rectangle 2"/>
          <p:cNvSpPr>
            <a:spLocks noGrp="1" noRot="1" noChangeAspect="1" noChangeArrowheads="1"/>
          </p:cNvSpPr>
          <p:nvPr>
            <p:ph type="sldImg"/>
          </p:nvPr>
        </p:nvSpPr>
        <p:spPr>
          <a:xfrm>
            <a:off x="1141413" y="685800"/>
            <a:ext cx="4575175" cy="3430588"/>
          </a:xfrm>
          <a:solidFill>
            <a:srgbClr val="FFFFFF"/>
          </a:solidFill>
          <a:ln/>
        </p:spPr>
      </p:sp>
      <p:sp>
        <p:nvSpPr>
          <p:cNvPr id="99330" name="Rectangle 3"/>
          <p:cNvSpPr>
            <a:spLocks noGrp="1" noChangeArrowheads="1"/>
          </p:cNvSpPr>
          <p:nvPr>
            <p:ph type="body" idx="1"/>
          </p:nvPr>
        </p:nvSpPr>
        <p:spPr>
          <a:solidFill>
            <a:srgbClr val="FFFFFF"/>
          </a:solidFill>
          <a:ln>
            <a:solidFill>
              <a:srgbClr val="000000"/>
            </a:solidFill>
          </a:ln>
          <a:extLs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lIns="84408" tIns="42204" rIns="84408" bIns="42204"/>
          <a:lstStyle/>
          <a:p>
            <a:endParaRPr lang="en-US">
              <a:latin typeface="Times New Roman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19289870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29" name="Rectangle 2"/>
          <p:cNvSpPr>
            <a:spLocks noGrp="1" noRot="1" noChangeAspect="1" noChangeArrowheads="1"/>
          </p:cNvSpPr>
          <p:nvPr>
            <p:ph type="sldImg"/>
          </p:nvPr>
        </p:nvSpPr>
        <p:spPr>
          <a:xfrm>
            <a:off x="1141413" y="685800"/>
            <a:ext cx="4575175" cy="3430588"/>
          </a:xfrm>
          <a:solidFill>
            <a:srgbClr val="FFFFFF"/>
          </a:solidFill>
          <a:ln/>
        </p:spPr>
      </p:sp>
      <p:sp>
        <p:nvSpPr>
          <p:cNvPr id="99330" name="Rectangle 3"/>
          <p:cNvSpPr>
            <a:spLocks noGrp="1" noChangeArrowheads="1"/>
          </p:cNvSpPr>
          <p:nvPr>
            <p:ph type="body" idx="1"/>
          </p:nvPr>
        </p:nvSpPr>
        <p:spPr>
          <a:solidFill>
            <a:srgbClr val="FFFFFF"/>
          </a:solidFill>
          <a:ln>
            <a:solidFill>
              <a:srgbClr val="000000"/>
            </a:solidFill>
          </a:ln>
          <a:extLs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lIns="84408" tIns="42204" rIns="84408" bIns="42204"/>
          <a:lstStyle/>
          <a:p>
            <a:endParaRPr lang="en-US">
              <a:latin typeface="Times New Roman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38019494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29" name="Rectangle 2"/>
          <p:cNvSpPr>
            <a:spLocks noGrp="1" noRot="1" noChangeAspect="1" noChangeArrowheads="1"/>
          </p:cNvSpPr>
          <p:nvPr>
            <p:ph type="sldImg"/>
          </p:nvPr>
        </p:nvSpPr>
        <p:spPr>
          <a:xfrm>
            <a:off x="1141413" y="685800"/>
            <a:ext cx="4575175" cy="3430588"/>
          </a:xfrm>
          <a:solidFill>
            <a:srgbClr val="FFFFFF"/>
          </a:solidFill>
          <a:ln/>
        </p:spPr>
      </p:sp>
      <p:sp>
        <p:nvSpPr>
          <p:cNvPr id="99330" name="Rectangle 3"/>
          <p:cNvSpPr>
            <a:spLocks noGrp="1" noChangeArrowheads="1"/>
          </p:cNvSpPr>
          <p:nvPr>
            <p:ph type="body" idx="1"/>
          </p:nvPr>
        </p:nvSpPr>
        <p:spPr>
          <a:solidFill>
            <a:srgbClr val="FFFFFF"/>
          </a:solidFill>
          <a:ln>
            <a:solidFill>
              <a:srgbClr val="000000"/>
            </a:solidFill>
          </a:ln>
          <a:extLs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lIns="84408" tIns="42204" rIns="84408" bIns="42204"/>
          <a:lstStyle/>
          <a:p>
            <a:endParaRPr lang="en-US">
              <a:latin typeface="Times New Roman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28494679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5" name="Rectangle 7"/>
          <p:cNvSpPr>
            <a:spLocks noGrp="1" noChangeArrowheads="1"/>
          </p:cNvSpPr>
          <p:nvPr>
            <p:ph type="sldNum" sz="quarter" idx="4294967295"/>
          </p:nvPr>
        </p:nvSpPr>
        <p:spPr bwMode="auto">
          <a:xfrm>
            <a:off x="3884916" y="8685922"/>
            <a:ext cx="2971479" cy="4566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9pPr>
          </a:lstStyle>
          <a:p>
            <a:pPr eaLnBrk="1" hangingPunct="1"/>
            <a:fld id="{C36D8E1A-D1F9-8841-8718-F5C6C177862D}" type="slidenum">
              <a:rPr lang="en-US" sz="1800"/>
              <a:pPr eaLnBrk="1" hangingPunct="1"/>
              <a:t>20</a:t>
            </a:fld>
            <a:endParaRPr lang="en-US" sz="1800"/>
          </a:p>
        </p:txBody>
      </p:sp>
      <p:sp>
        <p:nvSpPr>
          <p:cNvPr id="98306" name="Rectangle 2"/>
          <p:cNvSpPr>
            <a:spLocks noGrp="1" noRot="1" noChangeAspect="1" noChangeArrowheads="1"/>
          </p:cNvSpPr>
          <p:nvPr>
            <p:ph type="sldImg"/>
          </p:nvPr>
        </p:nvSpPr>
        <p:spPr>
          <a:xfrm>
            <a:off x="1143000" y="685800"/>
            <a:ext cx="4572000" cy="3429000"/>
          </a:xfrm>
          <a:solidFill>
            <a:srgbClr val="FFFFFF"/>
          </a:solidFill>
          <a:ln/>
        </p:spPr>
      </p:sp>
      <p:sp>
        <p:nvSpPr>
          <p:cNvPr id="820227" name="Rectangle 3"/>
          <p:cNvSpPr>
            <a:spLocks noGrp="1" noChangeArrowheads="1"/>
          </p:cNvSpPr>
          <p:nvPr>
            <p:ph type="body" idx="1"/>
          </p:nvPr>
        </p:nvSpPr>
        <p:spPr>
          <a:solidFill>
            <a:srgbClr val="FFFFFF"/>
          </a:solidFill>
          <a:ln>
            <a:solidFill>
              <a:srgbClr val="000000"/>
            </a:solidFill>
          </a:ln>
        </p:spPr>
        <p:txBody>
          <a:bodyPr/>
          <a:lstStyle/>
          <a:p>
            <a:pPr eaLnBrk="1" hangingPunct="1">
              <a:defRPr/>
            </a:pPr>
            <a:endParaRPr lang="en-US" smtClean="0"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846851385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8545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4588" y="684213"/>
            <a:ext cx="4573587" cy="3430587"/>
          </a:xfrm>
          <a:solidFill>
            <a:srgbClr val="FFFFFF"/>
          </a:solidFill>
          <a:ln/>
        </p:spPr>
      </p:sp>
      <p:sp>
        <p:nvSpPr>
          <p:cNvPr id="108546" name="Rectangle 3"/>
          <p:cNvSpPr>
            <a:spLocks noGrp="1" noChangeArrowheads="1"/>
          </p:cNvSpPr>
          <p:nvPr>
            <p:ph type="body" idx="1"/>
          </p:nvPr>
        </p:nvSpPr>
        <p:spPr>
          <a:solidFill>
            <a:srgbClr val="FFFFFF"/>
          </a:solidFill>
          <a:ln>
            <a:solidFill>
              <a:srgbClr val="000000"/>
            </a:solidFill>
          </a:ln>
          <a:extLs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/>
          <a:lstStyle/>
          <a:p>
            <a:endParaRPr lang="en-US"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561396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0395FB61-786B-764E-8B7B-B5FF3878A59C}" type="slidenum">
              <a:rPr lang="en-US" smtClean="0"/>
              <a:pPr>
                <a:defRPr/>
              </a:pPr>
              <a:t>26</a:t>
            </a:fld>
            <a:endParaRPr lang="en-US" smtClean="0"/>
          </a:p>
        </p:txBody>
      </p:sp>
      <p:sp>
        <p:nvSpPr>
          <p:cNvPr id="542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  <a:extLst>
            <a:ext uri="{FAA26D3D-D897-4be2-8F04-BA451C77F1D7}">
              <ma14:placeholderFlag xmlns:ma14="http://schemas.microsoft.com/office/mac/drawingml/2011/main" xmlns="" val="1"/>
            </a:ext>
          </a:extLst>
        </p:spPr>
      </p:sp>
      <p:sp>
        <p:nvSpPr>
          <p:cNvPr id="5427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6924472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31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BDF7D6C-6767-4C48-B54E-5849F7DDE0F5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BF1D698-46FD-4828-9271-9F58145D0E1A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F0F9615-5F80-42A0-B3BA-6A2544464DC4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84912DB4-4703-4F4C-B8BE-1F4C1649C65D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44"/>
            <a:ext cx="20574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44"/>
            <a:ext cx="60198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654B680-8B08-4FA4-97CA-873F7E576F39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D52CC84-B14E-4B62-8488-29AE7AF8C8A5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Title &amp;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Shape 20"/>
          <p:cNvSpPr>
            <a:spLocks noGrp="1"/>
          </p:cNvSpPr>
          <p:nvPr>
            <p:ph type="title"/>
          </p:nvPr>
        </p:nvSpPr>
        <p:spPr>
          <a:prstGeom prst="rect">
            <a:avLst/>
          </a:prstGeom>
        </p:spPr>
        <p:txBody>
          <a:bodyPr/>
          <a:lstStyle/>
          <a:p>
            <a:pPr lvl="0">
              <a:defRPr sz="1800">
                <a:solidFill>
                  <a:srgbClr val="000000"/>
                </a:solidFill>
              </a:defRPr>
            </a:pPr>
            <a:r>
              <a:rPr sz="2800">
                <a:solidFill>
                  <a:srgbClr val="29948E"/>
                </a:solidFill>
              </a:rPr>
              <a:t>Title Text</a:t>
            </a:r>
          </a:p>
        </p:txBody>
      </p:sp>
      <p:sp>
        <p:nvSpPr>
          <p:cNvPr id="21" name="Shape 21"/>
          <p:cNvSpPr>
            <a:spLocks noGrp="1"/>
          </p:cNvSpPr>
          <p:nvPr>
            <p:ph type="body" idx="1"/>
          </p:nvPr>
        </p:nvSpPr>
        <p:spPr>
          <a:prstGeom prst="rect">
            <a:avLst/>
          </a:prstGeom>
        </p:spPr>
        <p:txBody>
          <a:bodyPr/>
          <a:lstStyle/>
          <a:p>
            <a:pPr lvl="0">
              <a:defRPr sz="1800">
                <a:solidFill>
                  <a:srgbClr val="000000"/>
                </a:solidFill>
              </a:defRPr>
            </a:pPr>
            <a:r>
              <a:rPr sz="2100">
                <a:solidFill>
                  <a:srgbClr val="313D48"/>
                </a:solidFill>
              </a:rPr>
              <a:t>Body Level One</a:t>
            </a:r>
          </a:p>
          <a:p>
            <a:pPr lvl="1">
              <a:defRPr sz="1800">
                <a:solidFill>
                  <a:srgbClr val="000000"/>
                </a:solidFill>
              </a:defRPr>
            </a:pPr>
            <a:r>
              <a:rPr sz="2100">
                <a:solidFill>
                  <a:srgbClr val="313D48"/>
                </a:solidFill>
              </a:rPr>
              <a:t>Body Level Two</a:t>
            </a:r>
          </a:p>
          <a:p>
            <a:pPr lvl="2">
              <a:defRPr sz="1800">
                <a:solidFill>
                  <a:srgbClr val="000000"/>
                </a:solidFill>
              </a:defRPr>
            </a:pPr>
            <a:r>
              <a:rPr sz="2100">
                <a:solidFill>
                  <a:srgbClr val="313D48"/>
                </a:solidFill>
              </a:rPr>
              <a:t>Body Level Three</a:t>
            </a:r>
          </a:p>
          <a:p>
            <a:pPr lvl="3">
              <a:defRPr sz="1800">
                <a:solidFill>
                  <a:srgbClr val="000000"/>
                </a:solidFill>
              </a:defRPr>
            </a:pPr>
            <a:r>
              <a:rPr sz="2100">
                <a:solidFill>
                  <a:srgbClr val="313D48"/>
                </a:solidFill>
              </a:rPr>
              <a:t>Body Level Four</a:t>
            </a:r>
          </a:p>
          <a:p>
            <a:pPr lvl="4">
              <a:defRPr sz="1800">
                <a:solidFill>
                  <a:srgbClr val="000000"/>
                </a:solidFill>
              </a:defRPr>
            </a:pPr>
            <a:r>
              <a:rPr sz="2100">
                <a:solidFill>
                  <a:srgbClr val="313D48"/>
                </a:solidFill>
              </a:rPr>
              <a:t>Body Level Five</a:t>
            </a:r>
          </a:p>
        </p:txBody>
      </p:sp>
      <p:sp>
        <p:nvSpPr>
          <p:cNvPr id="22" name="Shape 22"/>
          <p:cNvSpPr>
            <a:spLocks noGrp="1"/>
          </p:cNvSpPr>
          <p:nvPr>
            <p:ph type="sldNum" sz="quarter" idx="2"/>
          </p:nvPr>
        </p:nvSpPr>
        <p:spPr>
          <a:prstGeom prst="rect">
            <a:avLst/>
          </a:prstGeom>
        </p:spPr>
        <p:txBody>
          <a:bodyPr/>
          <a:lstStyle/>
          <a:p>
            <a:pPr lvl="0"/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2794482893"/>
      </p:ext>
    </p:extLst>
  </p:cSld>
  <p:clrMapOvr>
    <a:masterClrMapping/>
  </p:clrMapOvr>
  <p:transition spd="med"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>
  <p:cSld name="Title, Content, and 2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5800" y="609600"/>
            <a:ext cx="7772400" cy="114300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85800" y="1981200"/>
            <a:ext cx="3810000" cy="41148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648200" y="1981200"/>
            <a:ext cx="3810000" cy="19812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4648200" y="4114800"/>
            <a:ext cx="3810000" cy="19812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8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4FFCBDC0-D5BF-894E-AD01-1F274DD44725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70821088"/>
      </p:ext>
    </p:extLst>
  </p:cSld>
  <p:clrMapOvr>
    <a:masterClrMapping/>
  </p:clrMapOvr>
  <p:transition>
    <p:zoom/>
  </p:transition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objOnly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/>
          <p:cNvSpPr>
            <a:spLocks noGrp="1"/>
          </p:cNvSpPr>
          <p:nvPr>
            <p:ph/>
          </p:nvPr>
        </p:nvSpPr>
        <p:spPr>
          <a:xfrm>
            <a:off x="685800" y="609600"/>
            <a:ext cx="7772400" cy="54864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3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F65E6EDA-FD46-4CDE-9F73-7E53CD93588C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891632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 advClick="0" advTm="1000">
        <p:zoom/>
      </p:transition>
    </mc:Choice>
    <mc:Fallback xmlns="">
      <p:transition spd="slow" advClick="0" advTm="1000">
        <p:zoom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360F7B1-EDD4-43B4-8B7B-CDB91154E15E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46D77DE-62F3-458B-B646-79C0F4EF986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6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4C952AB-D0C9-4D4E-86CB-0F0DDE9816C1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096E90A-16A1-43AC-8BCA-6C5306BE853D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6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6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96FA939-303A-4FEE-B058-E204E08053AD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6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CE54D97-17AF-4025-B372-CDF9DBFAFE9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8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8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B6420B2-377F-4388-A9CF-1096B1084761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8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9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7D62757-B5F9-4A44-9AAC-2BB8C5647D9C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C515948-42A0-49C1-87E0-406EEB49F673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4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364EB8E-ADA2-4D72-979D-81917D72777D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AFA010E-ABDB-49E3-90C6-D885A44F32E5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3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481899-603D-4850-A074-6F7B10193DD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3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6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3" y="1435103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A83A92C-AE6E-4391-81AB-429A8E3A07B3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6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C780DE7-E80E-4386-8F86-FAA5EEAF6E7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0F54198-FFCE-4719-AA29-C878254D82AC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6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92BBEC8-1F33-46BC-A741-88FB8570BE3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1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16"/>
          <a:srcRect/>
          <a:tile tx="0" ty="0" sx="100000" sy="100000" flip="none" algn="tl"/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Title Placeholder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027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200" y="1600206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6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chemeClr val="tx1">
                    <a:tint val="75000"/>
                  </a:schemeClr>
                </a:solidFill>
                <a:latin typeface="+mn-lt"/>
              </a:defRPr>
            </a:lvl1pPr>
          </a:lstStyle>
          <a:p>
            <a:pPr>
              <a:defRPr/>
            </a:pPr>
            <a:fld id="{1B9F4F6D-77C9-4D3E-8A84-FAFBE615F1F1}" type="datetimeFigureOut">
              <a:rPr lang="en-US"/>
              <a:pPr>
                <a:defRPr/>
              </a:pPr>
              <a:t>9/28/20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6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chemeClr val="tx1">
                    <a:tint val="75000"/>
                  </a:schemeClr>
                </a:solidFill>
                <a:latin typeface="+mn-lt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6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chemeClr val="tx1">
                    <a:tint val="75000"/>
                  </a:schemeClr>
                </a:solidFill>
                <a:latin typeface="+mn-lt"/>
              </a:defRPr>
            </a:lvl1pPr>
          </a:lstStyle>
          <a:p>
            <a:pPr>
              <a:defRPr/>
            </a:pPr>
            <a:fld id="{489960C3-D839-4BCC-8E83-4303F2B8ED3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</p:sldLayoutIdLst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image" Target="../media/image11.jpeg"/><Relationship Id="rId5" Type="http://schemas.openxmlformats.org/officeDocument/2006/relationships/image" Target="../media/image10.jpeg"/><Relationship Id="rId4" Type="http://schemas.openxmlformats.org/officeDocument/2006/relationships/notesSlide" Target="../notesSlides/notesSlide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7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5.jpg"/><Relationship Id="rId4" Type="http://schemas.openxmlformats.org/officeDocument/2006/relationships/image" Target="../media/image14.jp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jpg"/><Relationship Id="rId2" Type="http://schemas.openxmlformats.org/officeDocument/2006/relationships/image" Target="../media/image16.jpg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9.jpg"/><Relationship Id="rId4" Type="http://schemas.openxmlformats.org/officeDocument/2006/relationships/image" Target="../media/image18.jp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21.jpeg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12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jp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7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.png"/><Relationship Id="rId1" Type="http://schemas.openxmlformats.org/officeDocument/2006/relationships/slideLayout" Target="../slideLayouts/slideLayout7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7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8.jpeg"/><Relationship Id="rId5" Type="http://schemas.openxmlformats.org/officeDocument/2006/relationships/image" Target="../media/image27.png"/><Relationship Id="rId4" Type="http://schemas.openxmlformats.org/officeDocument/2006/relationships/image" Target="../media/image26.jpe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jpg"/><Relationship Id="rId2" Type="http://schemas.openxmlformats.org/officeDocument/2006/relationships/image" Target="../media/image29.jpeg"/><Relationship Id="rId1" Type="http://schemas.openxmlformats.org/officeDocument/2006/relationships/slideLayout" Target="../slideLayouts/slideLayout1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1.jpeg"/><Relationship Id="rId1" Type="http://schemas.openxmlformats.org/officeDocument/2006/relationships/slideLayout" Target="../slideLayouts/slideLayout7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2.jpeg"/><Relationship Id="rId1" Type="http://schemas.openxmlformats.org/officeDocument/2006/relationships/slideLayout" Target="../slideLayouts/slideLayout7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35.jpe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37.jpeg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jpe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35.jpeg"/><Relationship Id="rId4" Type="http://schemas.openxmlformats.org/officeDocument/2006/relationships/image" Target="../media/image39.png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7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0.pn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14.xml"/><Relationship Id="rId6" Type="http://schemas.openxmlformats.org/officeDocument/2006/relationships/image" Target="../media/image43.png"/><Relationship Id="rId5" Type="http://schemas.openxmlformats.org/officeDocument/2006/relationships/image" Target="../media/image42.png"/><Relationship Id="rId4" Type="http://schemas.openxmlformats.org/officeDocument/2006/relationships/image" Target="../media/image41.png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4.jpe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4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1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1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2" Type="http://schemas.openxmlformats.org/officeDocument/2006/relationships/slideLayout" Target="../slideLayouts/slideLayout13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47.png"/><Relationship Id="rId5" Type="http://schemas.openxmlformats.org/officeDocument/2006/relationships/image" Target="../media/image46.png"/><Relationship Id="rId4" Type="http://schemas.openxmlformats.org/officeDocument/2006/relationships/oleObject" Target="../embeddings/oleObject1.bin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3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4.jpg"/><Relationship Id="rId3" Type="http://schemas.openxmlformats.org/officeDocument/2006/relationships/image" Target="../media/image49.jpeg"/><Relationship Id="rId7" Type="http://schemas.openxmlformats.org/officeDocument/2006/relationships/image" Target="../media/image53.png"/><Relationship Id="rId2" Type="http://schemas.openxmlformats.org/officeDocument/2006/relationships/image" Target="../media/image48.jpeg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52.jpeg"/><Relationship Id="rId5" Type="http://schemas.openxmlformats.org/officeDocument/2006/relationships/image" Target="../media/image51.tif"/><Relationship Id="rId4" Type="http://schemas.openxmlformats.org/officeDocument/2006/relationships/image" Target="../media/image50.png"/><Relationship Id="rId9" Type="http://schemas.openxmlformats.org/officeDocument/2006/relationships/image" Target="../media/image55.jpg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7.xml"/></Relationships>
</file>

<file path=ppt/slides/_rels/slide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62.jpeg"/><Relationship Id="rId13" Type="http://schemas.openxmlformats.org/officeDocument/2006/relationships/image" Target="../media/image67.jpeg"/><Relationship Id="rId3" Type="http://schemas.openxmlformats.org/officeDocument/2006/relationships/image" Target="../media/image57.jpeg"/><Relationship Id="rId7" Type="http://schemas.openxmlformats.org/officeDocument/2006/relationships/image" Target="../media/image61.jpeg"/><Relationship Id="rId12" Type="http://schemas.openxmlformats.org/officeDocument/2006/relationships/image" Target="../media/image66.jpeg"/><Relationship Id="rId2" Type="http://schemas.openxmlformats.org/officeDocument/2006/relationships/image" Target="../media/image56.jpeg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0.jpeg"/><Relationship Id="rId11" Type="http://schemas.openxmlformats.org/officeDocument/2006/relationships/image" Target="../media/image65.jpeg"/><Relationship Id="rId5" Type="http://schemas.openxmlformats.org/officeDocument/2006/relationships/image" Target="../media/image59.jpeg"/><Relationship Id="rId10" Type="http://schemas.openxmlformats.org/officeDocument/2006/relationships/image" Target="../media/image64.jpeg"/><Relationship Id="rId4" Type="http://schemas.openxmlformats.org/officeDocument/2006/relationships/image" Target="../media/image58.jpeg"/><Relationship Id="rId9" Type="http://schemas.openxmlformats.org/officeDocument/2006/relationships/image" Target="../media/image63.jpeg"/><Relationship Id="rId14" Type="http://schemas.openxmlformats.org/officeDocument/2006/relationships/image" Target="../media/image68.png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9.jpeg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72.jpeg"/><Relationship Id="rId5" Type="http://schemas.openxmlformats.org/officeDocument/2006/relationships/image" Target="../media/image71.jpeg"/><Relationship Id="rId4" Type="http://schemas.openxmlformats.org/officeDocument/2006/relationships/image" Target="../media/image70.jpeg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3.jp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7.xml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4.jpg"/><Relationship Id="rId7" Type="http://schemas.openxmlformats.org/officeDocument/2006/relationships/image" Target="../media/image78.jpg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77.jpg"/><Relationship Id="rId5" Type="http://schemas.openxmlformats.org/officeDocument/2006/relationships/image" Target="../media/image76.jpg"/><Relationship Id="rId4" Type="http://schemas.openxmlformats.org/officeDocument/2006/relationships/image" Target="../media/image75.jpg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9.jpg"/><Relationship Id="rId7" Type="http://schemas.openxmlformats.org/officeDocument/2006/relationships/image" Target="../media/image83.jpg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82.jpg"/><Relationship Id="rId5" Type="http://schemas.openxmlformats.org/officeDocument/2006/relationships/image" Target="../media/image81.jpg"/><Relationship Id="rId4" Type="http://schemas.openxmlformats.org/officeDocument/2006/relationships/image" Target="../media/image80.jpeg"/></Relationships>
</file>

<file path=ppt/slides/_rels/slide46.xml.rels><?xml version="1.0" encoding="UTF-8" standalone="yes"?>
<Relationships xmlns="http://schemas.openxmlformats.org/package/2006/relationships"><Relationship Id="rId2" Type="http://schemas.openxmlformats.org/officeDocument/2006/relationships/image" Target="../media/image84.png"/><Relationship Id="rId1" Type="http://schemas.openxmlformats.org/officeDocument/2006/relationships/slideLayout" Target="../slideLayouts/slideLayout7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eg"/><Relationship Id="rId1" Type="http://schemas.openxmlformats.org/officeDocument/2006/relationships/slideLayout" Target="../slideLayouts/slideLayout7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eg"/><Relationship Id="rId1" Type="http://schemas.openxmlformats.org/officeDocument/2006/relationships/slideLayout" Target="../slideLayouts/slideLayout7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7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jpeg"/><Relationship Id="rId1" Type="http://schemas.openxmlformats.org/officeDocument/2006/relationships/slideLayout" Target="../slideLayouts/slideLayout7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8082" name="Rectangle 2"/>
          <p:cNvSpPr>
            <a:spLocks noGrp="1" noChangeArrowheads="1"/>
          </p:cNvSpPr>
          <p:nvPr>
            <p:ph type="ctrTitle"/>
          </p:nvPr>
        </p:nvSpPr>
        <p:spPr>
          <a:xfrm>
            <a:off x="-25400" y="8473"/>
            <a:ext cx="9144000" cy="1591733"/>
          </a:xfrm>
        </p:spPr>
        <p:txBody>
          <a:bodyPr/>
          <a:lstStyle/>
          <a:p>
            <a:pPr eaLnBrk="1" hangingPunct="1">
              <a:defRPr/>
            </a:pPr>
            <a:r>
              <a:rPr lang="en-US" sz="5400" b="1" dirty="0" smtClean="0">
                <a:solidFill>
                  <a:schemeClr val="tx1"/>
                </a:solidFill>
                <a:cs typeface="+mj-cs"/>
              </a:rPr>
              <a:t>The Rise and Fall of Longevity in the 21</a:t>
            </a:r>
            <a:r>
              <a:rPr lang="en-US" sz="5400" b="1" baseline="30000" dirty="0" smtClean="0">
                <a:solidFill>
                  <a:schemeClr val="tx1"/>
                </a:solidFill>
                <a:cs typeface="+mj-cs"/>
              </a:rPr>
              <a:t>st</a:t>
            </a:r>
            <a:r>
              <a:rPr lang="en-US" sz="5400" b="1" dirty="0" smtClean="0">
                <a:solidFill>
                  <a:schemeClr val="tx1"/>
                </a:solidFill>
                <a:cs typeface="+mj-cs"/>
              </a:rPr>
              <a:t> Century</a:t>
            </a:r>
          </a:p>
        </p:txBody>
      </p:sp>
      <p:sp>
        <p:nvSpPr>
          <p:cNvPr id="558083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59267" y="1866900"/>
            <a:ext cx="9144000" cy="533400"/>
          </a:xfrm>
        </p:spPr>
        <p:txBody>
          <a:bodyPr/>
          <a:lstStyle/>
          <a:p>
            <a:pPr eaLnBrk="1" hangingPunct="1">
              <a:defRPr/>
            </a:pPr>
            <a:r>
              <a:rPr lang="en-US" b="1" dirty="0" smtClean="0">
                <a:solidFill>
                  <a:srgbClr val="3333FF"/>
                </a:solidFill>
                <a:cs typeface="+mn-cs"/>
              </a:rPr>
              <a:t>S. Jay Olshansky, Ph.D.</a:t>
            </a:r>
          </a:p>
          <a:p>
            <a:pPr eaLnBrk="1" hangingPunct="1">
              <a:defRPr/>
            </a:pPr>
            <a:r>
              <a:rPr lang="en-US" sz="2800" b="1" dirty="0" smtClean="0">
                <a:solidFill>
                  <a:srgbClr val="3333FF"/>
                </a:solidFill>
                <a:cs typeface="+mn-cs"/>
              </a:rPr>
              <a:t>University of Illinois at Chicago</a:t>
            </a:r>
          </a:p>
          <a:p>
            <a:pPr eaLnBrk="1" hangingPunct="1">
              <a:defRPr/>
            </a:pPr>
            <a:r>
              <a:rPr lang="en-US" sz="2800" b="1" dirty="0" smtClean="0">
                <a:solidFill>
                  <a:srgbClr val="3333FF"/>
                </a:solidFill>
              </a:rPr>
              <a:t>Lapetus Solutions</a:t>
            </a:r>
            <a:endParaRPr lang="en-US" sz="2800" b="1" dirty="0" smtClean="0">
              <a:solidFill>
                <a:srgbClr val="3333FF"/>
              </a:solidFill>
              <a:cs typeface="+mn-cs"/>
            </a:endParaRPr>
          </a:p>
        </p:txBody>
      </p:sp>
      <p:pic>
        <p:nvPicPr>
          <p:cNvPr id="15363" name="Picture 4" descr="Bridge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438400" y="3606800"/>
            <a:ext cx="4487333" cy="309620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45186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1181100" y="1217613"/>
            <a:ext cx="7227888" cy="4518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0155" tIns="32062" rIns="32062" bIns="32062"/>
          <a:lstStyle/>
          <a:p>
            <a:pPr marL="184150" lvl="1" indent="-182563" defTabSz="893763" eaLnBrk="0" hangingPunct="0">
              <a:lnSpc>
                <a:spcPct val="110000"/>
              </a:lnSpc>
              <a:spcBef>
                <a:spcPct val="70000"/>
              </a:spcBef>
              <a:buClr>
                <a:schemeClr val="folHlink"/>
              </a:buClr>
              <a:buSzPct val="92000"/>
              <a:buFont typeface="Wingdings" charset="0"/>
              <a:buChar char="n"/>
            </a:pPr>
            <a:endParaRPr lang="en-US" sz="1100">
              <a:latin typeface="Trebuchet MS" charset="0"/>
              <a:ea typeface="LF_Kai" charset="0"/>
              <a:cs typeface="LF_Kai" charset="0"/>
            </a:endParaRPr>
          </a:p>
          <a:p>
            <a:pPr marL="184150" lvl="1" indent="-182563" defTabSz="893763" eaLnBrk="0" hangingPunct="0">
              <a:lnSpc>
                <a:spcPct val="110000"/>
              </a:lnSpc>
              <a:spcBef>
                <a:spcPct val="70000"/>
              </a:spcBef>
              <a:buClr>
                <a:schemeClr val="folHlink"/>
              </a:buClr>
              <a:buSzPct val="92000"/>
              <a:buFont typeface="Wingdings" charset="0"/>
              <a:buChar char="n"/>
            </a:pPr>
            <a:endParaRPr lang="en-US" sz="1100">
              <a:latin typeface="Trebuchet MS" charset="0"/>
              <a:ea typeface="LF_Kai" charset="0"/>
              <a:cs typeface="LF_Kai" charset="0"/>
            </a:endParaRPr>
          </a:p>
          <a:p>
            <a:pPr marL="184150" lvl="1" indent="-182563" defTabSz="893763" eaLnBrk="0" hangingPunct="0">
              <a:lnSpc>
                <a:spcPct val="110000"/>
              </a:lnSpc>
              <a:spcBef>
                <a:spcPct val="70000"/>
              </a:spcBef>
              <a:buClr>
                <a:schemeClr val="folHlink"/>
              </a:buClr>
              <a:buSzPct val="92000"/>
              <a:buFont typeface="Wingdings" charset="0"/>
              <a:buChar char="n"/>
            </a:pPr>
            <a:endParaRPr lang="en-US" sz="1100">
              <a:latin typeface="Trebuchet MS" charset="0"/>
              <a:ea typeface="LF_Kai" charset="0"/>
              <a:cs typeface="LF_Kai" charset="0"/>
            </a:endParaRPr>
          </a:p>
        </p:txBody>
      </p:sp>
      <p:pic>
        <p:nvPicPr>
          <p:cNvPr id="1245187" name="Picture 10" descr="Snapshot 2009-08-10 16-50-0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9600" y="762006"/>
            <a:ext cx="2895600" cy="4784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45188" name="Picture 11" descr="Snapshot 2009-08-10 16-51-21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48200" y="533406"/>
            <a:ext cx="3771900" cy="5070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45189" name="Text Box 12"/>
          <p:cNvSpPr txBox="1">
            <a:spLocks noChangeArrowheads="1"/>
          </p:cNvSpPr>
          <p:nvPr/>
        </p:nvSpPr>
        <p:spPr bwMode="auto">
          <a:xfrm>
            <a:off x="609600" y="5715005"/>
            <a:ext cx="2738438" cy="26561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0165" tIns="40083" rIns="80165" bIns="40083">
            <a:spAutoFit/>
          </a:bodyPr>
          <a:lstStyle>
            <a:lvl1pPr defTabSz="801688"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1pPr>
            <a:lvl2pPr marL="650875" indent="-250825" defTabSz="801688"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2pPr>
            <a:lvl3pPr marL="1001713" indent="-200025" defTabSz="801688"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3pPr>
            <a:lvl4pPr marL="1403350" indent="-201613" defTabSz="801688"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4pPr>
            <a:lvl5pPr marL="1803400" indent="-200025" defTabSz="801688"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5pPr>
            <a:lvl6pPr marL="2260600" indent="-200025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6pPr>
            <a:lvl7pPr marL="2717800" indent="-200025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7pPr>
            <a:lvl8pPr marL="3175000" indent="-200025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8pPr>
            <a:lvl9pPr marL="3632200" indent="-200025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algn="ctr">
              <a:spcBef>
                <a:spcPct val="50000"/>
              </a:spcBef>
            </a:pPr>
            <a:r>
              <a:rPr lang="en-US" sz="1200" b="1">
                <a:ea typeface="LF_Kai" charset="0"/>
                <a:cs typeface="LF_Kai" charset="0"/>
              </a:rPr>
              <a:t>Source: Olshansky, 1988</a:t>
            </a:r>
            <a:endParaRPr lang="en-US" sz="1200" b="1">
              <a:solidFill>
                <a:schemeClr val="bg1"/>
              </a:solidFill>
              <a:ea typeface="LF_Kai" charset="0"/>
              <a:cs typeface="LF_Kai" charset="0"/>
            </a:endParaRPr>
          </a:p>
        </p:txBody>
      </p:sp>
      <p:sp>
        <p:nvSpPr>
          <p:cNvPr id="1245190" name="Rectangle 13"/>
          <p:cNvSpPr>
            <a:spLocks noChangeArrowheads="1"/>
          </p:cNvSpPr>
          <p:nvPr/>
        </p:nvSpPr>
        <p:spPr bwMode="auto">
          <a:xfrm>
            <a:off x="4981591" y="5949956"/>
            <a:ext cx="161896" cy="89655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80165" tIns="40083" rIns="80165" bIns="40083">
            <a:spAutoFit/>
          </a:bodyPr>
          <a:lstStyle/>
          <a:p>
            <a:pPr algn="ctr" defTabSz="801688"/>
            <a:endParaRPr lang="en-US" sz="5300">
              <a:solidFill>
                <a:schemeClr val="bg1"/>
              </a:solidFill>
              <a:latin typeface="55 Helvetica Roman" charset="0"/>
              <a:ea typeface="LF_Kai" charset="0"/>
              <a:cs typeface="LF_Kai" charset="0"/>
            </a:endParaRPr>
          </a:p>
        </p:txBody>
      </p:sp>
      <p:sp>
        <p:nvSpPr>
          <p:cNvPr id="1245191" name="Text Box 14"/>
          <p:cNvSpPr txBox="1">
            <a:spLocks noChangeArrowheads="1"/>
          </p:cNvSpPr>
          <p:nvPr/>
        </p:nvSpPr>
        <p:spPr bwMode="auto">
          <a:xfrm>
            <a:off x="5181600" y="5791205"/>
            <a:ext cx="2738438" cy="26561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0165" tIns="40083" rIns="80165" bIns="40083">
            <a:spAutoFit/>
          </a:bodyPr>
          <a:lstStyle>
            <a:lvl1pPr defTabSz="801688"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1pPr>
            <a:lvl2pPr marL="650875" indent="-250825" defTabSz="801688"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2pPr>
            <a:lvl3pPr marL="1001713" indent="-200025" defTabSz="801688"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3pPr>
            <a:lvl4pPr marL="1403350" indent="-201613" defTabSz="801688"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4pPr>
            <a:lvl5pPr marL="1803400" indent="-200025" defTabSz="801688"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5pPr>
            <a:lvl6pPr marL="2260600" indent="-200025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6pPr>
            <a:lvl7pPr marL="2717800" indent="-200025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7pPr>
            <a:lvl8pPr marL="3175000" indent="-200025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8pPr>
            <a:lvl9pPr marL="3632200" indent="-200025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algn="ctr">
              <a:spcBef>
                <a:spcPct val="50000"/>
              </a:spcBef>
            </a:pPr>
            <a:r>
              <a:rPr lang="en-US" sz="1200" b="1">
                <a:ea typeface="LF_Kai" charset="0"/>
                <a:cs typeface="LF_Kai" charset="0"/>
              </a:rPr>
              <a:t>Source: Olshansky et al., 2005</a:t>
            </a:r>
            <a:endParaRPr lang="en-US" sz="1200" b="1">
              <a:solidFill>
                <a:schemeClr val="bg1"/>
              </a:solidFill>
              <a:ea typeface="LF_Kai" charset="0"/>
              <a:cs typeface="LF_Kai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621146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8673" name="Picture 2" descr="deathdistribution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8600" y="685800"/>
            <a:ext cx="8610600" cy="5943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1491" name="AutoShape 3"/>
          <p:cNvSpPr>
            <a:spLocks noChangeArrowheads="1"/>
          </p:cNvSpPr>
          <p:nvPr/>
        </p:nvSpPr>
        <p:spPr bwMode="auto">
          <a:xfrm>
            <a:off x="3886200" y="4800600"/>
            <a:ext cx="152400" cy="152400"/>
          </a:xfrm>
          <a:prstGeom prst="flowChartOr">
            <a:avLst/>
          </a:prstGeom>
          <a:solidFill>
            <a:schemeClr val="accent1"/>
          </a:solidFill>
          <a:ln w="9525">
            <a:solidFill>
              <a:schemeClr val="tx1"/>
            </a:solidFill>
            <a:round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>
              <a:defRPr/>
            </a:pPr>
            <a:endParaRPr lang="en-US">
              <a:cs typeface="+mn-cs"/>
            </a:endParaRPr>
          </a:p>
        </p:txBody>
      </p:sp>
      <p:sp>
        <p:nvSpPr>
          <p:cNvPr id="191492" name="AutoShape 4"/>
          <p:cNvSpPr>
            <a:spLocks noChangeArrowheads="1"/>
          </p:cNvSpPr>
          <p:nvPr/>
        </p:nvSpPr>
        <p:spPr bwMode="auto">
          <a:xfrm>
            <a:off x="5486400" y="2209800"/>
            <a:ext cx="152400" cy="152400"/>
          </a:xfrm>
          <a:prstGeom prst="flowChartOr">
            <a:avLst/>
          </a:prstGeom>
          <a:solidFill>
            <a:schemeClr val="accent1"/>
          </a:solidFill>
          <a:ln w="9525">
            <a:solidFill>
              <a:schemeClr val="tx1"/>
            </a:solidFill>
            <a:round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>
              <a:defRPr/>
            </a:pPr>
            <a:endParaRPr lang="en-US">
              <a:cs typeface="+mn-cs"/>
            </a:endParaRPr>
          </a:p>
        </p:txBody>
      </p:sp>
      <p:sp>
        <p:nvSpPr>
          <p:cNvPr id="191493" name="AutoShape 5"/>
          <p:cNvSpPr>
            <a:spLocks noChangeArrowheads="1"/>
          </p:cNvSpPr>
          <p:nvPr/>
        </p:nvSpPr>
        <p:spPr bwMode="auto">
          <a:xfrm>
            <a:off x="7010400" y="5638800"/>
            <a:ext cx="152400" cy="152400"/>
          </a:xfrm>
          <a:prstGeom prst="flowChartSummingJunction">
            <a:avLst/>
          </a:prstGeom>
          <a:solidFill>
            <a:srgbClr val="FF0000"/>
          </a:solidFill>
          <a:ln w="9525">
            <a:solidFill>
              <a:schemeClr val="tx1"/>
            </a:solidFill>
            <a:round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>
              <a:defRPr/>
            </a:pPr>
            <a:endParaRPr lang="en-US">
              <a:cs typeface="+mn-cs"/>
            </a:endParaRPr>
          </a:p>
        </p:txBody>
      </p:sp>
      <p:sp>
        <p:nvSpPr>
          <p:cNvPr id="191494" name="AutoShape 6"/>
          <p:cNvSpPr>
            <a:spLocks noChangeArrowheads="1"/>
          </p:cNvSpPr>
          <p:nvPr/>
        </p:nvSpPr>
        <p:spPr bwMode="auto">
          <a:xfrm>
            <a:off x="6629400" y="5638800"/>
            <a:ext cx="152400" cy="152400"/>
          </a:xfrm>
          <a:prstGeom prst="flowChartSummingJunction">
            <a:avLst/>
          </a:prstGeom>
          <a:solidFill>
            <a:srgbClr val="FF0000"/>
          </a:solidFill>
          <a:ln w="9525">
            <a:solidFill>
              <a:schemeClr val="tx1"/>
            </a:solidFill>
            <a:round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>
              <a:defRPr/>
            </a:pPr>
            <a:endParaRPr lang="en-US">
              <a:cs typeface="+mn-cs"/>
            </a:endParaRPr>
          </a:p>
        </p:txBody>
      </p:sp>
      <p:sp>
        <p:nvSpPr>
          <p:cNvPr id="191495" name="AutoShape 7"/>
          <p:cNvSpPr>
            <a:spLocks noChangeArrowheads="1"/>
          </p:cNvSpPr>
          <p:nvPr/>
        </p:nvSpPr>
        <p:spPr bwMode="auto">
          <a:xfrm>
            <a:off x="7315200" y="5562600"/>
            <a:ext cx="381000" cy="228600"/>
          </a:xfrm>
          <a:prstGeom prst="flowChartMerge">
            <a:avLst/>
          </a:prstGeom>
          <a:solidFill>
            <a:srgbClr val="FFFF00"/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>
              <a:defRPr/>
            </a:pPr>
            <a:endParaRPr lang="en-US">
              <a:cs typeface="+mn-cs"/>
            </a:endParaRPr>
          </a:p>
        </p:txBody>
      </p:sp>
      <p:sp>
        <p:nvSpPr>
          <p:cNvPr id="191496" name="AutoShape 8"/>
          <p:cNvSpPr>
            <a:spLocks noChangeArrowheads="1"/>
          </p:cNvSpPr>
          <p:nvPr/>
        </p:nvSpPr>
        <p:spPr bwMode="auto">
          <a:xfrm>
            <a:off x="2057400" y="838200"/>
            <a:ext cx="381000" cy="228600"/>
          </a:xfrm>
          <a:prstGeom prst="flowChartMerge">
            <a:avLst/>
          </a:prstGeom>
          <a:solidFill>
            <a:srgbClr val="FFFF00"/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>
              <a:defRPr/>
            </a:pPr>
            <a:endParaRPr lang="en-US">
              <a:cs typeface="+mn-cs"/>
            </a:endParaRPr>
          </a:p>
        </p:txBody>
      </p:sp>
      <p:sp>
        <p:nvSpPr>
          <p:cNvPr id="191497" name="AutoShape 9"/>
          <p:cNvSpPr>
            <a:spLocks noChangeArrowheads="1"/>
          </p:cNvSpPr>
          <p:nvPr/>
        </p:nvSpPr>
        <p:spPr bwMode="auto">
          <a:xfrm>
            <a:off x="2209800" y="1371600"/>
            <a:ext cx="152400" cy="152400"/>
          </a:xfrm>
          <a:prstGeom prst="flowChartSummingJunction">
            <a:avLst/>
          </a:prstGeom>
          <a:solidFill>
            <a:srgbClr val="FF0000"/>
          </a:solidFill>
          <a:ln w="9525">
            <a:solidFill>
              <a:schemeClr val="tx1"/>
            </a:solidFill>
            <a:round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>
              <a:defRPr/>
            </a:pPr>
            <a:endParaRPr lang="en-US">
              <a:cs typeface="+mn-cs"/>
            </a:endParaRPr>
          </a:p>
        </p:txBody>
      </p:sp>
      <p:sp>
        <p:nvSpPr>
          <p:cNvPr id="191498" name="AutoShape 10"/>
          <p:cNvSpPr>
            <a:spLocks noChangeArrowheads="1"/>
          </p:cNvSpPr>
          <p:nvPr/>
        </p:nvSpPr>
        <p:spPr bwMode="auto">
          <a:xfrm>
            <a:off x="2209800" y="1905000"/>
            <a:ext cx="152400" cy="152400"/>
          </a:xfrm>
          <a:prstGeom prst="flowChartOr">
            <a:avLst/>
          </a:prstGeom>
          <a:solidFill>
            <a:schemeClr val="accent1"/>
          </a:solidFill>
          <a:ln w="9525">
            <a:solidFill>
              <a:schemeClr val="tx1"/>
            </a:solidFill>
            <a:round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>
              <a:defRPr/>
            </a:pPr>
            <a:endParaRPr lang="en-US">
              <a:cs typeface="+mn-cs"/>
            </a:endParaRPr>
          </a:p>
        </p:txBody>
      </p:sp>
      <p:sp>
        <p:nvSpPr>
          <p:cNvPr id="191499" name="Text Box 11"/>
          <p:cNvSpPr txBox="1">
            <a:spLocks noChangeArrowheads="1"/>
          </p:cNvSpPr>
          <p:nvPr/>
        </p:nvSpPr>
        <p:spPr bwMode="auto">
          <a:xfrm>
            <a:off x="2438400" y="762000"/>
            <a:ext cx="3352800" cy="2746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200" b="1">
                <a:cs typeface="+mn-cs"/>
              </a:rPr>
              <a:t>Maximum Lifespan Potential = 120</a:t>
            </a:r>
          </a:p>
        </p:txBody>
      </p:sp>
      <p:sp>
        <p:nvSpPr>
          <p:cNvPr id="191500" name="Text Box 12"/>
          <p:cNvSpPr txBox="1">
            <a:spLocks noChangeArrowheads="1"/>
          </p:cNvSpPr>
          <p:nvPr/>
        </p:nvSpPr>
        <p:spPr bwMode="auto">
          <a:xfrm>
            <a:off x="2438400" y="1295400"/>
            <a:ext cx="4267200" cy="2746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200" b="1">
                <a:cs typeface="+mn-cs"/>
              </a:rPr>
              <a:t>Maximum Observed Age at Death = 105, 113 *</a:t>
            </a:r>
          </a:p>
        </p:txBody>
      </p:sp>
      <p:sp>
        <p:nvSpPr>
          <p:cNvPr id="191501" name="Text Box 13"/>
          <p:cNvSpPr txBox="1">
            <a:spLocks noChangeArrowheads="1"/>
          </p:cNvSpPr>
          <p:nvPr/>
        </p:nvSpPr>
        <p:spPr bwMode="auto">
          <a:xfrm>
            <a:off x="2438400" y="1828800"/>
            <a:ext cx="4419600" cy="2746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200" b="1">
                <a:cs typeface="+mn-cs"/>
              </a:rPr>
              <a:t>Period Life Expectancy at Birth = 49, 80 *</a:t>
            </a:r>
          </a:p>
        </p:txBody>
      </p:sp>
      <p:sp>
        <p:nvSpPr>
          <p:cNvPr id="191506" name="Text Box 18"/>
          <p:cNvSpPr txBox="1">
            <a:spLocks noChangeArrowheads="1"/>
          </p:cNvSpPr>
          <p:nvPr/>
        </p:nvSpPr>
        <p:spPr bwMode="auto">
          <a:xfrm>
            <a:off x="2514600" y="3810000"/>
            <a:ext cx="914400" cy="36933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dirty="0">
                <a:cs typeface="+mn-cs"/>
              </a:rPr>
              <a:t>1900</a:t>
            </a:r>
          </a:p>
        </p:txBody>
      </p:sp>
      <p:sp>
        <p:nvSpPr>
          <p:cNvPr id="191507" name="Text Box 19"/>
          <p:cNvSpPr txBox="1">
            <a:spLocks noChangeArrowheads="1"/>
          </p:cNvSpPr>
          <p:nvPr/>
        </p:nvSpPr>
        <p:spPr bwMode="auto">
          <a:xfrm>
            <a:off x="7010400" y="3657600"/>
            <a:ext cx="990600" cy="36933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dirty="0">
                <a:cs typeface="+mn-cs"/>
              </a:rPr>
              <a:t>2010</a:t>
            </a:r>
          </a:p>
        </p:txBody>
      </p:sp>
      <p:sp>
        <p:nvSpPr>
          <p:cNvPr id="191508" name="Line 20"/>
          <p:cNvSpPr>
            <a:spLocks noChangeShapeType="1"/>
          </p:cNvSpPr>
          <p:nvPr/>
        </p:nvSpPr>
        <p:spPr bwMode="auto">
          <a:xfrm flipH="1">
            <a:off x="6324600" y="3886200"/>
            <a:ext cx="609600" cy="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 xmlns="">
                <a:noFill/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191509" name="Line 21"/>
          <p:cNvSpPr>
            <a:spLocks noChangeShapeType="1"/>
          </p:cNvSpPr>
          <p:nvPr/>
        </p:nvSpPr>
        <p:spPr bwMode="auto">
          <a:xfrm>
            <a:off x="2895600" y="4343400"/>
            <a:ext cx="0" cy="76200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 xmlns="">
                <a:noFill/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23" name="Rectangle 2"/>
          <p:cNvSpPr>
            <a:spLocks noChangeArrowheads="1"/>
          </p:cNvSpPr>
          <p:nvPr/>
        </p:nvSpPr>
        <p:spPr bwMode="auto">
          <a:xfrm>
            <a:off x="39688" y="138113"/>
            <a:ext cx="9104312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anchor="ctr"/>
          <a:lstStyle/>
          <a:p>
            <a:pPr algn="ctr" eaLnBrk="0" hangingPunct="0">
              <a:defRPr/>
            </a:pPr>
            <a:r>
              <a:rPr lang="en-US" sz="4500" b="1" dirty="0">
                <a:solidFill>
                  <a:srgbClr val="3333CC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U.S. Females</a:t>
            </a:r>
            <a:endParaRPr lang="en-US" sz="7200" b="1" dirty="0">
              <a:solidFill>
                <a:srgbClr val="3333CC"/>
              </a:solidFill>
              <a:latin typeface="Calibri" pitchFamily="34" charset="0"/>
              <a:ea typeface="ＭＳ Ｐゴシック" pitchFamily="34" charset="-128"/>
              <a:cs typeface="+mn-cs"/>
            </a:endParaRPr>
          </a:p>
        </p:txBody>
      </p:sp>
      <p:sp>
        <p:nvSpPr>
          <p:cNvPr id="24" name="Rectangle 23"/>
          <p:cNvSpPr/>
          <p:nvPr/>
        </p:nvSpPr>
        <p:spPr bwMode="auto">
          <a:xfrm>
            <a:off x="4800600" y="1524000"/>
            <a:ext cx="2895600" cy="4267200"/>
          </a:xfrm>
          <a:prstGeom prst="rect">
            <a:avLst/>
          </a:prstGeom>
          <a:gradFill flip="none" rotWithShape="1">
            <a:gsLst>
              <a:gs pos="25000">
                <a:srgbClr val="FF0000">
                  <a:alpha val="47000"/>
                </a:srgbClr>
              </a:gs>
              <a:gs pos="100000">
                <a:srgbClr val="FFFFFF">
                  <a:alpha val="24000"/>
                </a:srgbClr>
              </a:gs>
            </a:gsLst>
            <a:path path="circle">
              <a:fillToRect l="100000" t="100000"/>
            </a:path>
            <a:tileRect r="-100000" b="-100000"/>
          </a:gra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pPr>
              <a:defRPr/>
            </a:pP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421079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-8467" y="2819400"/>
            <a:ext cx="9144000" cy="156966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9600" b="1" dirty="0" smtClean="0">
                <a:solidFill>
                  <a:srgbClr val="000090"/>
                </a:solidFill>
                <a:latin typeface="Times New Roman"/>
                <a:cs typeface="Times New Roman"/>
              </a:rPr>
              <a:t>The Hype</a:t>
            </a:r>
            <a:endParaRPr lang="en-US" sz="9600" b="1" dirty="0">
              <a:solidFill>
                <a:srgbClr val="000090"/>
              </a:solidFill>
              <a:latin typeface="Times New Roman"/>
              <a:cs typeface="Times New Roman"/>
            </a:endParaRPr>
          </a:p>
        </p:txBody>
      </p:sp>
    </p:spTree>
    <p:extLst>
      <p:ext uri="{BB962C8B-B14F-4D97-AF65-F5344CB8AC3E}">
        <p14:creationId xmlns:p14="http://schemas.microsoft.com/office/powerpoint/2010/main" val="2911508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0418" name="Picture 2" descr="Livingto100-1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317500"/>
            <a:ext cx="4343400" cy="59644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" name="Picture 1" descr="NGM2013_May_CV2c-grid-cb1366327114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257800" y="152406"/>
            <a:ext cx="3149600" cy="4558171"/>
          </a:xfrm>
          <a:prstGeom prst="rect">
            <a:avLst/>
          </a:prstGeom>
        </p:spPr>
      </p:pic>
      <p:pic>
        <p:nvPicPr>
          <p:cNvPr id="3" name="Picture 2" descr="images-11.jp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72203" y="4735971"/>
            <a:ext cx="1389797" cy="19812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80504429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4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604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2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3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5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images-11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48223" y="1295400"/>
            <a:ext cx="1986959" cy="2628900"/>
          </a:xfrm>
          <a:prstGeom prst="rect">
            <a:avLst/>
          </a:prstGeom>
        </p:spPr>
      </p:pic>
      <p:pic>
        <p:nvPicPr>
          <p:cNvPr id="5" name="Picture 4" descr="1101100222_400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00600" y="2305050"/>
            <a:ext cx="1872590" cy="2476500"/>
          </a:xfrm>
          <a:prstGeom prst="rect">
            <a:avLst/>
          </a:prstGeom>
        </p:spPr>
      </p:pic>
      <p:pic>
        <p:nvPicPr>
          <p:cNvPr id="6" name="Picture 5" descr="images-12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934203" y="3924300"/>
            <a:ext cx="1940599" cy="2590800"/>
          </a:xfrm>
          <a:prstGeom prst="rect">
            <a:avLst/>
          </a:prstGeom>
        </p:spPr>
      </p:pic>
      <p:pic>
        <p:nvPicPr>
          <p:cNvPr id="7" name="Picture 6" descr="imgres-17.jp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6"/>
            <a:ext cx="2196542" cy="28913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181162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2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7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2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 descr="Time 2 1.jpe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12972" y="16933"/>
            <a:ext cx="3831031" cy="6858000"/>
          </a:xfrm>
          <a:prstGeom prst="rect">
            <a:avLst/>
          </a:prstGeom>
        </p:spPr>
      </p:pic>
      <p:pic>
        <p:nvPicPr>
          <p:cNvPr id="3" name="Picture 2" descr="Time 1.jpe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" y="0"/>
            <a:ext cx="5312969" cy="6858000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2743200" y="5410206"/>
            <a:ext cx="2286000" cy="1200329"/>
          </a:xfrm>
          <a:prstGeom prst="rect">
            <a:avLst/>
          </a:prstGeom>
          <a:solidFill>
            <a:srgbClr val="CCCCCC"/>
          </a:solidFill>
        </p:spPr>
        <p:txBody>
          <a:bodyPr wrap="square" rtlCol="0">
            <a:spAutoFit/>
          </a:bodyPr>
          <a:lstStyle/>
          <a:p>
            <a:endParaRPr lang="en-US" dirty="0" smtClean="0"/>
          </a:p>
          <a:p>
            <a:endParaRPr lang="en-US" dirty="0"/>
          </a:p>
          <a:p>
            <a:endParaRPr lang="en-US" dirty="0" smtClean="0"/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53810326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286000" y="1447800"/>
            <a:ext cx="5105400" cy="458667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31029944"/>
      </p:ext>
    </p:extLst>
  </p:cSld>
  <p:clrMapOvr>
    <a:masterClrMapping/>
  </p:clrMapOvr>
  <p:transition spd="slow">
    <p:dissolve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forever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057400" y="-7102"/>
            <a:ext cx="5029200" cy="68618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50844038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/>
          <p:cNvSpPr txBox="1"/>
          <p:nvPr/>
        </p:nvSpPr>
        <p:spPr>
          <a:xfrm>
            <a:off x="6923296" y="3239252"/>
            <a:ext cx="2074377" cy="672296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 w="12700" cap="flat">
            <a:noFill/>
            <a:miter lim="400000"/>
          </a:ln>
          <a:effectLst>
            <a:outerShdw blurRad="50800" dist="38100" dir="2700000" algn="tl" rotWithShape="0">
              <a:srgbClr val="000000">
                <a:alpha val="43000"/>
              </a:srgbClr>
            </a:outerShdw>
          </a:effectLst>
          <a:scene3d>
            <a:camera prst="orthographicFront"/>
            <a:lightRig rig="threePt" dir="t"/>
          </a:scene3d>
          <a:sp3d>
            <a:bevelT w="38100"/>
            <a:bevelB/>
          </a:sp3d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35717" tIns="35717" rIns="35717" bIns="35717" numCol="1" spcCol="26788" rtlCol="0" anchor="ctr">
            <a:spAutoFit/>
          </a:bodyPr>
          <a:lstStyle/>
          <a:p>
            <a:pPr algn="ctr" defTabSz="410751" fontAlgn="auto" latinLnBrk="1" hangingPunct="0">
              <a:spcBef>
                <a:spcPts val="0"/>
              </a:spcBef>
              <a:spcAft>
                <a:spcPts val="0"/>
              </a:spcAft>
            </a:pPr>
            <a:r>
              <a:rPr lang="en-US" sz="1300" b="1" dirty="0">
                <a:solidFill>
                  <a:srgbClr val="0000FF"/>
                </a:solidFill>
                <a:latin typeface="Times New Roman"/>
                <a:cs typeface="Times New Roman"/>
                <a:sym typeface="Helvetica Light"/>
              </a:rPr>
              <a:t>Conclusion: Life expectancy at birth in the U.S. will rise   to 100 by 2060.</a:t>
            </a: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36976" y="609600"/>
            <a:ext cx="6769388" cy="59436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69796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1" name="Shape 111"/>
          <p:cNvSpPr>
            <a:spLocks noGrp="1"/>
          </p:cNvSpPr>
          <p:nvPr>
            <p:ph type="title"/>
          </p:nvPr>
        </p:nvSpPr>
        <p:spPr>
          <a:xfrm>
            <a:off x="65116" y="6"/>
            <a:ext cx="9078884" cy="1372155"/>
          </a:xfrm>
          <a:prstGeom prst="rect">
            <a:avLst/>
          </a:prstGeom>
        </p:spPr>
        <p:txBody>
          <a:bodyPr>
            <a:normAutofit/>
          </a:bodyPr>
          <a:lstStyle/>
          <a:p>
            <a:pPr lvl="0" algn="ctr">
              <a:lnSpc>
                <a:spcPct val="80000"/>
              </a:lnSpc>
              <a:defRPr sz="1800">
                <a:solidFill>
                  <a:srgbClr val="000000"/>
                </a:solidFill>
              </a:defRPr>
            </a:pPr>
            <a:r>
              <a:rPr lang="en-US" sz="4200" dirty="0">
                <a:latin typeface="Times New Roman"/>
                <a:cs typeface="Times New Roman"/>
              </a:rPr>
              <a:t>Unstated Assumptions That Accompany Linear Extrapolation of Life Expectancy</a:t>
            </a:r>
            <a:endParaRPr sz="4200" dirty="0">
              <a:latin typeface="Times New Roman"/>
              <a:cs typeface="Times New Roman"/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613941" y="1385179"/>
            <a:ext cx="7615660" cy="764632"/>
          </a:xfrm>
          <a:prstGeom prst="rect">
            <a:avLst/>
          </a:prstGeom>
          <a:noFill/>
          <a:ln w="12700" cap="flat">
            <a:noFill/>
            <a:miter lim="400000"/>
          </a:ln>
          <a:effectLst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35717" tIns="35717" rIns="35717" bIns="35717" numCol="1" spcCol="26788" rtlCol="0" anchor="ctr">
            <a:spAutoFit/>
          </a:bodyPr>
          <a:lstStyle/>
          <a:p>
            <a:pPr marL="522368" indent="-522368" defTabSz="410751" fontAlgn="auto" latinLnBrk="1" hangingPunct="0">
              <a:spcBef>
                <a:spcPts val="0"/>
              </a:spcBef>
              <a:spcAft>
                <a:spcPts val="0"/>
              </a:spcAft>
              <a:buFontTx/>
              <a:buAutoNum type="arabicPeriod"/>
            </a:pP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  <a:sym typeface="Helvetica Light"/>
              </a:rPr>
              <a:t>Past trends in life expectancy are more important than biology when it comes to forecasting.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613943" y="2272595"/>
            <a:ext cx="8195183" cy="1110881"/>
          </a:xfrm>
          <a:prstGeom prst="rect">
            <a:avLst/>
          </a:prstGeom>
          <a:noFill/>
          <a:ln w="12700" cap="flat">
            <a:noFill/>
            <a:miter lim="400000"/>
          </a:ln>
          <a:effectLst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35717" tIns="35717" rIns="35717" bIns="35717" numCol="1" spcCol="26788" rtlCol="0" anchor="ctr">
            <a:spAutoFit/>
          </a:bodyPr>
          <a:lstStyle/>
          <a:p>
            <a:pPr marL="361639" indent="-361639" defTabSz="410751" fontAlgn="auto" latinLnBrk="1" hangingPunct="0">
              <a:spcBef>
                <a:spcPts val="0"/>
              </a:spcBef>
              <a:spcAft>
                <a:spcPts val="0"/>
              </a:spcAft>
              <a:buAutoNum type="arabicPeriod" startAt="2"/>
            </a:pP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  <a:sym typeface="Helvetica Light"/>
              </a:rPr>
              <a:t> Declines in mortality in the future will occur at a faster pace for      </a:t>
            </a:r>
            <a:r>
              <a:rPr lang="en-US" sz="2200" dirty="0" smtClean="0">
                <a:solidFill>
                  <a:srgbClr val="000000"/>
                </a:solidFill>
                <a:latin typeface="Times New Roman"/>
                <a:cs typeface="Times New Roman"/>
                <a:sym typeface="Helvetica Light"/>
              </a:rPr>
              <a:t>   people 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</a:rPr>
              <a:t>aged 65 and older than what was observed for infants and    </a:t>
            </a:r>
            <a:r>
              <a:rPr lang="en-US" sz="2200" dirty="0" smtClean="0">
                <a:solidFill>
                  <a:srgbClr val="000000"/>
                </a:solidFill>
                <a:latin typeface="Times New Roman"/>
                <a:cs typeface="Times New Roman"/>
              </a:rPr>
              <a:t>   children 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</a:rPr>
              <a:t>in the early 20</a:t>
            </a:r>
            <a:r>
              <a:rPr lang="en-US" sz="2200" baseline="30000" dirty="0">
                <a:solidFill>
                  <a:srgbClr val="000000"/>
                </a:solidFill>
                <a:latin typeface="Times New Roman"/>
                <a:cs typeface="Times New Roman"/>
              </a:rPr>
              <a:t>th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</a:rPr>
              <a:t> century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  <a:sym typeface="Helvetica Light"/>
              </a:rPr>
              <a:t>.</a:t>
            </a:r>
          </a:p>
        </p:txBody>
      </p:sp>
      <p:sp>
        <p:nvSpPr>
          <p:cNvPr id="9" name="TextBox 8"/>
          <p:cNvSpPr txBox="1"/>
          <p:nvPr/>
        </p:nvSpPr>
        <p:spPr>
          <a:xfrm>
            <a:off x="613944" y="4622135"/>
            <a:ext cx="8530059" cy="1110881"/>
          </a:xfrm>
          <a:prstGeom prst="rect">
            <a:avLst/>
          </a:prstGeom>
          <a:noFill/>
          <a:ln w="12700" cap="flat">
            <a:noFill/>
            <a:miter lim="400000"/>
          </a:ln>
          <a:effectLst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35717" tIns="35717" rIns="35717" bIns="35717" numCol="1" spcCol="26788" rtlCol="0" anchor="ctr">
            <a:spAutoFit/>
          </a:bodyPr>
          <a:lstStyle/>
          <a:p>
            <a:pPr defTabSz="410751" fontAlgn="auto" latinLnBrk="1" hangingPunct="0">
              <a:spcBef>
                <a:spcPts val="0"/>
              </a:spcBef>
              <a:spcAft>
                <a:spcPts val="0"/>
              </a:spcAft>
            </a:pPr>
            <a:r>
              <a:rPr lang="en-US" sz="2200" dirty="0">
                <a:solidFill>
                  <a:srgbClr val="000000"/>
                </a:solidFill>
                <a:sym typeface="Helvetica Light"/>
              </a:rPr>
              <a:t>3.	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  <a:sym typeface="Helvetica Light"/>
              </a:rPr>
              <a:t>Declines in mortality in the future will occur for diseases present             </a:t>
            </a:r>
            <a:r>
              <a:rPr lang="en-US" sz="2200" dirty="0" smtClean="0">
                <a:solidFill>
                  <a:srgbClr val="000000"/>
                </a:solidFill>
                <a:latin typeface="Times New Roman"/>
                <a:cs typeface="Times New Roman"/>
                <a:sym typeface="Helvetica Light"/>
              </a:rPr>
              <a:t>    today 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  <a:sym typeface="Helvetica Light"/>
              </a:rPr>
              <a:t>that have historically increased or stayed level – 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</a:rPr>
              <a:t>violating the          </a:t>
            </a:r>
            <a:r>
              <a:rPr lang="en-US" sz="2200" dirty="0" smtClean="0">
                <a:solidFill>
                  <a:srgbClr val="000000"/>
                </a:solidFill>
                <a:latin typeface="Times New Roman"/>
                <a:cs typeface="Times New Roman"/>
              </a:rPr>
              <a:t>   underlying 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</a:rPr>
              <a:t>premise of linear extrapolation.</a:t>
            </a:r>
            <a:endParaRPr lang="en-US" sz="2200" dirty="0">
              <a:solidFill>
                <a:srgbClr val="000000"/>
              </a:solidFill>
              <a:latin typeface="Times New Roman"/>
              <a:cs typeface="Times New Roman"/>
              <a:sym typeface="Helvetica Light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13943" y="5999131"/>
            <a:ext cx="8195183" cy="764632"/>
          </a:xfrm>
          <a:prstGeom prst="rect">
            <a:avLst/>
          </a:prstGeom>
          <a:noFill/>
          <a:ln w="12700" cap="flat">
            <a:noFill/>
            <a:miter lim="400000"/>
          </a:ln>
          <a:effectLst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35717" tIns="35717" rIns="35717" bIns="35717" numCol="1" spcCol="26788" rtlCol="0" anchor="ctr">
            <a:spAutoFit/>
          </a:bodyPr>
          <a:lstStyle/>
          <a:p>
            <a:pPr defTabSz="410751" fontAlgn="auto" latinLnBrk="1" hangingPunct="0">
              <a:spcBef>
                <a:spcPts val="0"/>
              </a:spcBef>
              <a:spcAft>
                <a:spcPts val="0"/>
              </a:spcAft>
            </a:pP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  <a:sym typeface="Helvetica Light"/>
              </a:rPr>
              <a:t>4.   Deaths from cardiovascular diseases will be reduced to zero                 </a:t>
            </a:r>
            <a:r>
              <a:rPr lang="en-US" sz="2200" dirty="0" smtClean="0">
                <a:solidFill>
                  <a:srgbClr val="000000"/>
                </a:solidFill>
                <a:latin typeface="Times New Roman"/>
                <a:cs typeface="Times New Roman"/>
                <a:sym typeface="Helvetica Light"/>
              </a:rPr>
              <a:t>   within 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  <a:sym typeface="Helvetica Light"/>
              </a:rPr>
              <a:t>the next decade.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613943" y="3407451"/>
            <a:ext cx="8195183" cy="1110881"/>
          </a:xfrm>
          <a:prstGeom prst="rect">
            <a:avLst/>
          </a:prstGeom>
          <a:noFill/>
          <a:ln w="12700" cap="flat">
            <a:noFill/>
            <a:miter lim="400000"/>
          </a:ln>
          <a:effectLst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35717" tIns="35717" rIns="35717" bIns="35717" numCol="1" spcCol="26788" rtlCol="0" anchor="ctr">
            <a:spAutoFit/>
          </a:bodyPr>
          <a:lstStyle/>
          <a:p>
            <a:pPr defTabSz="410751" fontAlgn="auto" latinLnBrk="1" hangingPunct="0">
              <a:spcBef>
                <a:spcPts val="0"/>
              </a:spcBef>
              <a:spcAft>
                <a:spcPts val="0"/>
              </a:spcAft>
            </a:pP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</a:rPr>
              <a:t>2a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  <a:sym typeface="Helvetica Light"/>
              </a:rPr>
              <a:t>.  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</a:rPr>
              <a:t>Unknown medical technologies in the future will add decades to          </a:t>
            </a:r>
            <a:r>
              <a:rPr lang="en-US" sz="2200" dirty="0" smtClean="0">
                <a:solidFill>
                  <a:srgbClr val="000000"/>
                </a:solidFill>
                <a:latin typeface="Times New Roman"/>
                <a:cs typeface="Times New Roman"/>
              </a:rPr>
              <a:t>   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</a:rPr>
              <a:t>the lives of people aged 65 and older at a faster pace than public           </a:t>
            </a:r>
            <a:r>
              <a:rPr lang="en-US" sz="2200" dirty="0" smtClean="0">
                <a:solidFill>
                  <a:srgbClr val="000000"/>
                </a:solidFill>
                <a:latin typeface="Times New Roman"/>
                <a:cs typeface="Times New Roman"/>
              </a:rPr>
              <a:t>  health 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</a:rPr>
              <a:t>added survival time to children in the 20</a:t>
            </a:r>
            <a:r>
              <a:rPr lang="en-US" sz="2200" baseline="30000" dirty="0">
                <a:solidFill>
                  <a:srgbClr val="000000"/>
                </a:solidFill>
                <a:latin typeface="Times New Roman"/>
                <a:cs typeface="Times New Roman"/>
              </a:rPr>
              <a:t>th</a:t>
            </a:r>
            <a:r>
              <a:rPr lang="en-US" sz="2200" dirty="0">
                <a:solidFill>
                  <a:srgbClr val="000000"/>
                </a:solidFill>
                <a:latin typeface="Times New Roman"/>
                <a:cs typeface="Times New Roman"/>
              </a:rPr>
              <a:t> century.</a:t>
            </a:r>
            <a:endParaRPr lang="en-US" sz="2200" dirty="0">
              <a:solidFill>
                <a:srgbClr val="000000"/>
              </a:solidFill>
              <a:sym typeface="Helvetica Light"/>
            </a:endParaRPr>
          </a:p>
        </p:txBody>
      </p:sp>
    </p:spTree>
    <p:extLst>
      <p:ext uri="{BB962C8B-B14F-4D97-AF65-F5344CB8AC3E}">
        <p14:creationId xmlns:p14="http://schemas.microsoft.com/office/powerpoint/2010/main" val="16570948"/>
      </p:ext>
    </p:extLst>
  </p:cSld>
  <p:clrMapOvr>
    <a:masterClrMapping/>
  </p:clrMapOvr>
  <p:transition spd="slow">
    <p:dissolv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1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2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7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2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7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8" fill="hold">
                      <p:stCondLst>
                        <p:cond delay="indefinite"/>
                      </p:stCondLst>
                      <p:childTnLst>
                        <p:par>
                          <p:cTn id="29" fill="hold">
                            <p:stCondLst>
                              <p:cond delay="0"/>
                            </p:stCondLst>
                            <p:childTnLst>
                              <p:par>
                                <p:cTn id="30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32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1" grpId="0"/>
      <p:bldP spid="3" grpId="0"/>
      <p:bldP spid="8" grpId="0"/>
      <p:bldP spid="9" grpId="0"/>
      <p:bldP spid="10" grpId="0"/>
      <p:bldP spid="11" grpId="0"/>
    </p:bld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-8467" y="2819400"/>
            <a:ext cx="9144000" cy="156966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9600" b="1" dirty="0" smtClean="0">
                <a:solidFill>
                  <a:srgbClr val="000090"/>
                </a:solidFill>
                <a:latin typeface="Times New Roman"/>
                <a:cs typeface="Times New Roman"/>
              </a:rPr>
              <a:t>The Rise</a:t>
            </a:r>
            <a:endParaRPr lang="en-US" sz="9600" b="1" dirty="0">
              <a:solidFill>
                <a:srgbClr val="000090"/>
              </a:solidFill>
              <a:latin typeface="Times New Roman"/>
              <a:cs typeface="Times New Roman"/>
            </a:endParaRPr>
          </a:p>
        </p:txBody>
      </p:sp>
    </p:spTree>
    <p:extLst>
      <p:ext uri="{BB962C8B-B14F-4D97-AF65-F5344CB8AC3E}">
        <p14:creationId xmlns:p14="http://schemas.microsoft.com/office/powerpoint/2010/main" val="42949139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</p:bld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1" name="TextBox 1"/>
          <p:cNvSpPr txBox="1">
            <a:spLocks noChangeArrowheads="1"/>
          </p:cNvSpPr>
          <p:nvPr/>
        </p:nvSpPr>
        <p:spPr bwMode="auto">
          <a:xfrm>
            <a:off x="304800" y="152400"/>
            <a:ext cx="8839200" cy="1200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defTabSz="912813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1pPr>
            <a:lvl2pPr marL="742950" indent="-285750" defTabSz="912813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2pPr>
            <a:lvl3pPr marL="1143000" indent="-228600" defTabSz="912813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3pPr>
            <a:lvl4pPr marL="1600200" indent="-228600" defTabSz="912813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4pPr>
            <a:lvl5pPr marL="2057400" indent="-228600" defTabSz="912813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5pPr>
            <a:lvl6pPr marL="25146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6pPr>
            <a:lvl7pPr marL="29718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7pPr>
            <a:lvl8pPr marL="34290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8pPr>
            <a:lvl9pPr marL="38862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charset="0"/>
              </a:defRPr>
            </a:lvl9pPr>
          </a:lstStyle>
          <a:p>
            <a:pPr algn="ctr" eaLnBrk="1" hangingPunct="1"/>
            <a:r>
              <a:rPr lang="en-US" sz="7200" b="1">
                <a:solidFill>
                  <a:srgbClr val="000090"/>
                </a:solidFill>
                <a:latin typeface="Times New Roman" charset="0"/>
              </a:rPr>
              <a:t>Can most live to 100?</a:t>
            </a:r>
          </a:p>
        </p:txBody>
      </p:sp>
      <p:sp>
        <p:nvSpPr>
          <p:cNvPr id="3" name="Rectangle 2"/>
          <p:cNvSpPr>
            <a:spLocks noChangeArrowheads="1"/>
          </p:cNvSpPr>
          <p:nvPr/>
        </p:nvSpPr>
        <p:spPr bwMode="auto">
          <a:xfrm>
            <a:off x="533400" y="1981200"/>
            <a:ext cx="8305800" cy="41544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17" tIns="45709" rIns="91417" bIns="45709">
            <a:spAutoFit/>
          </a:bodyPr>
          <a:lstStyle/>
          <a:p>
            <a:pPr algn="ctr" defTabSz="914275">
              <a:defRPr/>
            </a:pPr>
            <a:r>
              <a:rPr lang="en-US" sz="4400" b="1" dirty="0">
                <a:solidFill>
                  <a:srgbClr val="000000"/>
                </a:solidFill>
                <a:cs typeface="LF_Kai" charset="0"/>
              </a:rPr>
              <a:t>Can we really add decades of life to people aged 70+ today faster than we added decades of life to children born in the early 20</a:t>
            </a:r>
            <a:r>
              <a:rPr lang="en-US" sz="4400" b="1" baseline="30000" dirty="0">
                <a:solidFill>
                  <a:srgbClr val="000000"/>
                </a:solidFill>
                <a:cs typeface="LF_Kai" charset="0"/>
              </a:rPr>
              <a:t>th</a:t>
            </a:r>
            <a:r>
              <a:rPr lang="en-US" sz="4400" b="1" dirty="0">
                <a:solidFill>
                  <a:srgbClr val="000000"/>
                </a:solidFill>
                <a:cs typeface="LF_Kai" charset="0"/>
              </a:rPr>
              <a:t> century?  </a:t>
            </a:r>
          </a:p>
          <a:p>
            <a:pPr defTabSz="914275">
              <a:defRPr/>
            </a:pPr>
            <a:r>
              <a:rPr lang="en-US" sz="4400" b="1" dirty="0">
                <a:solidFill>
                  <a:srgbClr val="000000"/>
                </a:solidFill>
                <a:cs typeface="LF_Kai" charset="0"/>
              </a:rPr>
              <a:t> </a:t>
            </a:r>
          </a:p>
        </p:txBody>
      </p:sp>
    </p:spTree>
    <p:extLst>
      <p:ext uri="{BB962C8B-B14F-4D97-AF65-F5344CB8AC3E}">
        <p14:creationId xmlns:p14="http://schemas.microsoft.com/office/powerpoint/2010/main" val="299774340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4914" name="Rectangle 2"/>
          <p:cNvSpPr>
            <a:spLocks noChangeArrowheads="1"/>
          </p:cNvSpPr>
          <p:nvPr/>
        </p:nvSpPr>
        <p:spPr bwMode="auto">
          <a:xfrm>
            <a:off x="914400" y="152400"/>
            <a:ext cx="8072438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anchor="ctr"/>
          <a:lstStyle/>
          <a:p>
            <a:pPr algn="ctr" eaLnBrk="0" hangingPunct="0">
              <a:defRPr/>
            </a:pPr>
            <a:r>
              <a:rPr lang="en-US" sz="2800" b="1" dirty="0" smtClean="0">
                <a:solidFill>
                  <a:schemeClr val="tx2"/>
                </a:solidFill>
                <a:latin typeface="Calibri" pitchFamily="34" charset="0"/>
                <a:cs typeface="+mn-cs"/>
              </a:rPr>
              <a:t>Does Anyone Really Believe We Can Eliminate Genetic Heterogeneity?</a:t>
            </a:r>
            <a:endParaRPr lang="en-US" sz="2800" b="1" dirty="0">
              <a:solidFill>
                <a:schemeClr val="tx2"/>
              </a:solidFill>
              <a:latin typeface="Calibri" pitchFamily="34" charset="0"/>
              <a:cs typeface="+mn-cs"/>
            </a:endParaRPr>
          </a:p>
        </p:txBody>
      </p:sp>
      <p:grpSp>
        <p:nvGrpSpPr>
          <p:cNvPr id="96262" name="Group 29"/>
          <p:cNvGrpSpPr>
            <a:grpSpLocks/>
          </p:cNvGrpSpPr>
          <p:nvPr/>
        </p:nvGrpSpPr>
        <p:grpSpPr bwMode="auto">
          <a:xfrm>
            <a:off x="914400" y="1417962"/>
            <a:ext cx="6711950" cy="4229100"/>
            <a:chOff x="650" y="958"/>
            <a:chExt cx="4272" cy="2826"/>
          </a:xfrm>
        </p:grpSpPr>
        <p:pic>
          <p:nvPicPr>
            <p:cNvPr id="63499" name="Picture 24" descr="Subpopulations"/>
            <p:cNvPicPr>
              <a:picLocks noChangeAspect="1" noChangeArrowheads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50" y="958"/>
              <a:ext cx="4272" cy="282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38100" cmpd="dbl">
                  <a:solidFill>
                    <a:srgbClr val="00FF99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63500" name="AutoShape 25"/>
            <p:cNvSpPr>
              <a:spLocks/>
            </p:cNvSpPr>
            <p:nvPr/>
          </p:nvSpPr>
          <p:spPr bwMode="auto">
            <a:xfrm rot="5400000">
              <a:off x="2613" y="120"/>
              <a:ext cx="159" cy="2421"/>
            </a:xfrm>
            <a:prstGeom prst="leftBrace">
              <a:avLst>
                <a:gd name="adj1" fmla="val 126887"/>
                <a:gd name="adj2" fmla="val 50000"/>
              </a:avLst>
            </a:prstGeom>
            <a:noFill/>
            <a:ln w="19050">
              <a:solidFill>
                <a:schemeClr val="tx1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  <p:txBody>
            <a:bodyPr wrap="none" lIns="154709" tIns="77356" rIns="154709" bIns="77356" anchor="ctr"/>
            <a:lstStyle/>
            <a:p>
              <a:pPr defTabSz="1042988"/>
              <a:endParaRPr lang="en-US" sz="1200">
                <a:solidFill>
                  <a:schemeClr val="accent2"/>
                </a:solidFill>
                <a:latin typeface="Calibri" charset="0"/>
              </a:endParaRPr>
            </a:p>
          </p:txBody>
        </p:sp>
        <p:sp>
          <p:nvSpPr>
            <p:cNvPr id="63501" name="AutoShape 26"/>
            <p:cNvSpPr>
              <a:spLocks/>
            </p:cNvSpPr>
            <p:nvPr/>
          </p:nvSpPr>
          <p:spPr bwMode="auto">
            <a:xfrm rot="-5400000">
              <a:off x="3610" y="2700"/>
              <a:ext cx="219" cy="1590"/>
            </a:xfrm>
            <a:prstGeom prst="leftBrace">
              <a:avLst>
                <a:gd name="adj1" fmla="val 60502"/>
                <a:gd name="adj2" fmla="val 48236"/>
              </a:avLst>
            </a:prstGeom>
            <a:noFill/>
            <a:ln w="19050">
              <a:solidFill>
                <a:schemeClr val="tx1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  <p:txBody>
            <a:bodyPr rot="10800000" wrap="none" lIns="154709" tIns="77356" rIns="154709" bIns="77356" anchor="ctr"/>
            <a:lstStyle/>
            <a:p>
              <a:pPr defTabSz="1042988"/>
              <a:endParaRPr lang="en-US" sz="1200">
                <a:solidFill>
                  <a:schemeClr val="accent2"/>
                </a:solidFill>
                <a:latin typeface="Calibri" charset="0"/>
              </a:endParaRPr>
            </a:p>
          </p:txBody>
        </p:sp>
        <p:sp>
          <p:nvSpPr>
            <p:cNvPr id="63502" name="Text Box 27"/>
            <p:cNvSpPr txBox="1">
              <a:spLocks noChangeArrowheads="1"/>
            </p:cNvSpPr>
            <p:nvPr/>
          </p:nvSpPr>
          <p:spPr bwMode="auto">
            <a:xfrm>
              <a:off x="1544" y="1085"/>
              <a:ext cx="2292" cy="17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154709" tIns="77356" rIns="154709" bIns="77356" anchor="ctr"/>
            <a:lstStyle>
              <a:lvl1pPr defTabSz="1042988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  <a:cs typeface="ＭＳ Ｐゴシック" charset="0"/>
                </a:defRPr>
              </a:lvl1pPr>
              <a:lvl2pPr marL="742950" indent="-285750" defTabSz="1042988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2pPr>
              <a:lvl3pPr marL="1143000" indent="-228600" defTabSz="1042988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3pPr>
              <a:lvl4pPr marL="1600200" indent="-228600" defTabSz="1042988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4pPr>
              <a:lvl5pPr marL="2057400" indent="-228600" defTabSz="1042988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5pPr>
              <a:lvl6pPr marL="2514600" indent="-228600" defTabSz="1042988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6pPr>
              <a:lvl7pPr marL="2971800" indent="-228600" defTabSz="1042988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7pPr>
              <a:lvl8pPr marL="3429000" indent="-228600" defTabSz="1042988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8pPr>
              <a:lvl9pPr marL="3886200" indent="-228600" defTabSz="1042988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9pPr>
            </a:lstStyle>
            <a:p>
              <a:pPr eaLnBrk="1" hangingPunct="1"/>
              <a:endParaRPr lang="en-US" sz="1200" b="1">
                <a:solidFill>
                  <a:schemeClr val="accent2"/>
                </a:solidFill>
                <a:latin typeface="Calibri" charset="0"/>
              </a:endParaRPr>
            </a:p>
          </p:txBody>
        </p:sp>
        <p:sp>
          <p:nvSpPr>
            <p:cNvPr id="63503" name="Text Box 28"/>
            <p:cNvSpPr txBox="1">
              <a:spLocks noChangeArrowheads="1"/>
            </p:cNvSpPr>
            <p:nvPr/>
          </p:nvSpPr>
          <p:spPr bwMode="auto">
            <a:xfrm>
              <a:off x="2534" y="3611"/>
              <a:ext cx="2324" cy="17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154709" tIns="77356" rIns="154709" bIns="77356" anchor="ctr"/>
            <a:lstStyle>
              <a:lvl1pPr defTabSz="1042988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  <a:cs typeface="ＭＳ Ｐゴシック" charset="0"/>
                </a:defRPr>
              </a:lvl1pPr>
              <a:lvl2pPr marL="742950" indent="-285750" defTabSz="1042988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2pPr>
              <a:lvl3pPr marL="1143000" indent="-228600" defTabSz="1042988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3pPr>
              <a:lvl4pPr marL="1600200" indent="-228600" defTabSz="1042988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4pPr>
              <a:lvl5pPr marL="2057400" indent="-228600" defTabSz="1042988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5pPr>
              <a:lvl6pPr marL="2514600" indent="-228600" defTabSz="1042988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6pPr>
              <a:lvl7pPr marL="2971800" indent="-228600" defTabSz="1042988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7pPr>
              <a:lvl8pPr marL="3429000" indent="-228600" defTabSz="1042988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8pPr>
              <a:lvl9pPr marL="3886200" indent="-228600" defTabSz="1042988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9pPr>
            </a:lstStyle>
            <a:p>
              <a:pPr eaLnBrk="1" hangingPunct="1"/>
              <a:endParaRPr lang="en-US" sz="1200" b="1">
                <a:solidFill>
                  <a:schemeClr val="accent2"/>
                </a:solidFill>
                <a:latin typeface="Calibri" charset="0"/>
              </a:endParaRPr>
            </a:p>
          </p:txBody>
        </p:sp>
      </p:grpSp>
      <p:pic>
        <p:nvPicPr>
          <p:cNvPr id="12" name="Picture 11" descr="imgres-7.jpe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467475" y="2971800"/>
            <a:ext cx="2317750" cy="17446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6266" name="Picture 1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49653" y="2605094"/>
            <a:ext cx="1841500" cy="14049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6267" name="Picture 2" descr="progeria-2.jpe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314578" y="3579814"/>
            <a:ext cx="847725" cy="8921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621096511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62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9626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 nodeType="clickPar">
                      <p:stCondLst>
                        <p:cond delay="indefinite"/>
                      </p:stCondLst>
                      <p:childTnLst>
                        <p:par>
                          <p:cTn id="9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62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2" dur="500"/>
                                        <p:tgtEl>
                                          <p:spTgt spid="9626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 nodeType="clickPar">
                      <p:stCondLst>
                        <p:cond delay="indefinite"/>
                      </p:stCondLst>
                      <p:childTnLst>
                        <p:par>
                          <p:cTn id="1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62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7" dur="500"/>
                                        <p:tgtEl>
                                          <p:spTgt spid="9626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 nodeType="clickPar">
                      <p:stCondLst>
                        <p:cond delay="indefinite"/>
                      </p:stCondLst>
                      <p:childTnLst>
                        <p:par>
                          <p:cTn id="19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2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2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sciam-p3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70" y="0"/>
            <a:ext cx="6450013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Rectangle 1"/>
          <p:cNvSpPr/>
          <p:nvPr/>
        </p:nvSpPr>
        <p:spPr>
          <a:xfrm>
            <a:off x="6458480" y="1905000"/>
            <a:ext cx="2685520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2000" b="1" dirty="0" smtClean="0">
                <a:latin typeface="Times New Roman"/>
                <a:cs typeface="Times New Roman"/>
              </a:rPr>
              <a:t>Aging </a:t>
            </a:r>
            <a:r>
              <a:rPr lang="en-US" sz="2000" b="1" dirty="0">
                <a:latin typeface="Times New Roman"/>
                <a:cs typeface="Times New Roman"/>
              </a:rPr>
              <a:t>Gets in the Way</a:t>
            </a:r>
            <a:endParaRPr lang="en-US" sz="2000" b="1" dirty="0"/>
          </a:p>
        </p:txBody>
      </p:sp>
      <p:pic>
        <p:nvPicPr>
          <p:cNvPr id="5" name="Picture 4" descr="Aging-trees-1000-px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458480" y="2743201"/>
            <a:ext cx="2580891" cy="176880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759347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-25400" y="2667000"/>
            <a:ext cx="9144000" cy="156966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9600" b="1" dirty="0" smtClean="0">
                <a:solidFill>
                  <a:srgbClr val="000090"/>
                </a:solidFill>
                <a:latin typeface="Times New Roman"/>
                <a:cs typeface="Times New Roman"/>
              </a:rPr>
              <a:t>The Fall</a:t>
            </a:r>
            <a:endParaRPr lang="en-US" sz="9600" b="1" dirty="0">
              <a:solidFill>
                <a:srgbClr val="000090"/>
              </a:solidFill>
              <a:latin typeface="Times New Roman"/>
              <a:cs typeface="Times New Roman"/>
            </a:endParaRPr>
          </a:p>
        </p:txBody>
      </p:sp>
    </p:spTree>
    <p:extLst>
      <p:ext uri="{BB962C8B-B14F-4D97-AF65-F5344CB8AC3E}">
        <p14:creationId xmlns:p14="http://schemas.microsoft.com/office/powerpoint/2010/main" val="22246114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</p:bld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6625" name="Picture 2" descr="A:\Fig. 4 Percent Reduction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4400" y="152400"/>
            <a:ext cx="7620000" cy="59896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6626" name="TextBox 2"/>
          <p:cNvSpPr txBox="1">
            <a:spLocks noChangeArrowheads="1"/>
          </p:cNvSpPr>
          <p:nvPr/>
        </p:nvSpPr>
        <p:spPr bwMode="auto">
          <a:xfrm>
            <a:off x="2590800" y="6172206"/>
            <a:ext cx="4648200" cy="461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2400">
                <a:solidFill>
                  <a:schemeClr val="tx1"/>
                </a:solidFill>
              </a:rPr>
              <a:t>Olshansky et al., 2001. </a:t>
            </a:r>
            <a:r>
              <a:rPr lang="en-US" sz="2400" i="1">
                <a:solidFill>
                  <a:schemeClr val="tx1"/>
                </a:solidFill>
              </a:rPr>
              <a:t>Science</a:t>
            </a:r>
            <a:r>
              <a:rPr lang="en-US" sz="2400">
                <a:solidFill>
                  <a:schemeClr val="tx1"/>
                </a:solidFill>
              </a:rPr>
              <a:t>.</a:t>
            </a:r>
          </a:p>
        </p:txBody>
      </p:sp>
    </p:spTree>
    <p:extLst>
      <p:ext uri="{BB962C8B-B14F-4D97-AF65-F5344CB8AC3E}">
        <p14:creationId xmlns:p14="http://schemas.microsoft.com/office/powerpoint/2010/main" val="22827389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5601" name="Picture 1" descr="Pic1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66800" y="152400"/>
            <a:ext cx="7188200" cy="5765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5602" name="TextBox 2"/>
          <p:cNvSpPr txBox="1">
            <a:spLocks noChangeArrowheads="1"/>
          </p:cNvSpPr>
          <p:nvPr/>
        </p:nvSpPr>
        <p:spPr bwMode="auto">
          <a:xfrm>
            <a:off x="2590800" y="6172206"/>
            <a:ext cx="4648200" cy="461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2400">
                <a:solidFill>
                  <a:schemeClr val="tx1"/>
                </a:solidFill>
              </a:rPr>
              <a:t>Olshansky et al., 1990. </a:t>
            </a:r>
            <a:r>
              <a:rPr lang="en-US" sz="2400" i="1">
                <a:solidFill>
                  <a:schemeClr val="tx1"/>
                </a:solidFill>
              </a:rPr>
              <a:t>Science</a:t>
            </a:r>
            <a:r>
              <a:rPr lang="en-US" sz="2400">
                <a:solidFill>
                  <a:schemeClr val="tx1"/>
                </a:solidFill>
              </a:rPr>
              <a:t>.</a:t>
            </a:r>
          </a:p>
        </p:txBody>
      </p:sp>
    </p:spTree>
    <p:extLst>
      <p:ext uri="{BB962C8B-B14F-4D97-AF65-F5344CB8AC3E}">
        <p14:creationId xmlns:p14="http://schemas.microsoft.com/office/powerpoint/2010/main" val="7627336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251" name="Rectangle 3"/>
          <p:cNvSpPr>
            <a:spLocks noChangeArrowheads="1"/>
          </p:cNvSpPr>
          <p:nvPr/>
        </p:nvSpPr>
        <p:spPr bwMode="auto">
          <a:xfrm>
            <a:off x="3506788" y="6605588"/>
            <a:ext cx="2133600" cy="25241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/>
          <a:lstStyle/>
          <a:p>
            <a:pPr algn="ctr">
              <a:defRPr/>
            </a:pPr>
            <a:fld id="{C7ECC859-7084-F942-A481-711383C532D3}" type="slidenum">
              <a:rPr lang="en-US" sz="1000">
                <a:solidFill>
                  <a:schemeClr val="bg1"/>
                </a:solidFill>
              </a:rPr>
              <a:pPr algn="ctr">
                <a:defRPr/>
              </a:pPr>
              <a:t>26</a:t>
            </a:fld>
            <a:endParaRPr lang="en-US" sz="1000">
              <a:solidFill>
                <a:schemeClr val="bg1"/>
              </a:solidFill>
            </a:endParaRPr>
          </a:p>
        </p:txBody>
      </p:sp>
      <p:pic>
        <p:nvPicPr>
          <p:cNvPr id="24580" name="Picture 4" descr="chart2-en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5383" y="685800"/>
            <a:ext cx="8722770" cy="5643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4582" name="Rectangle 6"/>
          <p:cNvSpPr>
            <a:spLocks noChangeArrowheads="1"/>
          </p:cNvSpPr>
          <p:nvPr/>
        </p:nvSpPr>
        <p:spPr bwMode="auto">
          <a:xfrm>
            <a:off x="152400" y="2981855"/>
            <a:ext cx="8991600" cy="241300"/>
          </a:xfrm>
          <a:prstGeom prst="rect">
            <a:avLst/>
          </a:prstGeom>
          <a:noFill/>
          <a:ln w="25400">
            <a:solidFill>
              <a:schemeClr val="tx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wrap="none" anchor="ctr"/>
          <a:lstStyle/>
          <a:p>
            <a:pPr algn="ctr"/>
            <a:endParaRPr lang="en-US" sz="6000">
              <a:solidFill>
                <a:schemeClr val="bg1"/>
              </a:solidFill>
              <a:latin typeface="55 Helvetica Roman" charset="0"/>
            </a:endParaRPr>
          </a:p>
        </p:txBody>
      </p:sp>
      <p:sp>
        <p:nvSpPr>
          <p:cNvPr id="24583" name="Line 9"/>
          <p:cNvSpPr>
            <a:spLocks noChangeShapeType="1"/>
          </p:cNvSpPr>
          <p:nvPr/>
        </p:nvSpPr>
        <p:spPr bwMode="auto">
          <a:xfrm flipV="1">
            <a:off x="6477001" y="1524000"/>
            <a:ext cx="0" cy="1455738"/>
          </a:xfrm>
          <a:prstGeom prst="line">
            <a:avLst/>
          </a:prstGeom>
          <a:noFill/>
          <a:ln w="50800">
            <a:solidFill>
              <a:srgbClr val="FF0000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 xmlns="">
                <a:noFill/>
              </a14:hiddenFill>
            </a:ext>
          </a:extLst>
        </p:spPr>
        <p:txBody>
          <a:bodyPr wrap="none" anchor="ctr"/>
          <a:lstStyle/>
          <a:p>
            <a:endParaRPr lang="en-US"/>
          </a:p>
        </p:txBody>
      </p:sp>
      <p:sp>
        <p:nvSpPr>
          <p:cNvPr id="24584" name="AutoShape 10"/>
          <p:cNvSpPr>
            <a:spLocks noChangeArrowheads="1"/>
          </p:cNvSpPr>
          <p:nvPr/>
        </p:nvSpPr>
        <p:spPr bwMode="blackGray">
          <a:xfrm>
            <a:off x="5590117" y="228600"/>
            <a:ext cx="3295650" cy="1295400"/>
          </a:xfrm>
          <a:prstGeom prst="bevel">
            <a:avLst>
              <a:gd name="adj" fmla="val 12500"/>
            </a:avLst>
          </a:prstGeom>
          <a:solidFill>
            <a:srgbClr val="333399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45720" rIns="45720"/>
          <a:lstStyle/>
          <a:p>
            <a:pPr>
              <a:spcBef>
                <a:spcPct val="50000"/>
              </a:spcBef>
            </a:pPr>
            <a:r>
              <a:rPr lang="en-US" sz="1200" b="1" dirty="0">
                <a:solidFill>
                  <a:schemeClr val="bg1"/>
                </a:solidFill>
              </a:rPr>
              <a:t>The usual approach to forecasting is to look back in time at the mortality experience of older cohorts and then extend these observed trends forward.</a:t>
            </a:r>
          </a:p>
          <a:p>
            <a:pPr eaLnBrk="0" hangingPunct="0"/>
            <a:endParaRPr lang="en-US" sz="900" dirty="0">
              <a:solidFill>
                <a:schemeClr val="bg1"/>
              </a:solidFill>
            </a:endParaRPr>
          </a:p>
        </p:txBody>
      </p:sp>
      <p:sp>
        <p:nvSpPr>
          <p:cNvPr id="24585" name="Line 11"/>
          <p:cNvSpPr>
            <a:spLocks noChangeShapeType="1"/>
          </p:cNvSpPr>
          <p:nvPr/>
        </p:nvSpPr>
        <p:spPr bwMode="auto">
          <a:xfrm>
            <a:off x="5640388" y="3231622"/>
            <a:ext cx="1588" cy="730778"/>
          </a:xfrm>
          <a:prstGeom prst="line">
            <a:avLst/>
          </a:prstGeom>
          <a:noFill/>
          <a:ln w="50800">
            <a:solidFill>
              <a:srgbClr val="FF0000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 xmlns="">
                <a:noFill/>
              </a14:hiddenFill>
            </a:ext>
          </a:extLst>
        </p:spPr>
        <p:txBody>
          <a:bodyPr wrap="none" anchor="ctr"/>
          <a:lstStyle/>
          <a:p>
            <a:endParaRPr lang="en-US"/>
          </a:p>
        </p:txBody>
      </p:sp>
      <p:sp>
        <p:nvSpPr>
          <p:cNvPr id="24586" name="AutoShape 12"/>
          <p:cNvSpPr>
            <a:spLocks noChangeArrowheads="1"/>
          </p:cNvSpPr>
          <p:nvPr/>
        </p:nvSpPr>
        <p:spPr bwMode="blackGray">
          <a:xfrm>
            <a:off x="4969404" y="3962400"/>
            <a:ext cx="2506663" cy="1100666"/>
          </a:xfrm>
          <a:prstGeom prst="bevel">
            <a:avLst>
              <a:gd name="adj" fmla="val 12500"/>
            </a:avLst>
          </a:prstGeom>
          <a:solidFill>
            <a:srgbClr val="333399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45720" rIns="45720"/>
          <a:lstStyle/>
          <a:p>
            <a:pPr>
              <a:spcBef>
                <a:spcPct val="50000"/>
              </a:spcBef>
            </a:pPr>
            <a:r>
              <a:rPr lang="en-US" sz="1200" b="1" dirty="0">
                <a:solidFill>
                  <a:schemeClr val="bg1"/>
                </a:solidFill>
              </a:rPr>
              <a:t>The cohorts that will express mortality in the future are located in this region of the population.</a:t>
            </a:r>
            <a:endParaRPr lang="en-US" sz="1200" dirty="0">
              <a:solidFill>
                <a:schemeClr val="bg1"/>
              </a:solidFill>
            </a:endParaRPr>
          </a:p>
          <a:p>
            <a:pPr eaLnBrk="0" hangingPunct="0"/>
            <a:endParaRPr lang="en-US" sz="900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393473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9858" name="Text Box 2"/>
          <p:cNvSpPr txBox="1">
            <a:spLocks noChangeArrowheads="1"/>
          </p:cNvSpPr>
          <p:nvPr/>
        </p:nvSpPr>
        <p:spPr bwMode="auto">
          <a:xfrm>
            <a:off x="0" y="0"/>
            <a:ext cx="9144000" cy="10668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3200" b="1">
                <a:solidFill>
                  <a:schemeClr val="accent2"/>
                </a:solidFill>
                <a:latin typeface="Arial" charset="0"/>
                <a:cs typeface="+mn-cs"/>
              </a:rPr>
              <a:t>A Possible Decline in Life Expectancy in the United States in the 21st Century?</a:t>
            </a:r>
          </a:p>
        </p:txBody>
      </p:sp>
      <p:sp>
        <p:nvSpPr>
          <p:cNvPr id="249859" name="Text Box 3"/>
          <p:cNvSpPr txBox="1">
            <a:spLocks noChangeArrowheads="1"/>
          </p:cNvSpPr>
          <p:nvPr/>
        </p:nvSpPr>
        <p:spPr bwMode="auto">
          <a:xfrm>
            <a:off x="0" y="1219200"/>
            <a:ext cx="3429000" cy="57515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endParaRPr lang="en-US" sz="2000" b="1" dirty="0">
              <a:solidFill>
                <a:schemeClr val="bg1"/>
              </a:solidFill>
              <a:latin typeface="Arial" charset="0"/>
              <a:cs typeface="+mn-cs"/>
            </a:endParaRP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cs typeface="+mn-cs"/>
              </a:rPr>
              <a:t>S. Jay Olshansky, Ph.D.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cs typeface="+mn-cs"/>
              </a:rPr>
              <a:t>University of Illinois at Chicago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endParaRPr lang="en-US" sz="1200" b="1" dirty="0">
              <a:cs typeface="+mn-cs"/>
            </a:endParaRPr>
          </a:p>
          <a:p>
            <a:pPr algn="ctr">
              <a:defRPr/>
            </a:pPr>
            <a:r>
              <a:rPr lang="en-US" sz="1200" b="1" dirty="0">
                <a:solidFill>
                  <a:srgbClr val="FF0000"/>
                </a:solidFill>
                <a:cs typeface="+mn-cs"/>
              </a:rPr>
              <a:t>Douglas J. </a:t>
            </a:r>
            <a:r>
              <a:rPr lang="en-US" sz="1200" b="1" dirty="0" err="1">
                <a:solidFill>
                  <a:srgbClr val="FF0000"/>
                </a:solidFill>
                <a:cs typeface="+mn-cs"/>
              </a:rPr>
              <a:t>Passaro</a:t>
            </a:r>
            <a:r>
              <a:rPr lang="en-US" sz="1200" b="1" dirty="0">
                <a:solidFill>
                  <a:srgbClr val="FF0000"/>
                </a:solidFill>
                <a:cs typeface="+mn-cs"/>
              </a:rPr>
              <a:t>, M.D.</a:t>
            </a:r>
          </a:p>
          <a:p>
            <a:pPr algn="ctr">
              <a:defRPr/>
            </a:pPr>
            <a:r>
              <a:rPr lang="en-US" sz="1200" b="1" dirty="0">
                <a:cs typeface="+mn-cs"/>
              </a:rPr>
              <a:t>University of Illinois at Chicago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endParaRPr lang="en-US" sz="1200" b="1" dirty="0">
              <a:cs typeface="+mn-cs"/>
            </a:endParaRP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cs typeface="+mn-cs"/>
              </a:rPr>
              <a:t>Ronald C. </a:t>
            </a:r>
            <a:r>
              <a:rPr lang="en-US" sz="1200" b="1" dirty="0" err="1">
                <a:cs typeface="+mn-cs"/>
              </a:rPr>
              <a:t>Hershow</a:t>
            </a:r>
            <a:r>
              <a:rPr lang="en-US" sz="1200" b="1" dirty="0">
                <a:cs typeface="+mn-cs"/>
              </a:rPr>
              <a:t>, M.D.</a:t>
            </a:r>
          </a:p>
          <a:p>
            <a:pPr algn="ctr" eaLnBrk="0" hangingPunct="0">
              <a:defRPr/>
            </a:pPr>
            <a:r>
              <a:rPr lang="en-US" sz="1200" b="1" dirty="0">
                <a:cs typeface="+mn-cs"/>
              </a:rPr>
              <a:t>University of Illinois at Chicago</a:t>
            </a:r>
          </a:p>
          <a:p>
            <a:pPr algn="ctr" eaLnBrk="0" hangingPunct="0">
              <a:defRPr/>
            </a:pPr>
            <a:endParaRPr lang="en-US" sz="1200" b="1" dirty="0">
              <a:cs typeface="+mn-cs"/>
            </a:endParaRP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cs typeface="+mn-cs"/>
              </a:rPr>
              <a:t>Jennifer </a:t>
            </a:r>
            <a:r>
              <a:rPr lang="en-US" sz="1200" b="1" dirty="0" err="1">
                <a:cs typeface="+mn-cs"/>
              </a:rPr>
              <a:t>Layden</a:t>
            </a:r>
            <a:r>
              <a:rPr lang="en-US" sz="1200" b="1" dirty="0">
                <a:cs typeface="+mn-cs"/>
              </a:rPr>
              <a:t>, MPH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cs typeface="+mn-cs"/>
              </a:rPr>
              <a:t>University of Illinois at Chicago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endParaRPr lang="en-US" sz="1200" b="1" dirty="0">
              <a:cs typeface="+mn-cs"/>
            </a:endParaRP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cs typeface="+mn-cs"/>
              </a:rPr>
              <a:t>Bruce A. Carnes, Ph.D.</a:t>
            </a:r>
          </a:p>
          <a:p>
            <a:pPr algn="ctr" eaLnBrk="0" hangingPunct="0">
              <a:defRPr/>
            </a:pPr>
            <a:r>
              <a:rPr lang="en-US" sz="1200" b="1" dirty="0">
                <a:cs typeface="+mn-cs"/>
              </a:rPr>
              <a:t>University of Oklahoma</a:t>
            </a:r>
          </a:p>
          <a:p>
            <a:pPr algn="ctr" eaLnBrk="0" hangingPunct="0">
              <a:defRPr/>
            </a:pPr>
            <a:endParaRPr lang="en-US" sz="1200" b="1" dirty="0">
              <a:cs typeface="+mn-cs"/>
            </a:endParaRPr>
          </a:p>
          <a:p>
            <a:pPr algn="ctr" eaLnBrk="0" hangingPunct="0">
              <a:defRPr/>
            </a:pPr>
            <a:r>
              <a:rPr lang="en-US" sz="1200" b="1" dirty="0">
                <a:solidFill>
                  <a:srgbClr val="FF0000"/>
                </a:solidFill>
                <a:cs typeface="+mn-cs"/>
              </a:rPr>
              <a:t>Jacob Brody, M.D.</a:t>
            </a:r>
          </a:p>
          <a:p>
            <a:pPr algn="ctr" eaLnBrk="0" hangingPunct="0">
              <a:defRPr/>
            </a:pPr>
            <a:r>
              <a:rPr lang="en-US" sz="1200" b="1" dirty="0">
                <a:cs typeface="+mn-cs"/>
              </a:rPr>
              <a:t>University of Illinois at Chicago</a:t>
            </a:r>
          </a:p>
          <a:p>
            <a:pPr algn="ctr" eaLnBrk="0" hangingPunct="0">
              <a:defRPr/>
            </a:pPr>
            <a:endParaRPr lang="en-US" sz="1200" b="1" dirty="0">
              <a:cs typeface="+mn-cs"/>
            </a:endParaRPr>
          </a:p>
          <a:p>
            <a:pPr algn="ctr" eaLnBrk="0" hangingPunct="0">
              <a:defRPr/>
            </a:pPr>
            <a:r>
              <a:rPr lang="en-US" sz="1200" b="1" dirty="0">
                <a:cs typeface="+mn-cs"/>
              </a:rPr>
              <a:t>Leonard </a:t>
            </a:r>
            <a:r>
              <a:rPr lang="en-US" sz="1200" b="1" dirty="0" err="1">
                <a:cs typeface="+mn-cs"/>
              </a:rPr>
              <a:t>Hayflick</a:t>
            </a:r>
            <a:r>
              <a:rPr lang="en-US" sz="1200" b="1" dirty="0">
                <a:cs typeface="+mn-cs"/>
              </a:rPr>
              <a:t>, Ph.D.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cs typeface="+mn-cs"/>
              </a:rPr>
              <a:t>University of California at San Francisco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endParaRPr lang="en-US" sz="1200" b="1" dirty="0">
              <a:cs typeface="+mn-cs"/>
            </a:endParaRP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solidFill>
                  <a:srgbClr val="FF0000"/>
                </a:solidFill>
                <a:cs typeface="+mn-cs"/>
              </a:rPr>
              <a:t>Robert N. Butler, M.D.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cs typeface="+mn-cs"/>
              </a:rPr>
              <a:t>International Longevity Center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endParaRPr lang="en-US" sz="1200" b="1" dirty="0">
              <a:cs typeface="+mn-cs"/>
            </a:endParaRP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cs typeface="+mn-cs"/>
              </a:rPr>
              <a:t>David B. Allison, Ph.D.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cs typeface="+mn-cs"/>
              </a:rPr>
              <a:t>University of Alabama at Birmingham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endParaRPr lang="en-US" sz="1200" b="1" dirty="0">
              <a:cs typeface="+mn-cs"/>
            </a:endParaRP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r>
              <a:rPr lang="en-US" sz="1200" b="1" dirty="0">
                <a:cs typeface="+mn-cs"/>
              </a:rPr>
              <a:t>David S. Ludwig, M.D., Ph.D.</a:t>
            </a:r>
          </a:p>
          <a:p>
            <a:pPr algn="ctr">
              <a:defRPr/>
            </a:pPr>
            <a:r>
              <a:rPr lang="en-US" sz="1200" b="1" dirty="0">
                <a:cs typeface="+mn-cs"/>
              </a:rPr>
              <a:t>Children</a:t>
            </a:r>
            <a:r>
              <a:rPr lang="ja-JP" altLang="en-US" sz="1200" b="1" dirty="0">
                <a:latin typeface="Arial"/>
                <a:cs typeface="+mn-cs"/>
              </a:rPr>
              <a:t>’</a:t>
            </a:r>
            <a:r>
              <a:rPr lang="en-US" sz="1200" b="1" dirty="0">
                <a:cs typeface="+mn-cs"/>
              </a:rPr>
              <a:t>s Hospital, Boston</a:t>
            </a:r>
          </a:p>
          <a:p>
            <a:pPr algn="ctr">
              <a:lnSpc>
                <a:spcPct val="50000"/>
              </a:lnSpc>
              <a:spcBef>
                <a:spcPct val="50000"/>
              </a:spcBef>
              <a:defRPr/>
            </a:pPr>
            <a:endParaRPr lang="en-US" sz="1200" b="1" dirty="0">
              <a:cs typeface="+mn-cs"/>
            </a:endParaRPr>
          </a:p>
        </p:txBody>
      </p:sp>
      <p:sp>
        <p:nvSpPr>
          <p:cNvPr id="249860" name="Line 4"/>
          <p:cNvSpPr>
            <a:spLocks noChangeShapeType="1"/>
          </p:cNvSpPr>
          <p:nvPr/>
        </p:nvSpPr>
        <p:spPr bwMode="auto">
          <a:xfrm>
            <a:off x="0" y="1143000"/>
            <a:ext cx="9144000" cy="0"/>
          </a:xfrm>
          <a:prstGeom prst="line">
            <a:avLst/>
          </a:prstGeom>
          <a:noFill/>
          <a:ln w="101600">
            <a:solidFill>
              <a:srgbClr val="FFFF00"/>
            </a:solidFill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noFill/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/>
          <a:lstStyle/>
          <a:p>
            <a:pPr>
              <a:defRPr/>
            </a:pPr>
            <a:endParaRPr lang="en-US">
              <a:cs typeface="+mn-cs"/>
            </a:endParaRPr>
          </a:p>
        </p:txBody>
      </p:sp>
      <p:sp>
        <p:nvSpPr>
          <p:cNvPr id="249861" name="Text Box 5"/>
          <p:cNvSpPr txBox="1">
            <a:spLocks noChangeArrowheads="1"/>
          </p:cNvSpPr>
          <p:nvPr/>
        </p:nvSpPr>
        <p:spPr bwMode="auto">
          <a:xfrm>
            <a:off x="2971800" y="1600200"/>
            <a:ext cx="6172200" cy="10668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3200" b="1">
                <a:solidFill>
                  <a:srgbClr val="000066"/>
                </a:solidFill>
                <a:cs typeface="+mn-cs"/>
              </a:rPr>
              <a:t>New England Journal of Medicine  2005 352:1103-1110.</a:t>
            </a:r>
          </a:p>
        </p:txBody>
      </p:sp>
      <p:sp>
        <p:nvSpPr>
          <p:cNvPr id="249862" name="Text Box 6"/>
          <p:cNvSpPr txBox="1">
            <a:spLocks noChangeArrowheads="1"/>
          </p:cNvSpPr>
          <p:nvPr/>
        </p:nvSpPr>
        <p:spPr bwMode="auto">
          <a:xfrm>
            <a:off x="3581400" y="6248400"/>
            <a:ext cx="510540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b="1">
                <a:cs typeface="+mn-cs"/>
              </a:rPr>
              <a:t>Funding: NIH/NIA; NIDDK; IGPA</a:t>
            </a:r>
          </a:p>
        </p:txBody>
      </p:sp>
      <p:pic>
        <p:nvPicPr>
          <p:cNvPr id="105479" name="Picture 7" descr="Lambert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76600" y="2895600"/>
            <a:ext cx="2354263" cy="3086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5480" name="Picture 8" descr="you%20gonna%20finish%20that[1]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67400" y="3429000"/>
            <a:ext cx="3124200" cy="2209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1881128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3121" name="Picture 2" descr="beach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15777" y="511175"/>
            <a:ext cx="4048881" cy="303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33122" name="Picture 3" descr="hurricane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45872" y="460377"/>
            <a:ext cx="4138083" cy="3103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10948" name="Text Box 4"/>
          <p:cNvSpPr txBox="1">
            <a:spLocks noChangeArrowheads="1"/>
          </p:cNvSpPr>
          <p:nvPr/>
        </p:nvSpPr>
        <p:spPr bwMode="auto">
          <a:xfrm>
            <a:off x="686405" y="3962400"/>
            <a:ext cx="3199190" cy="5794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endParaRPr lang="fr-FR" sz="3200">
              <a:solidFill>
                <a:srgbClr val="FFFFCC"/>
              </a:solidFill>
              <a:cs typeface="+mn-cs"/>
            </a:endParaRPr>
          </a:p>
        </p:txBody>
      </p:sp>
      <p:sp>
        <p:nvSpPr>
          <p:cNvPr id="210949" name="Text Box 5"/>
          <p:cNvSpPr txBox="1">
            <a:spLocks noChangeArrowheads="1"/>
          </p:cNvSpPr>
          <p:nvPr/>
        </p:nvSpPr>
        <p:spPr bwMode="auto">
          <a:xfrm>
            <a:off x="762002" y="4114800"/>
            <a:ext cx="3200703" cy="5794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endParaRPr lang="fr-FR" sz="3200">
              <a:solidFill>
                <a:srgbClr val="FFFFCC"/>
              </a:solidFill>
              <a:cs typeface="+mn-cs"/>
            </a:endParaRPr>
          </a:p>
        </p:txBody>
      </p:sp>
      <p:sp>
        <p:nvSpPr>
          <p:cNvPr id="210951" name="Text Box 7"/>
          <p:cNvSpPr txBox="1">
            <a:spLocks noChangeArrowheads="1"/>
          </p:cNvSpPr>
          <p:nvPr/>
        </p:nvSpPr>
        <p:spPr bwMode="auto">
          <a:xfrm>
            <a:off x="6289526" y="1703391"/>
            <a:ext cx="2589893" cy="5794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3200" b="1" dirty="0">
                <a:solidFill>
                  <a:srgbClr val="000066"/>
                </a:solidFill>
                <a:cs typeface="+mn-cs"/>
              </a:rPr>
              <a:t>Obesity</a:t>
            </a:r>
          </a:p>
        </p:txBody>
      </p:sp>
      <p:sp>
        <p:nvSpPr>
          <p:cNvPr id="210952" name="Text Box 8"/>
          <p:cNvSpPr txBox="1">
            <a:spLocks noChangeArrowheads="1"/>
          </p:cNvSpPr>
          <p:nvPr/>
        </p:nvSpPr>
        <p:spPr bwMode="auto">
          <a:xfrm>
            <a:off x="450548" y="3957643"/>
            <a:ext cx="8215690" cy="27701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5400" b="1" dirty="0">
                <a:solidFill>
                  <a:srgbClr val="000090"/>
                </a:solidFill>
                <a:cs typeface="+mn-cs"/>
              </a:rPr>
              <a:t>We see a storm approaching.</a:t>
            </a:r>
            <a:r>
              <a:rPr lang="en-US" sz="4400" b="1" dirty="0">
                <a:solidFill>
                  <a:srgbClr val="000090"/>
                </a:solidFill>
                <a:cs typeface="+mn-cs"/>
              </a:rPr>
              <a:t> </a:t>
            </a:r>
          </a:p>
          <a:p>
            <a:pPr>
              <a:spcBef>
                <a:spcPct val="50000"/>
              </a:spcBef>
              <a:defRPr/>
            </a:pPr>
            <a:endParaRPr lang="en-US" sz="4400" b="1" dirty="0">
              <a:solidFill>
                <a:srgbClr val="FFFF00"/>
              </a:solidFill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927580694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1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1331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1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2" dur="500"/>
                                        <p:tgtEl>
                                          <p:spTgt spid="1331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3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09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5" dur="500"/>
                                        <p:tgtEl>
                                          <p:spTgt spid="21095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6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09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8" dur="500"/>
                                        <p:tgtEl>
                                          <p:spTgt spid="21095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10951" grpId="0"/>
      <p:bldP spid="210952" grpId="0"/>
    </p:bld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1073" name="Picture 2" descr="focushead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90502" y="195263"/>
            <a:ext cx="4327071" cy="37973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32131" name="Text Box 3"/>
          <p:cNvSpPr txBox="1">
            <a:spLocks noChangeArrowheads="1"/>
          </p:cNvSpPr>
          <p:nvPr/>
        </p:nvSpPr>
        <p:spPr bwMode="auto">
          <a:xfrm>
            <a:off x="610811" y="3357565"/>
            <a:ext cx="184644" cy="58476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9" tIns="45715" rIns="91429" bIns="45715">
            <a:spAutoFit/>
          </a:bodyPr>
          <a:lstStyle/>
          <a:p>
            <a:pPr>
              <a:spcBef>
                <a:spcPct val="20000"/>
              </a:spcBef>
              <a:defRPr/>
            </a:pPr>
            <a:endParaRPr lang="en-US" sz="3200">
              <a:cs typeface="+mn-cs"/>
            </a:endParaRPr>
          </a:p>
        </p:txBody>
      </p:sp>
      <p:pic>
        <p:nvPicPr>
          <p:cNvPr id="131075" name="Picture 4" descr="newsweek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26452" y="193675"/>
            <a:ext cx="2927048" cy="38306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31076" name="Picture 5" descr="you%20gonna%20finish%20that[1]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69168" y="4037013"/>
            <a:ext cx="3581703" cy="2533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7693381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825500"/>
            <a:ext cx="9144000" cy="518474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6830929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94" name="Picture 79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221909" y="4025904"/>
            <a:ext cx="2374981" cy="1804473"/>
          </a:xfrm>
          <a:prstGeom prst="rect">
            <a:avLst/>
          </a:prstGeom>
        </p:spPr>
      </p:pic>
      <p:pic>
        <p:nvPicPr>
          <p:cNvPr id="793" name="Picture 792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948518" y="1439305"/>
            <a:ext cx="2523744" cy="1920092"/>
          </a:xfrm>
          <a:prstGeom prst="rect">
            <a:avLst/>
          </a:prstGeom>
        </p:spPr>
      </p:pic>
      <p:sp>
        <p:nvSpPr>
          <p:cNvPr id="19458" name="Rectangle 2"/>
          <p:cNvSpPr>
            <a:spLocks noGrp="1" noChangeArrowheads="1"/>
          </p:cNvSpPr>
          <p:nvPr/>
        </p:nvSpPr>
        <p:spPr bwMode="auto">
          <a:xfrm>
            <a:off x="1066800" y="228600"/>
            <a:ext cx="7239000" cy="5556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/>
            <a:r>
              <a:rPr lang="en-US" sz="2000" b="1" dirty="0"/>
              <a:t>Age-adjusted </a:t>
            </a:r>
            <a:r>
              <a:rPr lang="en-US" sz="2000" b="1" dirty="0" smtClean="0"/>
              <a:t>Prevalence of Obesity and Diagnosed Diabetes Among US Adults</a:t>
            </a:r>
            <a:endParaRPr lang="en-US" sz="2200" b="1" dirty="0"/>
          </a:p>
        </p:txBody>
      </p:sp>
      <p:sp>
        <p:nvSpPr>
          <p:cNvPr id="19459" name="Text Box 3"/>
          <p:cNvSpPr txBox="1">
            <a:spLocks noChangeArrowheads="1"/>
          </p:cNvSpPr>
          <p:nvPr/>
        </p:nvSpPr>
        <p:spPr bwMode="auto">
          <a:xfrm>
            <a:off x="271463" y="1090613"/>
            <a:ext cx="2500312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b="1" u="sng" dirty="0"/>
              <a:t>Obesity (BMI ≥30 kg/m</a:t>
            </a:r>
            <a:r>
              <a:rPr lang="en-US" sz="1600" b="1" u="sng" baseline="30000" dirty="0"/>
              <a:t>2</a:t>
            </a:r>
            <a:r>
              <a:rPr lang="en-US" sz="1600" b="1" u="sng" dirty="0"/>
              <a:t>)</a:t>
            </a:r>
          </a:p>
        </p:txBody>
      </p:sp>
      <p:sp>
        <p:nvSpPr>
          <p:cNvPr id="19460" name="Text Box 4"/>
          <p:cNvSpPr txBox="1">
            <a:spLocks noChangeArrowheads="1"/>
          </p:cNvSpPr>
          <p:nvPr/>
        </p:nvSpPr>
        <p:spPr bwMode="auto">
          <a:xfrm>
            <a:off x="236538" y="3695700"/>
            <a:ext cx="1030287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b="1" u="sng" dirty="0">
                <a:solidFill>
                  <a:srgbClr val="000000"/>
                </a:solidFill>
              </a:rPr>
              <a:t>Diabetes</a:t>
            </a:r>
          </a:p>
        </p:txBody>
      </p:sp>
      <p:grpSp>
        <p:nvGrpSpPr>
          <p:cNvPr id="2" name="Group 5"/>
          <p:cNvGrpSpPr>
            <a:grpSpLocks/>
          </p:cNvGrpSpPr>
          <p:nvPr/>
        </p:nvGrpSpPr>
        <p:grpSpPr bwMode="auto">
          <a:xfrm>
            <a:off x="819150" y="1371600"/>
            <a:ext cx="2209800" cy="1981200"/>
            <a:chOff x="516" y="912"/>
            <a:chExt cx="1392" cy="1248"/>
          </a:xfrm>
        </p:grpSpPr>
        <p:grpSp>
          <p:nvGrpSpPr>
            <p:cNvPr id="20126" name="Group 6"/>
            <p:cNvGrpSpPr>
              <a:grpSpLocks noChangeAspect="1"/>
            </p:cNvGrpSpPr>
            <p:nvPr/>
          </p:nvGrpSpPr>
          <p:grpSpPr bwMode="auto">
            <a:xfrm>
              <a:off x="516" y="980"/>
              <a:ext cx="1392" cy="1180"/>
              <a:chOff x="432" y="720"/>
              <a:chExt cx="2160" cy="1632"/>
            </a:xfrm>
          </p:grpSpPr>
          <p:sp>
            <p:nvSpPr>
              <p:cNvPr id="20128" name="AutoShape 7"/>
              <p:cNvSpPr>
                <a:spLocks noChangeAspect="1" noChangeArrowheads="1"/>
              </p:cNvSpPr>
              <p:nvPr/>
            </p:nvSpPr>
            <p:spPr bwMode="auto">
              <a:xfrm>
                <a:off x="432" y="720"/>
                <a:ext cx="2155" cy="162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29" name="Rectangle 8"/>
              <p:cNvSpPr>
                <a:spLocks noChangeAspect="1" noChangeArrowheads="1"/>
              </p:cNvSpPr>
              <p:nvPr/>
            </p:nvSpPr>
            <p:spPr bwMode="auto">
              <a:xfrm>
                <a:off x="432" y="720"/>
                <a:ext cx="2160" cy="1632"/>
              </a:xfrm>
              <a:prstGeom prst="rect">
                <a:avLst/>
              </a:prstGeom>
              <a:solidFill>
                <a:srgbClr val="FFFFFF">
                  <a:alpha val="0"/>
                </a:srgbClr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30" name="Rectangle 9"/>
              <p:cNvSpPr>
                <a:spLocks noChangeAspect="1" noChangeArrowheads="1"/>
              </p:cNvSpPr>
              <p:nvPr/>
            </p:nvSpPr>
            <p:spPr bwMode="auto">
              <a:xfrm>
                <a:off x="459" y="746"/>
                <a:ext cx="2106" cy="1576"/>
              </a:xfrm>
              <a:prstGeom prst="rect">
                <a:avLst/>
              </a:prstGeom>
              <a:solidFill>
                <a:srgbClr val="FFFFFF">
                  <a:alpha val="0"/>
                </a:srgbClr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31" name="Freeform 10"/>
              <p:cNvSpPr>
                <a:spLocks noChangeAspect="1"/>
              </p:cNvSpPr>
              <p:nvPr/>
            </p:nvSpPr>
            <p:spPr bwMode="auto">
              <a:xfrm>
                <a:off x="1841" y="1685"/>
                <a:ext cx="147" cy="225"/>
              </a:xfrm>
              <a:custGeom>
                <a:avLst/>
                <a:gdLst>
                  <a:gd name="T0" fmla="*/ 87 w 192"/>
                  <a:gd name="T1" fmla="*/ 92 h 312"/>
                  <a:gd name="T2" fmla="*/ 24 w 192"/>
                  <a:gd name="T3" fmla="*/ 97 h 312"/>
                  <a:gd name="T4" fmla="*/ 24 w 192"/>
                  <a:gd name="T5" fmla="*/ 102 h 312"/>
                  <a:gd name="T6" fmla="*/ 30 w 192"/>
                  <a:gd name="T7" fmla="*/ 105 h 312"/>
                  <a:gd name="T8" fmla="*/ 30 w 192"/>
                  <a:gd name="T9" fmla="*/ 113 h 312"/>
                  <a:gd name="T10" fmla="*/ 16 w 192"/>
                  <a:gd name="T11" fmla="*/ 117 h 312"/>
                  <a:gd name="T12" fmla="*/ 21 w 192"/>
                  <a:gd name="T13" fmla="*/ 115 h 312"/>
                  <a:gd name="T14" fmla="*/ 14 w 192"/>
                  <a:gd name="T15" fmla="*/ 104 h 312"/>
                  <a:gd name="T16" fmla="*/ 11 w 192"/>
                  <a:gd name="T17" fmla="*/ 115 h 312"/>
                  <a:gd name="T18" fmla="*/ 5 w 192"/>
                  <a:gd name="T19" fmla="*/ 113 h 312"/>
                  <a:gd name="T20" fmla="*/ 5 w 192"/>
                  <a:gd name="T21" fmla="*/ 105 h 312"/>
                  <a:gd name="T22" fmla="*/ 0 w 192"/>
                  <a:gd name="T23" fmla="*/ 79 h 312"/>
                  <a:gd name="T24" fmla="*/ 0 w 192"/>
                  <a:gd name="T25" fmla="*/ 2 h 312"/>
                  <a:gd name="T26" fmla="*/ 59 w 192"/>
                  <a:gd name="T27" fmla="*/ 0 h 312"/>
                  <a:gd name="T28" fmla="*/ 76 w 192"/>
                  <a:gd name="T29" fmla="*/ 50 h 312"/>
                  <a:gd name="T30" fmla="*/ 87 w 192"/>
                  <a:gd name="T31" fmla="*/ 63 h 312"/>
                  <a:gd name="T32" fmla="*/ 81 w 192"/>
                  <a:gd name="T33" fmla="*/ 72 h 312"/>
                  <a:gd name="T34" fmla="*/ 87 w 192"/>
                  <a:gd name="T35" fmla="*/ 92 h 312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192"/>
                  <a:gd name="T55" fmla="*/ 0 h 312"/>
                  <a:gd name="T56" fmla="*/ 192 w 192"/>
                  <a:gd name="T57" fmla="*/ 312 h 312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192" h="312">
                    <a:moveTo>
                      <a:pt x="192" y="246"/>
                    </a:moveTo>
                    <a:lnTo>
                      <a:pt x="54" y="258"/>
                    </a:lnTo>
                    <a:lnTo>
                      <a:pt x="54" y="270"/>
                    </a:lnTo>
                    <a:lnTo>
                      <a:pt x="66" y="282"/>
                    </a:lnTo>
                    <a:lnTo>
                      <a:pt x="66" y="300"/>
                    </a:lnTo>
                    <a:lnTo>
                      <a:pt x="36" y="312"/>
                    </a:lnTo>
                    <a:lnTo>
                      <a:pt x="48" y="306"/>
                    </a:lnTo>
                    <a:lnTo>
                      <a:pt x="30" y="276"/>
                    </a:lnTo>
                    <a:lnTo>
                      <a:pt x="24" y="306"/>
                    </a:lnTo>
                    <a:lnTo>
                      <a:pt x="12" y="300"/>
                    </a:lnTo>
                    <a:lnTo>
                      <a:pt x="12" y="282"/>
                    </a:lnTo>
                    <a:lnTo>
                      <a:pt x="0" y="210"/>
                    </a:lnTo>
                    <a:lnTo>
                      <a:pt x="0" y="6"/>
                    </a:lnTo>
                    <a:lnTo>
                      <a:pt x="132" y="0"/>
                    </a:lnTo>
                    <a:lnTo>
                      <a:pt x="168" y="132"/>
                    </a:lnTo>
                    <a:lnTo>
                      <a:pt x="192" y="168"/>
                    </a:lnTo>
                    <a:lnTo>
                      <a:pt x="180" y="192"/>
                    </a:lnTo>
                    <a:lnTo>
                      <a:pt x="192" y="24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32" name="Freeform 11"/>
              <p:cNvSpPr>
                <a:spLocks noChangeAspect="1"/>
              </p:cNvSpPr>
              <p:nvPr/>
            </p:nvSpPr>
            <p:spPr bwMode="auto">
              <a:xfrm>
                <a:off x="1841" y="1685"/>
                <a:ext cx="147" cy="225"/>
              </a:xfrm>
              <a:custGeom>
                <a:avLst/>
                <a:gdLst>
                  <a:gd name="T0" fmla="*/ 87 w 192"/>
                  <a:gd name="T1" fmla="*/ 92 h 312"/>
                  <a:gd name="T2" fmla="*/ 24 w 192"/>
                  <a:gd name="T3" fmla="*/ 97 h 312"/>
                  <a:gd name="T4" fmla="*/ 24 w 192"/>
                  <a:gd name="T5" fmla="*/ 102 h 312"/>
                  <a:gd name="T6" fmla="*/ 30 w 192"/>
                  <a:gd name="T7" fmla="*/ 105 h 312"/>
                  <a:gd name="T8" fmla="*/ 30 w 192"/>
                  <a:gd name="T9" fmla="*/ 113 h 312"/>
                  <a:gd name="T10" fmla="*/ 16 w 192"/>
                  <a:gd name="T11" fmla="*/ 117 h 312"/>
                  <a:gd name="T12" fmla="*/ 21 w 192"/>
                  <a:gd name="T13" fmla="*/ 115 h 312"/>
                  <a:gd name="T14" fmla="*/ 14 w 192"/>
                  <a:gd name="T15" fmla="*/ 104 h 312"/>
                  <a:gd name="T16" fmla="*/ 11 w 192"/>
                  <a:gd name="T17" fmla="*/ 115 h 312"/>
                  <a:gd name="T18" fmla="*/ 5 w 192"/>
                  <a:gd name="T19" fmla="*/ 113 h 312"/>
                  <a:gd name="T20" fmla="*/ 5 w 192"/>
                  <a:gd name="T21" fmla="*/ 105 h 312"/>
                  <a:gd name="T22" fmla="*/ 0 w 192"/>
                  <a:gd name="T23" fmla="*/ 79 h 312"/>
                  <a:gd name="T24" fmla="*/ 0 w 192"/>
                  <a:gd name="T25" fmla="*/ 2 h 312"/>
                  <a:gd name="T26" fmla="*/ 59 w 192"/>
                  <a:gd name="T27" fmla="*/ 0 h 312"/>
                  <a:gd name="T28" fmla="*/ 76 w 192"/>
                  <a:gd name="T29" fmla="*/ 50 h 312"/>
                  <a:gd name="T30" fmla="*/ 87 w 192"/>
                  <a:gd name="T31" fmla="*/ 63 h 312"/>
                  <a:gd name="T32" fmla="*/ 81 w 192"/>
                  <a:gd name="T33" fmla="*/ 72 h 312"/>
                  <a:gd name="T34" fmla="*/ 87 w 192"/>
                  <a:gd name="T35" fmla="*/ 92 h 312"/>
                  <a:gd name="T36" fmla="*/ 87 w 192"/>
                  <a:gd name="T37" fmla="*/ 94 h 312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192"/>
                  <a:gd name="T58" fmla="*/ 0 h 312"/>
                  <a:gd name="T59" fmla="*/ 192 w 192"/>
                  <a:gd name="T60" fmla="*/ 312 h 312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192" h="312">
                    <a:moveTo>
                      <a:pt x="192" y="246"/>
                    </a:moveTo>
                    <a:lnTo>
                      <a:pt x="54" y="258"/>
                    </a:lnTo>
                    <a:lnTo>
                      <a:pt x="54" y="270"/>
                    </a:lnTo>
                    <a:lnTo>
                      <a:pt x="66" y="282"/>
                    </a:lnTo>
                    <a:lnTo>
                      <a:pt x="66" y="300"/>
                    </a:lnTo>
                    <a:lnTo>
                      <a:pt x="36" y="312"/>
                    </a:lnTo>
                    <a:lnTo>
                      <a:pt x="48" y="306"/>
                    </a:lnTo>
                    <a:lnTo>
                      <a:pt x="30" y="276"/>
                    </a:lnTo>
                    <a:lnTo>
                      <a:pt x="24" y="306"/>
                    </a:lnTo>
                    <a:lnTo>
                      <a:pt x="12" y="300"/>
                    </a:lnTo>
                    <a:lnTo>
                      <a:pt x="12" y="282"/>
                    </a:lnTo>
                    <a:lnTo>
                      <a:pt x="0" y="210"/>
                    </a:lnTo>
                    <a:lnTo>
                      <a:pt x="0" y="6"/>
                    </a:lnTo>
                    <a:lnTo>
                      <a:pt x="132" y="0"/>
                    </a:lnTo>
                    <a:lnTo>
                      <a:pt x="168" y="132"/>
                    </a:lnTo>
                    <a:lnTo>
                      <a:pt x="192" y="168"/>
                    </a:lnTo>
                    <a:lnTo>
                      <a:pt x="180" y="192"/>
                    </a:lnTo>
                    <a:lnTo>
                      <a:pt x="192" y="246"/>
                    </a:lnTo>
                    <a:lnTo>
                      <a:pt x="192" y="25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33" name="Freeform 12"/>
              <p:cNvSpPr>
                <a:spLocks noChangeAspect="1"/>
              </p:cNvSpPr>
              <p:nvPr/>
            </p:nvSpPr>
            <p:spPr bwMode="auto">
              <a:xfrm>
                <a:off x="496" y="1785"/>
                <a:ext cx="407" cy="338"/>
              </a:xfrm>
              <a:custGeom>
                <a:avLst/>
                <a:gdLst>
                  <a:gd name="T0" fmla="*/ 3 w 534"/>
                  <a:gd name="T1" fmla="*/ 100 h 468"/>
                  <a:gd name="T2" fmla="*/ 3 w 534"/>
                  <a:gd name="T3" fmla="*/ 102 h 468"/>
                  <a:gd name="T4" fmla="*/ 14 w 534"/>
                  <a:gd name="T5" fmla="*/ 111 h 468"/>
                  <a:gd name="T6" fmla="*/ 11 w 534"/>
                  <a:gd name="T7" fmla="*/ 122 h 468"/>
                  <a:gd name="T8" fmla="*/ 27 w 534"/>
                  <a:gd name="T9" fmla="*/ 113 h 468"/>
                  <a:gd name="T10" fmla="*/ 18 w 534"/>
                  <a:gd name="T11" fmla="*/ 136 h 468"/>
                  <a:gd name="T12" fmla="*/ 37 w 534"/>
                  <a:gd name="T13" fmla="*/ 142 h 468"/>
                  <a:gd name="T14" fmla="*/ 43 w 534"/>
                  <a:gd name="T15" fmla="*/ 140 h 468"/>
                  <a:gd name="T16" fmla="*/ 43 w 534"/>
                  <a:gd name="T17" fmla="*/ 154 h 468"/>
                  <a:gd name="T18" fmla="*/ 24 w 534"/>
                  <a:gd name="T19" fmla="*/ 170 h 468"/>
                  <a:gd name="T20" fmla="*/ 0 w 534"/>
                  <a:gd name="T21" fmla="*/ 176 h 468"/>
                  <a:gd name="T22" fmla="*/ 27 w 534"/>
                  <a:gd name="T23" fmla="*/ 170 h 468"/>
                  <a:gd name="T24" fmla="*/ 34 w 534"/>
                  <a:gd name="T25" fmla="*/ 168 h 468"/>
                  <a:gd name="T26" fmla="*/ 40 w 534"/>
                  <a:gd name="T27" fmla="*/ 165 h 468"/>
                  <a:gd name="T28" fmla="*/ 75 w 534"/>
                  <a:gd name="T29" fmla="*/ 140 h 468"/>
                  <a:gd name="T30" fmla="*/ 90 w 534"/>
                  <a:gd name="T31" fmla="*/ 116 h 468"/>
                  <a:gd name="T32" fmla="*/ 93 w 534"/>
                  <a:gd name="T33" fmla="*/ 113 h 468"/>
                  <a:gd name="T34" fmla="*/ 96 w 534"/>
                  <a:gd name="T35" fmla="*/ 116 h 468"/>
                  <a:gd name="T36" fmla="*/ 88 w 534"/>
                  <a:gd name="T37" fmla="*/ 120 h 468"/>
                  <a:gd name="T38" fmla="*/ 90 w 534"/>
                  <a:gd name="T39" fmla="*/ 131 h 468"/>
                  <a:gd name="T40" fmla="*/ 93 w 534"/>
                  <a:gd name="T41" fmla="*/ 136 h 468"/>
                  <a:gd name="T42" fmla="*/ 104 w 534"/>
                  <a:gd name="T43" fmla="*/ 129 h 468"/>
                  <a:gd name="T44" fmla="*/ 109 w 534"/>
                  <a:gd name="T45" fmla="*/ 120 h 468"/>
                  <a:gd name="T46" fmla="*/ 114 w 534"/>
                  <a:gd name="T47" fmla="*/ 120 h 468"/>
                  <a:gd name="T48" fmla="*/ 157 w 534"/>
                  <a:gd name="T49" fmla="*/ 129 h 468"/>
                  <a:gd name="T50" fmla="*/ 165 w 534"/>
                  <a:gd name="T51" fmla="*/ 126 h 468"/>
                  <a:gd name="T52" fmla="*/ 168 w 534"/>
                  <a:gd name="T53" fmla="*/ 134 h 468"/>
                  <a:gd name="T54" fmla="*/ 170 w 534"/>
                  <a:gd name="T55" fmla="*/ 136 h 468"/>
                  <a:gd name="T56" fmla="*/ 186 w 534"/>
                  <a:gd name="T57" fmla="*/ 138 h 468"/>
                  <a:gd name="T58" fmla="*/ 191 w 534"/>
                  <a:gd name="T59" fmla="*/ 140 h 468"/>
                  <a:gd name="T60" fmla="*/ 194 w 534"/>
                  <a:gd name="T61" fmla="*/ 138 h 468"/>
                  <a:gd name="T62" fmla="*/ 221 w 534"/>
                  <a:gd name="T63" fmla="*/ 156 h 468"/>
                  <a:gd name="T64" fmla="*/ 226 w 534"/>
                  <a:gd name="T65" fmla="*/ 156 h 468"/>
                  <a:gd name="T66" fmla="*/ 236 w 534"/>
                  <a:gd name="T67" fmla="*/ 168 h 468"/>
                  <a:gd name="T68" fmla="*/ 218 w 534"/>
                  <a:gd name="T69" fmla="*/ 154 h 468"/>
                  <a:gd name="T70" fmla="*/ 175 w 534"/>
                  <a:gd name="T71" fmla="*/ 136 h 468"/>
                  <a:gd name="T72" fmla="*/ 168 w 534"/>
                  <a:gd name="T73" fmla="*/ 126 h 468"/>
                  <a:gd name="T74" fmla="*/ 152 w 534"/>
                  <a:gd name="T75" fmla="*/ 122 h 468"/>
                  <a:gd name="T76" fmla="*/ 90 w 534"/>
                  <a:gd name="T77" fmla="*/ 12 h 468"/>
                  <a:gd name="T78" fmla="*/ 77 w 534"/>
                  <a:gd name="T79" fmla="*/ 7 h 468"/>
                  <a:gd name="T80" fmla="*/ 21 w 534"/>
                  <a:gd name="T81" fmla="*/ 25 h 468"/>
                  <a:gd name="T82" fmla="*/ 43 w 534"/>
                  <a:gd name="T83" fmla="*/ 45 h 468"/>
                  <a:gd name="T84" fmla="*/ 40 w 534"/>
                  <a:gd name="T85" fmla="*/ 48 h 468"/>
                  <a:gd name="T86" fmla="*/ 37 w 534"/>
                  <a:gd name="T87" fmla="*/ 56 h 468"/>
                  <a:gd name="T88" fmla="*/ 32 w 534"/>
                  <a:gd name="T89" fmla="*/ 48 h 468"/>
                  <a:gd name="T90" fmla="*/ 5 w 534"/>
                  <a:gd name="T91" fmla="*/ 52 h 468"/>
                  <a:gd name="T92" fmla="*/ 11 w 534"/>
                  <a:gd name="T93" fmla="*/ 59 h 468"/>
                  <a:gd name="T94" fmla="*/ 29 w 534"/>
                  <a:gd name="T95" fmla="*/ 70 h 468"/>
                  <a:gd name="T96" fmla="*/ 40 w 534"/>
                  <a:gd name="T97" fmla="*/ 70 h 468"/>
                  <a:gd name="T98" fmla="*/ 37 w 534"/>
                  <a:gd name="T99" fmla="*/ 84 h 468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w 534"/>
                  <a:gd name="T151" fmla="*/ 0 h 468"/>
                  <a:gd name="T152" fmla="*/ 534 w 534"/>
                  <a:gd name="T153" fmla="*/ 468 h 468"/>
                </a:gdLst>
                <a:ahLst/>
                <a:cxnLst>
                  <a:cxn ang="T100">
                    <a:pos x="T0" y="T1"/>
                  </a:cxn>
                  <a:cxn ang="T101">
                    <a:pos x="T2" y="T3"/>
                  </a:cxn>
                  <a:cxn ang="T102">
                    <a:pos x="T4" y="T5"/>
                  </a:cxn>
                  <a:cxn ang="T103">
                    <a:pos x="T6" y="T7"/>
                  </a:cxn>
                  <a:cxn ang="T104">
                    <a:pos x="T8" y="T9"/>
                  </a:cxn>
                  <a:cxn ang="T105">
                    <a:pos x="T10" y="T11"/>
                  </a:cxn>
                  <a:cxn ang="T106">
                    <a:pos x="T12" y="T13"/>
                  </a:cxn>
                  <a:cxn ang="T107">
                    <a:pos x="T14" y="T15"/>
                  </a:cxn>
                  <a:cxn ang="T108">
                    <a:pos x="T16" y="T17"/>
                  </a:cxn>
                  <a:cxn ang="T109">
                    <a:pos x="T18" y="T19"/>
                  </a:cxn>
                  <a:cxn ang="T110">
                    <a:pos x="T20" y="T21"/>
                  </a:cxn>
                  <a:cxn ang="T111">
                    <a:pos x="T22" y="T23"/>
                  </a:cxn>
                  <a:cxn ang="T112">
                    <a:pos x="T24" y="T25"/>
                  </a:cxn>
                  <a:cxn ang="T113">
                    <a:pos x="T26" y="T27"/>
                  </a:cxn>
                  <a:cxn ang="T114">
                    <a:pos x="T28" y="T29"/>
                  </a:cxn>
                  <a:cxn ang="T115">
                    <a:pos x="T30" y="T31"/>
                  </a:cxn>
                  <a:cxn ang="T116">
                    <a:pos x="T32" y="T33"/>
                  </a:cxn>
                  <a:cxn ang="T117">
                    <a:pos x="T34" y="T35"/>
                  </a:cxn>
                  <a:cxn ang="T118">
                    <a:pos x="T36" y="T37"/>
                  </a:cxn>
                  <a:cxn ang="T119">
                    <a:pos x="T38" y="T39"/>
                  </a:cxn>
                  <a:cxn ang="T120">
                    <a:pos x="T40" y="T41"/>
                  </a:cxn>
                  <a:cxn ang="T121">
                    <a:pos x="T42" y="T43"/>
                  </a:cxn>
                  <a:cxn ang="T122">
                    <a:pos x="T44" y="T45"/>
                  </a:cxn>
                  <a:cxn ang="T123">
                    <a:pos x="T46" y="T47"/>
                  </a:cxn>
                  <a:cxn ang="T124">
                    <a:pos x="T48" y="T49"/>
                  </a:cxn>
                  <a:cxn ang="T125">
                    <a:pos x="T50" y="T51"/>
                  </a:cxn>
                  <a:cxn ang="T126">
                    <a:pos x="T52" y="T53"/>
                  </a:cxn>
                  <a:cxn ang="T127">
                    <a:pos x="T54" y="T55"/>
                  </a:cxn>
                  <a:cxn ang="T128">
                    <a:pos x="T56" y="T57"/>
                  </a:cxn>
                  <a:cxn ang="T129">
                    <a:pos x="T58" y="T59"/>
                  </a:cxn>
                  <a:cxn ang="T130">
                    <a:pos x="T60" y="T61"/>
                  </a:cxn>
                  <a:cxn ang="T131">
                    <a:pos x="T62" y="T63"/>
                  </a:cxn>
                  <a:cxn ang="T132">
                    <a:pos x="T64" y="T65"/>
                  </a:cxn>
                  <a:cxn ang="T133">
                    <a:pos x="T66" y="T67"/>
                  </a:cxn>
                  <a:cxn ang="T134">
                    <a:pos x="T68" y="T69"/>
                  </a:cxn>
                  <a:cxn ang="T135">
                    <a:pos x="T70" y="T71"/>
                  </a:cxn>
                  <a:cxn ang="T136">
                    <a:pos x="T72" y="T73"/>
                  </a:cxn>
                  <a:cxn ang="T137">
                    <a:pos x="T74" y="T75"/>
                  </a:cxn>
                  <a:cxn ang="T138">
                    <a:pos x="T76" y="T77"/>
                  </a:cxn>
                  <a:cxn ang="T139">
                    <a:pos x="T78" y="T79"/>
                  </a:cxn>
                  <a:cxn ang="T140">
                    <a:pos x="T80" y="T81"/>
                  </a:cxn>
                  <a:cxn ang="T141">
                    <a:pos x="T82" y="T83"/>
                  </a:cxn>
                  <a:cxn ang="T142">
                    <a:pos x="T84" y="T85"/>
                  </a:cxn>
                  <a:cxn ang="T143">
                    <a:pos x="T86" y="T87"/>
                  </a:cxn>
                  <a:cxn ang="T144">
                    <a:pos x="T88" y="T89"/>
                  </a:cxn>
                  <a:cxn ang="T145">
                    <a:pos x="T90" y="T91"/>
                  </a:cxn>
                  <a:cxn ang="T146">
                    <a:pos x="T92" y="T93"/>
                  </a:cxn>
                  <a:cxn ang="T147">
                    <a:pos x="T94" y="T95"/>
                  </a:cxn>
                  <a:cxn ang="T148">
                    <a:pos x="T96" y="T97"/>
                  </a:cxn>
                  <a:cxn ang="T149">
                    <a:pos x="T98" y="T99"/>
                  </a:cxn>
                </a:cxnLst>
                <a:rect l="T150" t="T151" r="T152" b="T153"/>
                <a:pathLst>
                  <a:path w="534" h="468">
                    <a:moveTo>
                      <a:pt x="48" y="228"/>
                    </a:moveTo>
                    <a:lnTo>
                      <a:pt x="6" y="264"/>
                    </a:lnTo>
                    <a:lnTo>
                      <a:pt x="18" y="264"/>
                    </a:lnTo>
                    <a:lnTo>
                      <a:pt x="6" y="270"/>
                    </a:lnTo>
                    <a:lnTo>
                      <a:pt x="12" y="282"/>
                    </a:lnTo>
                    <a:lnTo>
                      <a:pt x="30" y="294"/>
                    </a:lnTo>
                    <a:lnTo>
                      <a:pt x="18" y="306"/>
                    </a:lnTo>
                    <a:lnTo>
                      <a:pt x="24" y="324"/>
                    </a:lnTo>
                    <a:lnTo>
                      <a:pt x="36" y="330"/>
                    </a:lnTo>
                    <a:lnTo>
                      <a:pt x="60" y="300"/>
                    </a:lnTo>
                    <a:lnTo>
                      <a:pt x="54" y="348"/>
                    </a:lnTo>
                    <a:lnTo>
                      <a:pt x="42" y="360"/>
                    </a:lnTo>
                    <a:lnTo>
                      <a:pt x="72" y="348"/>
                    </a:lnTo>
                    <a:lnTo>
                      <a:pt x="84" y="378"/>
                    </a:lnTo>
                    <a:lnTo>
                      <a:pt x="96" y="360"/>
                    </a:lnTo>
                    <a:lnTo>
                      <a:pt x="96" y="372"/>
                    </a:lnTo>
                    <a:lnTo>
                      <a:pt x="120" y="360"/>
                    </a:lnTo>
                    <a:lnTo>
                      <a:pt x="96" y="408"/>
                    </a:lnTo>
                    <a:lnTo>
                      <a:pt x="60" y="432"/>
                    </a:lnTo>
                    <a:lnTo>
                      <a:pt x="54" y="450"/>
                    </a:lnTo>
                    <a:lnTo>
                      <a:pt x="30" y="444"/>
                    </a:lnTo>
                    <a:lnTo>
                      <a:pt x="0" y="468"/>
                    </a:lnTo>
                    <a:lnTo>
                      <a:pt x="30" y="450"/>
                    </a:lnTo>
                    <a:lnTo>
                      <a:pt x="60" y="450"/>
                    </a:lnTo>
                    <a:lnTo>
                      <a:pt x="60" y="456"/>
                    </a:lnTo>
                    <a:lnTo>
                      <a:pt x="78" y="444"/>
                    </a:lnTo>
                    <a:lnTo>
                      <a:pt x="72" y="432"/>
                    </a:lnTo>
                    <a:lnTo>
                      <a:pt x="90" y="438"/>
                    </a:lnTo>
                    <a:lnTo>
                      <a:pt x="156" y="390"/>
                    </a:lnTo>
                    <a:lnTo>
                      <a:pt x="168" y="372"/>
                    </a:lnTo>
                    <a:lnTo>
                      <a:pt x="156" y="354"/>
                    </a:lnTo>
                    <a:lnTo>
                      <a:pt x="204" y="306"/>
                    </a:lnTo>
                    <a:lnTo>
                      <a:pt x="216" y="276"/>
                    </a:lnTo>
                    <a:lnTo>
                      <a:pt x="210" y="300"/>
                    </a:lnTo>
                    <a:lnTo>
                      <a:pt x="228" y="294"/>
                    </a:lnTo>
                    <a:lnTo>
                      <a:pt x="216" y="306"/>
                    </a:lnTo>
                    <a:lnTo>
                      <a:pt x="228" y="318"/>
                    </a:lnTo>
                    <a:lnTo>
                      <a:pt x="198" y="318"/>
                    </a:lnTo>
                    <a:lnTo>
                      <a:pt x="192" y="348"/>
                    </a:lnTo>
                    <a:lnTo>
                      <a:pt x="204" y="348"/>
                    </a:lnTo>
                    <a:lnTo>
                      <a:pt x="192" y="366"/>
                    </a:lnTo>
                    <a:lnTo>
                      <a:pt x="210" y="360"/>
                    </a:lnTo>
                    <a:lnTo>
                      <a:pt x="222" y="336"/>
                    </a:lnTo>
                    <a:lnTo>
                      <a:pt x="234" y="342"/>
                    </a:lnTo>
                    <a:lnTo>
                      <a:pt x="246" y="306"/>
                    </a:lnTo>
                    <a:lnTo>
                      <a:pt x="246" y="318"/>
                    </a:lnTo>
                    <a:lnTo>
                      <a:pt x="264" y="306"/>
                    </a:lnTo>
                    <a:lnTo>
                      <a:pt x="258" y="318"/>
                    </a:lnTo>
                    <a:lnTo>
                      <a:pt x="300" y="342"/>
                    </a:lnTo>
                    <a:lnTo>
                      <a:pt x="354" y="342"/>
                    </a:lnTo>
                    <a:lnTo>
                      <a:pt x="360" y="330"/>
                    </a:lnTo>
                    <a:lnTo>
                      <a:pt x="372" y="336"/>
                    </a:lnTo>
                    <a:lnTo>
                      <a:pt x="360" y="348"/>
                    </a:lnTo>
                    <a:lnTo>
                      <a:pt x="378" y="354"/>
                    </a:lnTo>
                    <a:lnTo>
                      <a:pt x="384" y="336"/>
                    </a:lnTo>
                    <a:lnTo>
                      <a:pt x="384" y="360"/>
                    </a:lnTo>
                    <a:lnTo>
                      <a:pt x="408" y="378"/>
                    </a:lnTo>
                    <a:lnTo>
                      <a:pt x="420" y="366"/>
                    </a:lnTo>
                    <a:lnTo>
                      <a:pt x="402" y="354"/>
                    </a:lnTo>
                    <a:lnTo>
                      <a:pt x="432" y="372"/>
                    </a:lnTo>
                    <a:lnTo>
                      <a:pt x="420" y="336"/>
                    </a:lnTo>
                    <a:lnTo>
                      <a:pt x="438" y="366"/>
                    </a:lnTo>
                    <a:lnTo>
                      <a:pt x="462" y="396"/>
                    </a:lnTo>
                    <a:lnTo>
                      <a:pt x="498" y="414"/>
                    </a:lnTo>
                    <a:lnTo>
                      <a:pt x="498" y="438"/>
                    </a:lnTo>
                    <a:lnTo>
                      <a:pt x="510" y="414"/>
                    </a:lnTo>
                    <a:lnTo>
                      <a:pt x="522" y="450"/>
                    </a:lnTo>
                    <a:lnTo>
                      <a:pt x="534" y="444"/>
                    </a:lnTo>
                    <a:lnTo>
                      <a:pt x="528" y="414"/>
                    </a:lnTo>
                    <a:lnTo>
                      <a:pt x="492" y="408"/>
                    </a:lnTo>
                    <a:lnTo>
                      <a:pt x="420" y="330"/>
                    </a:lnTo>
                    <a:lnTo>
                      <a:pt x="396" y="360"/>
                    </a:lnTo>
                    <a:lnTo>
                      <a:pt x="390" y="336"/>
                    </a:lnTo>
                    <a:lnTo>
                      <a:pt x="378" y="336"/>
                    </a:lnTo>
                    <a:lnTo>
                      <a:pt x="366" y="324"/>
                    </a:lnTo>
                    <a:lnTo>
                      <a:pt x="342" y="324"/>
                    </a:lnTo>
                    <a:lnTo>
                      <a:pt x="306" y="48"/>
                    </a:lnTo>
                    <a:lnTo>
                      <a:pt x="204" y="30"/>
                    </a:lnTo>
                    <a:lnTo>
                      <a:pt x="174" y="6"/>
                    </a:lnTo>
                    <a:lnTo>
                      <a:pt x="174" y="18"/>
                    </a:lnTo>
                    <a:lnTo>
                      <a:pt x="162" y="0"/>
                    </a:lnTo>
                    <a:lnTo>
                      <a:pt x="48" y="66"/>
                    </a:lnTo>
                    <a:lnTo>
                      <a:pt x="72" y="114"/>
                    </a:lnTo>
                    <a:lnTo>
                      <a:pt x="96" y="120"/>
                    </a:lnTo>
                    <a:lnTo>
                      <a:pt x="114" y="138"/>
                    </a:lnTo>
                    <a:lnTo>
                      <a:pt x="90" y="126"/>
                    </a:lnTo>
                    <a:lnTo>
                      <a:pt x="96" y="144"/>
                    </a:lnTo>
                    <a:lnTo>
                      <a:pt x="84" y="150"/>
                    </a:lnTo>
                    <a:lnTo>
                      <a:pt x="66" y="144"/>
                    </a:lnTo>
                    <a:lnTo>
                      <a:pt x="72" y="126"/>
                    </a:lnTo>
                    <a:lnTo>
                      <a:pt x="60" y="126"/>
                    </a:lnTo>
                    <a:lnTo>
                      <a:pt x="12" y="138"/>
                    </a:lnTo>
                    <a:lnTo>
                      <a:pt x="36" y="156"/>
                    </a:lnTo>
                    <a:lnTo>
                      <a:pt x="24" y="156"/>
                    </a:lnTo>
                    <a:lnTo>
                      <a:pt x="30" y="174"/>
                    </a:lnTo>
                    <a:lnTo>
                      <a:pt x="66" y="186"/>
                    </a:lnTo>
                    <a:lnTo>
                      <a:pt x="66" y="198"/>
                    </a:lnTo>
                    <a:lnTo>
                      <a:pt x="90" y="186"/>
                    </a:lnTo>
                    <a:lnTo>
                      <a:pt x="84" y="192"/>
                    </a:lnTo>
                    <a:lnTo>
                      <a:pt x="84" y="222"/>
                    </a:lnTo>
                    <a:lnTo>
                      <a:pt x="48" y="22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34" name="Freeform 13"/>
              <p:cNvSpPr>
                <a:spLocks noChangeAspect="1"/>
              </p:cNvSpPr>
              <p:nvPr/>
            </p:nvSpPr>
            <p:spPr bwMode="auto">
              <a:xfrm>
                <a:off x="496" y="1785"/>
                <a:ext cx="407" cy="338"/>
              </a:xfrm>
              <a:custGeom>
                <a:avLst/>
                <a:gdLst>
                  <a:gd name="T0" fmla="*/ 3 w 534"/>
                  <a:gd name="T1" fmla="*/ 100 h 468"/>
                  <a:gd name="T2" fmla="*/ 3 w 534"/>
                  <a:gd name="T3" fmla="*/ 102 h 468"/>
                  <a:gd name="T4" fmla="*/ 14 w 534"/>
                  <a:gd name="T5" fmla="*/ 111 h 468"/>
                  <a:gd name="T6" fmla="*/ 11 w 534"/>
                  <a:gd name="T7" fmla="*/ 122 h 468"/>
                  <a:gd name="T8" fmla="*/ 27 w 534"/>
                  <a:gd name="T9" fmla="*/ 113 h 468"/>
                  <a:gd name="T10" fmla="*/ 18 w 534"/>
                  <a:gd name="T11" fmla="*/ 136 h 468"/>
                  <a:gd name="T12" fmla="*/ 37 w 534"/>
                  <a:gd name="T13" fmla="*/ 142 h 468"/>
                  <a:gd name="T14" fmla="*/ 43 w 534"/>
                  <a:gd name="T15" fmla="*/ 140 h 468"/>
                  <a:gd name="T16" fmla="*/ 43 w 534"/>
                  <a:gd name="T17" fmla="*/ 154 h 468"/>
                  <a:gd name="T18" fmla="*/ 24 w 534"/>
                  <a:gd name="T19" fmla="*/ 170 h 468"/>
                  <a:gd name="T20" fmla="*/ 0 w 534"/>
                  <a:gd name="T21" fmla="*/ 176 h 468"/>
                  <a:gd name="T22" fmla="*/ 27 w 534"/>
                  <a:gd name="T23" fmla="*/ 170 h 468"/>
                  <a:gd name="T24" fmla="*/ 34 w 534"/>
                  <a:gd name="T25" fmla="*/ 168 h 468"/>
                  <a:gd name="T26" fmla="*/ 40 w 534"/>
                  <a:gd name="T27" fmla="*/ 165 h 468"/>
                  <a:gd name="T28" fmla="*/ 75 w 534"/>
                  <a:gd name="T29" fmla="*/ 140 h 468"/>
                  <a:gd name="T30" fmla="*/ 90 w 534"/>
                  <a:gd name="T31" fmla="*/ 116 h 468"/>
                  <a:gd name="T32" fmla="*/ 93 w 534"/>
                  <a:gd name="T33" fmla="*/ 113 h 468"/>
                  <a:gd name="T34" fmla="*/ 96 w 534"/>
                  <a:gd name="T35" fmla="*/ 116 h 468"/>
                  <a:gd name="T36" fmla="*/ 88 w 534"/>
                  <a:gd name="T37" fmla="*/ 120 h 468"/>
                  <a:gd name="T38" fmla="*/ 90 w 534"/>
                  <a:gd name="T39" fmla="*/ 131 h 468"/>
                  <a:gd name="T40" fmla="*/ 93 w 534"/>
                  <a:gd name="T41" fmla="*/ 136 h 468"/>
                  <a:gd name="T42" fmla="*/ 104 w 534"/>
                  <a:gd name="T43" fmla="*/ 129 h 468"/>
                  <a:gd name="T44" fmla="*/ 109 w 534"/>
                  <a:gd name="T45" fmla="*/ 120 h 468"/>
                  <a:gd name="T46" fmla="*/ 114 w 534"/>
                  <a:gd name="T47" fmla="*/ 120 h 468"/>
                  <a:gd name="T48" fmla="*/ 157 w 534"/>
                  <a:gd name="T49" fmla="*/ 129 h 468"/>
                  <a:gd name="T50" fmla="*/ 165 w 534"/>
                  <a:gd name="T51" fmla="*/ 126 h 468"/>
                  <a:gd name="T52" fmla="*/ 168 w 534"/>
                  <a:gd name="T53" fmla="*/ 134 h 468"/>
                  <a:gd name="T54" fmla="*/ 170 w 534"/>
                  <a:gd name="T55" fmla="*/ 136 h 468"/>
                  <a:gd name="T56" fmla="*/ 186 w 534"/>
                  <a:gd name="T57" fmla="*/ 138 h 468"/>
                  <a:gd name="T58" fmla="*/ 191 w 534"/>
                  <a:gd name="T59" fmla="*/ 140 h 468"/>
                  <a:gd name="T60" fmla="*/ 194 w 534"/>
                  <a:gd name="T61" fmla="*/ 138 h 468"/>
                  <a:gd name="T62" fmla="*/ 221 w 534"/>
                  <a:gd name="T63" fmla="*/ 156 h 468"/>
                  <a:gd name="T64" fmla="*/ 226 w 534"/>
                  <a:gd name="T65" fmla="*/ 156 h 468"/>
                  <a:gd name="T66" fmla="*/ 236 w 534"/>
                  <a:gd name="T67" fmla="*/ 168 h 468"/>
                  <a:gd name="T68" fmla="*/ 218 w 534"/>
                  <a:gd name="T69" fmla="*/ 154 h 468"/>
                  <a:gd name="T70" fmla="*/ 175 w 534"/>
                  <a:gd name="T71" fmla="*/ 136 h 468"/>
                  <a:gd name="T72" fmla="*/ 168 w 534"/>
                  <a:gd name="T73" fmla="*/ 126 h 468"/>
                  <a:gd name="T74" fmla="*/ 152 w 534"/>
                  <a:gd name="T75" fmla="*/ 122 h 468"/>
                  <a:gd name="T76" fmla="*/ 90 w 534"/>
                  <a:gd name="T77" fmla="*/ 12 h 468"/>
                  <a:gd name="T78" fmla="*/ 77 w 534"/>
                  <a:gd name="T79" fmla="*/ 7 h 468"/>
                  <a:gd name="T80" fmla="*/ 21 w 534"/>
                  <a:gd name="T81" fmla="*/ 25 h 468"/>
                  <a:gd name="T82" fmla="*/ 43 w 534"/>
                  <a:gd name="T83" fmla="*/ 45 h 468"/>
                  <a:gd name="T84" fmla="*/ 40 w 534"/>
                  <a:gd name="T85" fmla="*/ 48 h 468"/>
                  <a:gd name="T86" fmla="*/ 37 w 534"/>
                  <a:gd name="T87" fmla="*/ 56 h 468"/>
                  <a:gd name="T88" fmla="*/ 32 w 534"/>
                  <a:gd name="T89" fmla="*/ 48 h 468"/>
                  <a:gd name="T90" fmla="*/ 5 w 534"/>
                  <a:gd name="T91" fmla="*/ 52 h 468"/>
                  <a:gd name="T92" fmla="*/ 11 w 534"/>
                  <a:gd name="T93" fmla="*/ 59 h 468"/>
                  <a:gd name="T94" fmla="*/ 29 w 534"/>
                  <a:gd name="T95" fmla="*/ 70 h 468"/>
                  <a:gd name="T96" fmla="*/ 40 w 534"/>
                  <a:gd name="T97" fmla="*/ 70 h 468"/>
                  <a:gd name="T98" fmla="*/ 37 w 534"/>
                  <a:gd name="T99" fmla="*/ 84 h 468"/>
                  <a:gd name="T100" fmla="*/ 21 w 534"/>
                  <a:gd name="T101" fmla="*/ 88 h 468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w 534"/>
                  <a:gd name="T154" fmla="*/ 0 h 468"/>
                  <a:gd name="T155" fmla="*/ 534 w 534"/>
                  <a:gd name="T156" fmla="*/ 468 h 468"/>
                </a:gdLst>
                <a:ahLst/>
                <a:cxnLst>
                  <a:cxn ang="T102">
                    <a:pos x="T0" y="T1"/>
                  </a:cxn>
                  <a:cxn ang="T103">
                    <a:pos x="T2" y="T3"/>
                  </a:cxn>
                  <a:cxn ang="T104">
                    <a:pos x="T4" y="T5"/>
                  </a:cxn>
                  <a:cxn ang="T105">
                    <a:pos x="T6" y="T7"/>
                  </a:cxn>
                  <a:cxn ang="T106">
                    <a:pos x="T8" y="T9"/>
                  </a:cxn>
                  <a:cxn ang="T107">
                    <a:pos x="T10" y="T11"/>
                  </a:cxn>
                  <a:cxn ang="T108">
                    <a:pos x="T12" y="T13"/>
                  </a:cxn>
                  <a:cxn ang="T109">
                    <a:pos x="T14" y="T15"/>
                  </a:cxn>
                  <a:cxn ang="T110">
                    <a:pos x="T16" y="T17"/>
                  </a:cxn>
                  <a:cxn ang="T111">
                    <a:pos x="T18" y="T19"/>
                  </a:cxn>
                  <a:cxn ang="T112">
                    <a:pos x="T20" y="T21"/>
                  </a:cxn>
                  <a:cxn ang="T113">
                    <a:pos x="T22" y="T23"/>
                  </a:cxn>
                  <a:cxn ang="T114">
                    <a:pos x="T24" y="T25"/>
                  </a:cxn>
                  <a:cxn ang="T115">
                    <a:pos x="T26" y="T27"/>
                  </a:cxn>
                  <a:cxn ang="T116">
                    <a:pos x="T28" y="T29"/>
                  </a:cxn>
                  <a:cxn ang="T117">
                    <a:pos x="T30" y="T31"/>
                  </a:cxn>
                  <a:cxn ang="T118">
                    <a:pos x="T32" y="T33"/>
                  </a:cxn>
                  <a:cxn ang="T119">
                    <a:pos x="T34" y="T35"/>
                  </a:cxn>
                  <a:cxn ang="T120">
                    <a:pos x="T36" y="T37"/>
                  </a:cxn>
                  <a:cxn ang="T121">
                    <a:pos x="T38" y="T39"/>
                  </a:cxn>
                  <a:cxn ang="T122">
                    <a:pos x="T40" y="T41"/>
                  </a:cxn>
                  <a:cxn ang="T123">
                    <a:pos x="T42" y="T43"/>
                  </a:cxn>
                  <a:cxn ang="T124">
                    <a:pos x="T44" y="T45"/>
                  </a:cxn>
                  <a:cxn ang="T125">
                    <a:pos x="T46" y="T47"/>
                  </a:cxn>
                  <a:cxn ang="T126">
                    <a:pos x="T48" y="T49"/>
                  </a:cxn>
                  <a:cxn ang="T127">
                    <a:pos x="T50" y="T51"/>
                  </a:cxn>
                  <a:cxn ang="T128">
                    <a:pos x="T52" y="T53"/>
                  </a:cxn>
                  <a:cxn ang="T129">
                    <a:pos x="T54" y="T55"/>
                  </a:cxn>
                  <a:cxn ang="T130">
                    <a:pos x="T56" y="T57"/>
                  </a:cxn>
                  <a:cxn ang="T131">
                    <a:pos x="T58" y="T59"/>
                  </a:cxn>
                  <a:cxn ang="T132">
                    <a:pos x="T60" y="T61"/>
                  </a:cxn>
                  <a:cxn ang="T133">
                    <a:pos x="T62" y="T63"/>
                  </a:cxn>
                  <a:cxn ang="T134">
                    <a:pos x="T64" y="T65"/>
                  </a:cxn>
                  <a:cxn ang="T135">
                    <a:pos x="T66" y="T67"/>
                  </a:cxn>
                  <a:cxn ang="T136">
                    <a:pos x="T68" y="T69"/>
                  </a:cxn>
                  <a:cxn ang="T137">
                    <a:pos x="T70" y="T71"/>
                  </a:cxn>
                  <a:cxn ang="T138">
                    <a:pos x="T72" y="T73"/>
                  </a:cxn>
                  <a:cxn ang="T139">
                    <a:pos x="T74" y="T75"/>
                  </a:cxn>
                  <a:cxn ang="T140">
                    <a:pos x="T76" y="T77"/>
                  </a:cxn>
                  <a:cxn ang="T141">
                    <a:pos x="T78" y="T79"/>
                  </a:cxn>
                  <a:cxn ang="T142">
                    <a:pos x="T80" y="T81"/>
                  </a:cxn>
                  <a:cxn ang="T143">
                    <a:pos x="T82" y="T83"/>
                  </a:cxn>
                  <a:cxn ang="T144">
                    <a:pos x="T84" y="T85"/>
                  </a:cxn>
                  <a:cxn ang="T145">
                    <a:pos x="T86" y="T87"/>
                  </a:cxn>
                  <a:cxn ang="T146">
                    <a:pos x="T88" y="T89"/>
                  </a:cxn>
                  <a:cxn ang="T147">
                    <a:pos x="T90" y="T91"/>
                  </a:cxn>
                  <a:cxn ang="T148">
                    <a:pos x="T92" y="T93"/>
                  </a:cxn>
                  <a:cxn ang="T149">
                    <a:pos x="T94" y="T95"/>
                  </a:cxn>
                  <a:cxn ang="T150">
                    <a:pos x="T96" y="T97"/>
                  </a:cxn>
                  <a:cxn ang="T151">
                    <a:pos x="T98" y="T99"/>
                  </a:cxn>
                  <a:cxn ang="T152">
                    <a:pos x="T100" y="T101"/>
                  </a:cxn>
                </a:cxnLst>
                <a:rect l="T153" t="T154" r="T155" b="T156"/>
                <a:pathLst>
                  <a:path w="534" h="468">
                    <a:moveTo>
                      <a:pt x="48" y="228"/>
                    </a:moveTo>
                    <a:lnTo>
                      <a:pt x="6" y="264"/>
                    </a:lnTo>
                    <a:lnTo>
                      <a:pt x="18" y="264"/>
                    </a:lnTo>
                    <a:lnTo>
                      <a:pt x="6" y="270"/>
                    </a:lnTo>
                    <a:lnTo>
                      <a:pt x="12" y="282"/>
                    </a:lnTo>
                    <a:lnTo>
                      <a:pt x="30" y="294"/>
                    </a:lnTo>
                    <a:lnTo>
                      <a:pt x="18" y="306"/>
                    </a:lnTo>
                    <a:lnTo>
                      <a:pt x="24" y="324"/>
                    </a:lnTo>
                    <a:lnTo>
                      <a:pt x="36" y="330"/>
                    </a:lnTo>
                    <a:lnTo>
                      <a:pt x="60" y="300"/>
                    </a:lnTo>
                    <a:lnTo>
                      <a:pt x="54" y="348"/>
                    </a:lnTo>
                    <a:lnTo>
                      <a:pt x="42" y="360"/>
                    </a:lnTo>
                    <a:lnTo>
                      <a:pt x="72" y="348"/>
                    </a:lnTo>
                    <a:lnTo>
                      <a:pt x="84" y="378"/>
                    </a:lnTo>
                    <a:lnTo>
                      <a:pt x="96" y="360"/>
                    </a:lnTo>
                    <a:lnTo>
                      <a:pt x="96" y="372"/>
                    </a:lnTo>
                    <a:lnTo>
                      <a:pt x="120" y="360"/>
                    </a:lnTo>
                    <a:lnTo>
                      <a:pt x="96" y="408"/>
                    </a:lnTo>
                    <a:lnTo>
                      <a:pt x="60" y="432"/>
                    </a:lnTo>
                    <a:lnTo>
                      <a:pt x="54" y="450"/>
                    </a:lnTo>
                    <a:lnTo>
                      <a:pt x="30" y="444"/>
                    </a:lnTo>
                    <a:lnTo>
                      <a:pt x="0" y="468"/>
                    </a:lnTo>
                    <a:lnTo>
                      <a:pt x="30" y="450"/>
                    </a:lnTo>
                    <a:lnTo>
                      <a:pt x="60" y="450"/>
                    </a:lnTo>
                    <a:lnTo>
                      <a:pt x="60" y="456"/>
                    </a:lnTo>
                    <a:lnTo>
                      <a:pt x="78" y="444"/>
                    </a:lnTo>
                    <a:lnTo>
                      <a:pt x="72" y="432"/>
                    </a:lnTo>
                    <a:lnTo>
                      <a:pt x="90" y="438"/>
                    </a:lnTo>
                    <a:lnTo>
                      <a:pt x="156" y="390"/>
                    </a:lnTo>
                    <a:lnTo>
                      <a:pt x="168" y="372"/>
                    </a:lnTo>
                    <a:lnTo>
                      <a:pt x="156" y="354"/>
                    </a:lnTo>
                    <a:lnTo>
                      <a:pt x="204" y="306"/>
                    </a:lnTo>
                    <a:lnTo>
                      <a:pt x="216" y="276"/>
                    </a:lnTo>
                    <a:lnTo>
                      <a:pt x="210" y="300"/>
                    </a:lnTo>
                    <a:lnTo>
                      <a:pt x="228" y="294"/>
                    </a:lnTo>
                    <a:lnTo>
                      <a:pt x="216" y="306"/>
                    </a:lnTo>
                    <a:lnTo>
                      <a:pt x="228" y="318"/>
                    </a:lnTo>
                    <a:lnTo>
                      <a:pt x="198" y="318"/>
                    </a:lnTo>
                    <a:lnTo>
                      <a:pt x="192" y="348"/>
                    </a:lnTo>
                    <a:lnTo>
                      <a:pt x="204" y="348"/>
                    </a:lnTo>
                    <a:lnTo>
                      <a:pt x="192" y="366"/>
                    </a:lnTo>
                    <a:lnTo>
                      <a:pt x="210" y="360"/>
                    </a:lnTo>
                    <a:lnTo>
                      <a:pt x="222" y="336"/>
                    </a:lnTo>
                    <a:lnTo>
                      <a:pt x="234" y="342"/>
                    </a:lnTo>
                    <a:lnTo>
                      <a:pt x="246" y="306"/>
                    </a:lnTo>
                    <a:lnTo>
                      <a:pt x="246" y="318"/>
                    </a:lnTo>
                    <a:lnTo>
                      <a:pt x="264" y="306"/>
                    </a:lnTo>
                    <a:lnTo>
                      <a:pt x="258" y="318"/>
                    </a:lnTo>
                    <a:lnTo>
                      <a:pt x="300" y="342"/>
                    </a:lnTo>
                    <a:lnTo>
                      <a:pt x="354" y="342"/>
                    </a:lnTo>
                    <a:lnTo>
                      <a:pt x="360" y="330"/>
                    </a:lnTo>
                    <a:lnTo>
                      <a:pt x="372" y="336"/>
                    </a:lnTo>
                    <a:lnTo>
                      <a:pt x="360" y="348"/>
                    </a:lnTo>
                    <a:lnTo>
                      <a:pt x="378" y="354"/>
                    </a:lnTo>
                    <a:lnTo>
                      <a:pt x="384" y="336"/>
                    </a:lnTo>
                    <a:lnTo>
                      <a:pt x="384" y="360"/>
                    </a:lnTo>
                    <a:lnTo>
                      <a:pt x="408" y="378"/>
                    </a:lnTo>
                    <a:lnTo>
                      <a:pt x="420" y="366"/>
                    </a:lnTo>
                    <a:lnTo>
                      <a:pt x="402" y="354"/>
                    </a:lnTo>
                    <a:lnTo>
                      <a:pt x="432" y="372"/>
                    </a:lnTo>
                    <a:lnTo>
                      <a:pt x="420" y="336"/>
                    </a:lnTo>
                    <a:lnTo>
                      <a:pt x="438" y="366"/>
                    </a:lnTo>
                    <a:lnTo>
                      <a:pt x="462" y="396"/>
                    </a:lnTo>
                    <a:lnTo>
                      <a:pt x="498" y="414"/>
                    </a:lnTo>
                    <a:lnTo>
                      <a:pt x="498" y="438"/>
                    </a:lnTo>
                    <a:lnTo>
                      <a:pt x="510" y="414"/>
                    </a:lnTo>
                    <a:lnTo>
                      <a:pt x="522" y="450"/>
                    </a:lnTo>
                    <a:lnTo>
                      <a:pt x="534" y="444"/>
                    </a:lnTo>
                    <a:lnTo>
                      <a:pt x="528" y="414"/>
                    </a:lnTo>
                    <a:lnTo>
                      <a:pt x="492" y="408"/>
                    </a:lnTo>
                    <a:lnTo>
                      <a:pt x="420" y="330"/>
                    </a:lnTo>
                    <a:lnTo>
                      <a:pt x="396" y="360"/>
                    </a:lnTo>
                    <a:lnTo>
                      <a:pt x="390" y="336"/>
                    </a:lnTo>
                    <a:lnTo>
                      <a:pt x="378" y="336"/>
                    </a:lnTo>
                    <a:lnTo>
                      <a:pt x="366" y="324"/>
                    </a:lnTo>
                    <a:lnTo>
                      <a:pt x="342" y="324"/>
                    </a:lnTo>
                    <a:lnTo>
                      <a:pt x="306" y="48"/>
                    </a:lnTo>
                    <a:lnTo>
                      <a:pt x="204" y="30"/>
                    </a:lnTo>
                    <a:lnTo>
                      <a:pt x="174" y="6"/>
                    </a:lnTo>
                    <a:lnTo>
                      <a:pt x="174" y="18"/>
                    </a:lnTo>
                    <a:lnTo>
                      <a:pt x="162" y="0"/>
                    </a:lnTo>
                    <a:lnTo>
                      <a:pt x="48" y="66"/>
                    </a:lnTo>
                    <a:lnTo>
                      <a:pt x="72" y="114"/>
                    </a:lnTo>
                    <a:lnTo>
                      <a:pt x="96" y="120"/>
                    </a:lnTo>
                    <a:lnTo>
                      <a:pt x="114" y="138"/>
                    </a:lnTo>
                    <a:lnTo>
                      <a:pt x="90" y="126"/>
                    </a:lnTo>
                    <a:lnTo>
                      <a:pt x="96" y="144"/>
                    </a:lnTo>
                    <a:lnTo>
                      <a:pt x="84" y="150"/>
                    </a:lnTo>
                    <a:lnTo>
                      <a:pt x="66" y="144"/>
                    </a:lnTo>
                    <a:lnTo>
                      <a:pt x="72" y="126"/>
                    </a:lnTo>
                    <a:lnTo>
                      <a:pt x="60" y="126"/>
                    </a:lnTo>
                    <a:lnTo>
                      <a:pt x="12" y="138"/>
                    </a:lnTo>
                    <a:lnTo>
                      <a:pt x="36" y="156"/>
                    </a:lnTo>
                    <a:lnTo>
                      <a:pt x="24" y="156"/>
                    </a:lnTo>
                    <a:lnTo>
                      <a:pt x="30" y="174"/>
                    </a:lnTo>
                    <a:lnTo>
                      <a:pt x="66" y="186"/>
                    </a:lnTo>
                    <a:lnTo>
                      <a:pt x="66" y="198"/>
                    </a:lnTo>
                    <a:lnTo>
                      <a:pt x="90" y="186"/>
                    </a:lnTo>
                    <a:lnTo>
                      <a:pt x="84" y="192"/>
                    </a:lnTo>
                    <a:lnTo>
                      <a:pt x="84" y="222"/>
                    </a:lnTo>
                    <a:lnTo>
                      <a:pt x="48" y="228"/>
                    </a:lnTo>
                    <a:lnTo>
                      <a:pt x="48" y="23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35" name="Freeform 14"/>
              <p:cNvSpPr>
                <a:spLocks noChangeAspect="1"/>
              </p:cNvSpPr>
              <p:nvPr/>
            </p:nvSpPr>
            <p:spPr bwMode="auto">
              <a:xfrm>
                <a:off x="761" y="1547"/>
                <a:ext cx="266" cy="290"/>
              </a:xfrm>
              <a:custGeom>
                <a:avLst/>
                <a:gdLst>
                  <a:gd name="T0" fmla="*/ 131 w 348"/>
                  <a:gd name="T1" fmla="*/ 151 h 402"/>
                  <a:gd name="T2" fmla="*/ 83 w 348"/>
                  <a:gd name="T3" fmla="*/ 144 h 402"/>
                  <a:gd name="T4" fmla="*/ 0 w 348"/>
                  <a:gd name="T5" fmla="*/ 104 h 402"/>
                  <a:gd name="T6" fmla="*/ 3 w 348"/>
                  <a:gd name="T7" fmla="*/ 99 h 402"/>
                  <a:gd name="T8" fmla="*/ 5 w 348"/>
                  <a:gd name="T9" fmla="*/ 99 h 402"/>
                  <a:gd name="T10" fmla="*/ 11 w 348"/>
                  <a:gd name="T11" fmla="*/ 97 h 402"/>
                  <a:gd name="T12" fmla="*/ 8 w 348"/>
                  <a:gd name="T13" fmla="*/ 85 h 402"/>
                  <a:gd name="T14" fmla="*/ 14 w 348"/>
                  <a:gd name="T15" fmla="*/ 79 h 402"/>
                  <a:gd name="T16" fmla="*/ 16 w 348"/>
                  <a:gd name="T17" fmla="*/ 70 h 402"/>
                  <a:gd name="T18" fmla="*/ 27 w 348"/>
                  <a:gd name="T19" fmla="*/ 66 h 402"/>
                  <a:gd name="T20" fmla="*/ 18 w 348"/>
                  <a:gd name="T21" fmla="*/ 45 h 402"/>
                  <a:gd name="T22" fmla="*/ 18 w 348"/>
                  <a:gd name="T23" fmla="*/ 43 h 402"/>
                  <a:gd name="T24" fmla="*/ 21 w 348"/>
                  <a:gd name="T25" fmla="*/ 20 h 402"/>
                  <a:gd name="T26" fmla="*/ 27 w 348"/>
                  <a:gd name="T27" fmla="*/ 18 h 402"/>
                  <a:gd name="T28" fmla="*/ 35 w 348"/>
                  <a:gd name="T29" fmla="*/ 22 h 402"/>
                  <a:gd name="T30" fmla="*/ 43 w 348"/>
                  <a:gd name="T31" fmla="*/ 0 h 402"/>
                  <a:gd name="T32" fmla="*/ 155 w 348"/>
                  <a:gd name="T33" fmla="*/ 16 h 402"/>
                  <a:gd name="T34" fmla="*/ 137 w 348"/>
                  <a:gd name="T35" fmla="*/ 124 h 402"/>
                  <a:gd name="T36" fmla="*/ 131 w 348"/>
                  <a:gd name="T37" fmla="*/ 151 h 402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348"/>
                  <a:gd name="T58" fmla="*/ 0 h 402"/>
                  <a:gd name="T59" fmla="*/ 348 w 348"/>
                  <a:gd name="T60" fmla="*/ 402 h 402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348" h="402">
                    <a:moveTo>
                      <a:pt x="294" y="402"/>
                    </a:moveTo>
                    <a:lnTo>
                      <a:pt x="186" y="384"/>
                    </a:lnTo>
                    <a:lnTo>
                      <a:pt x="0" y="276"/>
                    </a:lnTo>
                    <a:lnTo>
                      <a:pt x="6" y="264"/>
                    </a:lnTo>
                    <a:lnTo>
                      <a:pt x="12" y="264"/>
                    </a:lnTo>
                    <a:lnTo>
                      <a:pt x="24" y="258"/>
                    </a:lnTo>
                    <a:lnTo>
                      <a:pt x="18" y="228"/>
                    </a:lnTo>
                    <a:lnTo>
                      <a:pt x="30" y="210"/>
                    </a:lnTo>
                    <a:lnTo>
                      <a:pt x="36" y="186"/>
                    </a:lnTo>
                    <a:lnTo>
                      <a:pt x="60" y="174"/>
                    </a:lnTo>
                    <a:lnTo>
                      <a:pt x="42" y="120"/>
                    </a:lnTo>
                    <a:lnTo>
                      <a:pt x="42" y="114"/>
                    </a:lnTo>
                    <a:lnTo>
                      <a:pt x="48" y="54"/>
                    </a:lnTo>
                    <a:lnTo>
                      <a:pt x="60" y="48"/>
                    </a:lnTo>
                    <a:lnTo>
                      <a:pt x="78" y="60"/>
                    </a:lnTo>
                    <a:lnTo>
                      <a:pt x="96" y="0"/>
                    </a:lnTo>
                    <a:lnTo>
                      <a:pt x="348" y="42"/>
                    </a:lnTo>
                    <a:lnTo>
                      <a:pt x="306" y="330"/>
                    </a:lnTo>
                    <a:lnTo>
                      <a:pt x="294" y="402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36" name="Freeform 15"/>
              <p:cNvSpPr>
                <a:spLocks noChangeAspect="1"/>
              </p:cNvSpPr>
              <p:nvPr/>
            </p:nvSpPr>
            <p:spPr bwMode="auto">
              <a:xfrm>
                <a:off x="761" y="1547"/>
                <a:ext cx="266" cy="294"/>
              </a:xfrm>
              <a:custGeom>
                <a:avLst/>
                <a:gdLst>
                  <a:gd name="T0" fmla="*/ 131 w 348"/>
                  <a:gd name="T1" fmla="*/ 151 h 408"/>
                  <a:gd name="T2" fmla="*/ 83 w 348"/>
                  <a:gd name="T3" fmla="*/ 144 h 408"/>
                  <a:gd name="T4" fmla="*/ 0 w 348"/>
                  <a:gd name="T5" fmla="*/ 103 h 408"/>
                  <a:gd name="T6" fmla="*/ 3 w 348"/>
                  <a:gd name="T7" fmla="*/ 99 h 408"/>
                  <a:gd name="T8" fmla="*/ 5 w 348"/>
                  <a:gd name="T9" fmla="*/ 99 h 408"/>
                  <a:gd name="T10" fmla="*/ 11 w 348"/>
                  <a:gd name="T11" fmla="*/ 97 h 408"/>
                  <a:gd name="T12" fmla="*/ 8 w 348"/>
                  <a:gd name="T13" fmla="*/ 85 h 408"/>
                  <a:gd name="T14" fmla="*/ 14 w 348"/>
                  <a:gd name="T15" fmla="*/ 79 h 408"/>
                  <a:gd name="T16" fmla="*/ 16 w 348"/>
                  <a:gd name="T17" fmla="*/ 70 h 408"/>
                  <a:gd name="T18" fmla="*/ 27 w 348"/>
                  <a:gd name="T19" fmla="*/ 65 h 408"/>
                  <a:gd name="T20" fmla="*/ 18 w 348"/>
                  <a:gd name="T21" fmla="*/ 45 h 408"/>
                  <a:gd name="T22" fmla="*/ 18 w 348"/>
                  <a:gd name="T23" fmla="*/ 43 h 408"/>
                  <a:gd name="T24" fmla="*/ 21 w 348"/>
                  <a:gd name="T25" fmla="*/ 20 h 408"/>
                  <a:gd name="T26" fmla="*/ 27 w 348"/>
                  <a:gd name="T27" fmla="*/ 18 h 408"/>
                  <a:gd name="T28" fmla="*/ 35 w 348"/>
                  <a:gd name="T29" fmla="*/ 22 h 408"/>
                  <a:gd name="T30" fmla="*/ 43 w 348"/>
                  <a:gd name="T31" fmla="*/ 0 h 408"/>
                  <a:gd name="T32" fmla="*/ 155 w 348"/>
                  <a:gd name="T33" fmla="*/ 16 h 408"/>
                  <a:gd name="T34" fmla="*/ 137 w 348"/>
                  <a:gd name="T35" fmla="*/ 123 h 408"/>
                  <a:gd name="T36" fmla="*/ 131 w 348"/>
                  <a:gd name="T37" fmla="*/ 151 h 408"/>
                  <a:gd name="T38" fmla="*/ 131 w 348"/>
                  <a:gd name="T39" fmla="*/ 153 h 408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348"/>
                  <a:gd name="T61" fmla="*/ 0 h 408"/>
                  <a:gd name="T62" fmla="*/ 348 w 348"/>
                  <a:gd name="T63" fmla="*/ 408 h 408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348" h="408">
                    <a:moveTo>
                      <a:pt x="294" y="402"/>
                    </a:moveTo>
                    <a:lnTo>
                      <a:pt x="186" y="384"/>
                    </a:lnTo>
                    <a:lnTo>
                      <a:pt x="0" y="276"/>
                    </a:lnTo>
                    <a:lnTo>
                      <a:pt x="6" y="264"/>
                    </a:lnTo>
                    <a:lnTo>
                      <a:pt x="12" y="264"/>
                    </a:lnTo>
                    <a:lnTo>
                      <a:pt x="24" y="258"/>
                    </a:lnTo>
                    <a:lnTo>
                      <a:pt x="18" y="228"/>
                    </a:lnTo>
                    <a:lnTo>
                      <a:pt x="30" y="210"/>
                    </a:lnTo>
                    <a:lnTo>
                      <a:pt x="36" y="186"/>
                    </a:lnTo>
                    <a:lnTo>
                      <a:pt x="60" y="174"/>
                    </a:lnTo>
                    <a:lnTo>
                      <a:pt x="42" y="120"/>
                    </a:lnTo>
                    <a:lnTo>
                      <a:pt x="42" y="114"/>
                    </a:lnTo>
                    <a:lnTo>
                      <a:pt x="48" y="54"/>
                    </a:lnTo>
                    <a:lnTo>
                      <a:pt x="60" y="48"/>
                    </a:lnTo>
                    <a:lnTo>
                      <a:pt x="78" y="60"/>
                    </a:lnTo>
                    <a:lnTo>
                      <a:pt x="96" y="0"/>
                    </a:lnTo>
                    <a:lnTo>
                      <a:pt x="348" y="42"/>
                    </a:lnTo>
                    <a:lnTo>
                      <a:pt x="306" y="330"/>
                    </a:lnTo>
                    <a:lnTo>
                      <a:pt x="294" y="402"/>
                    </a:lnTo>
                    <a:lnTo>
                      <a:pt x="294" y="40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37" name="Freeform 16"/>
              <p:cNvSpPr>
                <a:spLocks noChangeAspect="1"/>
              </p:cNvSpPr>
              <p:nvPr/>
            </p:nvSpPr>
            <p:spPr bwMode="auto">
              <a:xfrm>
                <a:off x="1585" y="1629"/>
                <a:ext cx="197" cy="165"/>
              </a:xfrm>
              <a:custGeom>
                <a:avLst/>
                <a:gdLst>
                  <a:gd name="T0" fmla="*/ 82 w 258"/>
                  <a:gd name="T1" fmla="*/ 86 h 228"/>
                  <a:gd name="T2" fmla="*/ 14 w 258"/>
                  <a:gd name="T3" fmla="*/ 86 h 228"/>
                  <a:gd name="T4" fmla="*/ 14 w 258"/>
                  <a:gd name="T5" fmla="*/ 73 h 228"/>
                  <a:gd name="T6" fmla="*/ 3 w 258"/>
                  <a:gd name="T7" fmla="*/ 71 h 228"/>
                  <a:gd name="T8" fmla="*/ 5 w 258"/>
                  <a:gd name="T9" fmla="*/ 30 h 228"/>
                  <a:gd name="T10" fmla="*/ 0 w 258"/>
                  <a:gd name="T11" fmla="*/ 2 h 228"/>
                  <a:gd name="T12" fmla="*/ 102 w 258"/>
                  <a:gd name="T13" fmla="*/ 0 h 228"/>
                  <a:gd name="T14" fmla="*/ 105 w 258"/>
                  <a:gd name="T15" fmla="*/ 5 h 228"/>
                  <a:gd name="T16" fmla="*/ 96 w 258"/>
                  <a:gd name="T17" fmla="*/ 12 h 228"/>
                  <a:gd name="T18" fmla="*/ 115 w 258"/>
                  <a:gd name="T19" fmla="*/ 12 h 228"/>
                  <a:gd name="T20" fmla="*/ 107 w 258"/>
                  <a:gd name="T21" fmla="*/ 18 h 228"/>
                  <a:gd name="T22" fmla="*/ 110 w 258"/>
                  <a:gd name="T23" fmla="*/ 22 h 228"/>
                  <a:gd name="T24" fmla="*/ 102 w 258"/>
                  <a:gd name="T25" fmla="*/ 25 h 228"/>
                  <a:gd name="T26" fmla="*/ 107 w 258"/>
                  <a:gd name="T27" fmla="*/ 32 h 228"/>
                  <a:gd name="T28" fmla="*/ 102 w 258"/>
                  <a:gd name="T29" fmla="*/ 36 h 228"/>
                  <a:gd name="T30" fmla="*/ 96 w 258"/>
                  <a:gd name="T31" fmla="*/ 41 h 228"/>
                  <a:gd name="T32" fmla="*/ 96 w 258"/>
                  <a:gd name="T33" fmla="*/ 50 h 228"/>
                  <a:gd name="T34" fmla="*/ 82 w 258"/>
                  <a:gd name="T35" fmla="*/ 62 h 228"/>
                  <a:gd name="T36" fmla="*/ 86 w 258"/>
                  <a:gd name="T37" fmla="*/ 68 h 228"/>
                  <a:gd name="T38" fmla="*/ 80 w 258"/>
                  <a:gd name="T39" fmla="*/ 68 h 228"/>
                  <a:gd name="T40" fmla="*/ 80 w 258"/>
                  <a:gd name="T41" fmla="*/ 75 h 228"/>
                  <a:gd name="T42" fmla="*/ 86 w 258"/>
                  <a:gd name="T43" fmla="*/ 75 h 228"/>
                  <a:gd name="T44" fmla="*/ 82 w 258"/>
                  <a:gd name="T45" fmla="*/ 77 h 228"/>
                  <a:gd name="T46" fmla="*/ 86 w 258"/>
                  <a:gd name="T47" fmla="*/ 80 h 228"/>
                  <a:gd name="T48" fmla="*/ 82 w 258"/>
                  <a:gd name="T49" fmla="*/ 85 h 228"/>
                  <a:gd name="T50" fmla="*/ 82 w 258"/>
                  <a:gd name="T51" fmla="*/ 86 h 228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258"/>
                  <a:gd name="T79" fmla="*/ 0 h 228"/>
                  <a:gd name="T80" fmla="*/ 258 w 258"/>
                  <a:gd name="T81" fmla="*/ 228 h 228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258" h="228">
                    <a:moveTo>
                      <a:pt x="186" y="228"/>
                    </a:moveTo>
                    <a:lnTo>
                      <a:pt x="30" y="228"/>
                    </a:lnTo>
                    <a:lnTo>
                      <a:pt x="30" y="192"/>
                    </a:lnTo>
                    <a:lnTo>
                      <a:pt x="6" y="186"/>
                    </a:lnTo>
                    <a:lnTo>
                      <a:pt x="12" y="78"/>
                    </a:lnTo>
                    <a:lnTo>
                      <a:pt x="0" y="6"/>
                    </a:lnTo>
                    <a:lnTo>
                      <a:pt x="228" y="0"/>
                    </a:lnTo>
                    <a:lnTo>
                      <a:pt x="234" y="12"/>
                    </a:lnTo>
                    <a:lnTo>
                      <a:pt x="216" y="30"/>
                    </a:lnTo>
                    <a:lnTo>
                      <a:pt x="258" y="30"/>
                    </a:lnTo>
                    <a:lnTo>
                      <a:pt x="240" y="48"/>
                    </a:lnTo>
                    <a:lnTo>
                      <a:pt x="246" y="60"/>
                    </a:lnTo>
                    <a:lnTo>
                      <a:pt x="228" y="66"/>
                    </a:lnTo>
                    <a:lnTo>
                      <a:pt x="240" y="84"/>
                    </a:lnTo>
                    <a:lnTo>
                      <a:pt x="228" y="96"/>
                    </a:lnTo>
                    <a:lnTo>
                      <a:pt x="216" y="108"/>
                    </a:lnTo>
                    <a:lnTo>
                      <a:pt x="216" y="132"/>
                    </a:lnTo>
                    <a:lnTo>
                      <a:pt x="186" y="162"/>
                    </a:lnTo>
                    <a:lnTo>
                      <a:pt x="192" y="180"/>
                    </a:lnTo>
                    <a:lnTo>
                      <a:pt x="180" y="180"/>
                    </a:lnTo>
                    <a:lnTo>
                      <a:pt x="180" y="198"/>
                    </a:lnTo>
                    <a:lnTo>
                      <a:pt x="192" y="198"/>
                    </a:lnTo>
                    <a:lnTo>
                      <a:pt x="186" y="204"/>
                    </a:lnTo>
                    <a:lnTo>
                      <a:pt x="192" y="210"/>
                    </a:lnTo>
                    <a:lnTo>
                      <a:pt x="186" y="222"/>
                    </a:lnTo>
                    <a:lnTo>
                      <a:pt x="186" y="22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38" name="Freeform 17"/>
              <p:cNvSpPr>
                <a:spLocks noChangeAspect="1"/>
              </p:cNvSpPr>
              <p:nvPr/>
            </p:nvSpPr>
            <p:spPr bwMode="auto">
              <a:xfrm>
                <a:off x="1585" y="1629"/>
                <a:ext cx="197" cy="169"/>
              </a:xfrm>
              <a:custGeom>
                <a:avLst/>
                <a:gdLst>
                  <a:gd name="T0" fmla="*/ 82 w 258"/>
                  <a:gd name="T1" fmla="*/ 86 h 234"/>
                  <a:gd name="T2" fmla="*/ 14 w 258"/>
                  <a:gd name="T3" fmla="*/ 86 h 234"/>
                  <a:gd name="T4" fmla="*/ 14 w 258"/>
                  <a:gd name="T5" fmla="*/ 72 h 234"/>
                  <a:gd name="T6" fmla="*/ 3 w 258"/>
                  <a:gd name="T7" fmla="*/ 70 h 234"/>
                  <a:gd name="T8" fmla="*/ 5 w 258"/>
                  <a:gd name="T9" fmla="*/ 29 h 234"/>
                  <a:gd name="T10" fmla="*/ 0 w 258"/>
                  <a:gd name="T11" fmla="*/ 2 h 234"/>
                  <a:gd name="T12" fmla="*/ 102 w 258"/>
                  <a:gd name="T13" fmla="*/ 0 h 234"/>
                  <a:gd name="T14" fmla="*/ 105 w 258"/>
                  <a:gd name="T15" fmla="*/ 5 h 234"/>
                  <a:gd name="T16" fmla="*/ 96 w 258"/>
                  <a:gd name="T17" fmla="*/ 12 h 234"/>
                  <a:gd name="T18" fmla="*/ 115 w 258"/>
                  <a:gd name="T19" fmla="*/ 12 h 234"/>
                  <a:gd name="T20" fmla="*/ 107 w 258"/>
                  <a:gd name="T21" fmla="*/ 18 h 234"/>
                  <a:gd name="T22" fmla="*/ 110 w 258"/>
                  <a:gd name="T23" fmla="*/ 22 h 234"/>
                  <a:gd name="T24" fmla="*/ 102 w 258"/>
                  <a:gd name="T25" fmla="*/ 25 h 234"/>
                  <a:gd name="T26" fmla="*/ 107 w 258"/>
                  <a:gd name="T27" fmla="*/ 32 h 234"/>
                  <a:gd name="T28" fmla="*/ 102 w 258"/>
                  <a:gd name="T29" fmla="*/ 36 h 234"/>
                  <a:gd name="T30" fmla="*/ 96 w 258"/>
                  <a:gd name="T31" fmla="*/ 40 h 234"/>
                  <a:gd name="T32" fmla="*/ 96 w 258"/>
                  <a:gd name="T33" fmla="*/ 50 h 234"/>
                  <a:gd name="T34" fmla="*/ 82 w 258"/>
                  <a:gd name="T35" fmla="*/ 61 h 234"/>
                  <a:gd name="T36" fmla="*/ 86 w 258"/>
                  <a:gd name="T37" fmla="*/ 68 h 234"/>
                  <a:gd name="T38" fmla="*/ 80 w 258"/>
                  <a:gd name="T39" fmla="*/ 68 h 234"/>
                  <a:gd name="T40" fmla="*/ 80 w 258"/>
                  <a:gd name="T41" fmla="*/ 74 h 234"/>
                  <a:gd name="T42" fmla="*/ 86 w 258"/>
                  <a:gd name="T43" fmla="*/ 74 h 234"/>
                  <a:gd name="T44" fmla="*/ 82 w 258"/>
                  <a:gd name="T45" fmla="*/ 77 h 234"/>
                  <a:gd name="T46" fmla="*/ 86 w 258"/>
                  <a:gd name="T47" fmla="*/ 79 h 234"/>
                  <a:gd name="T48" fmla="*/ 82 w 258"/>
                  <a:gd name="T49" fmla="*/ 84 h 234"/>
                  <a:gd name="T50" fmla="*/ 82 w 258"/>
                  <a:gd name="T51" fmla="*/ 86 h 234"/>
                  <a:gd name="T52" fmla="*/ 82 w 258"/>
                  <a:gd name="T53" fmla="*/ 88 h 234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258"/>
                  <a:gd name="T82" fmla="*/ 0 h 234"/>
                  <a:gd name="T83" fmla="*/ 258 w 258"/>
                  <a:gd name="T84" fmla="*/ 234 h 234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258" h="234">
                    <a:moveTo>
                      <a:pt x="186" y="228"/>
                    </a:moveTo>
                    <a:lnTo>
                      <a:pt x="30" y="228"/>
                    </a:lnTo>
                    <a:lnTo>
                      <a:pt x="30" y="192"/>
                    </a:lnTo>
                    <a:lnTo>
                      <a:pt x="6" y="186"/>
                    </a:lnTo>
                    <a:lnTo>
                      <a:pt x="12" y="78"/>
                    </a:lnTo>
                    <a:lnTo>
                      <a:pt x="0" y="6"/>
                    </a:lnTo>
                    <a:lnTo>
                      <a:pt x="228" y="0"/>
                    </a:lnTo>
                    <a:lnTo>
                      <a:pt x="234" y="12"/>
                    </a:lnTo>
                    <a:lnTo>
                      <a:pt x="216" y="30"/>
                    </a:lnTo>
                    <a:lnTo>
                      <a:pt x="258" y="30"/>
                    </a:lnTo>
                    <a:lnTo>
                      <a:pt x="240" y="48"/>
                    </a:lnTo>
                    <a:lnTo>
                      <a:pt x="246" y="60"/>
                    </a:lnTo>
                    <a:lnTo>
                      <a:pt x="228" y="66"/>
                    </a:lnTo>
                    <a:lnTo>
                      <a:pt x="240" y="84"/>
                    </a:lnTo>
                    <a:lnTo>
                      <a:pt x="228" y="96"/>
                    </a:lnTo>
                    <a:lnTo>
                      <a:pt x="216" y="108"/>
                    </a:lnTo>
                    <a:lnTo>
                      <a:pt x="216" y="132"/>
                    </a:lnTo>
                    <a:lnTo>
                      <a:pt x="186" y="162"/>
                    </a:lnTo>
                    <a:lnTo>
                      <a:pt x="192" y="180"/>
                    </a:lnTo>
                    <a:lnTo>
                      <a:pt x="180" y="180"/>
                    </a:lnTo>
                    <a:lnTo>
                      <a:pt x="180" y="198"/>
                    </a:lnTo>
                    <a:lnTo>
                      <a:pt x="192" y="198"/>
                    </a:lnTo>
                    <a:lnTo>
                      <a:pt x="186" y="204"/>
                    </a:lnTo>
                    <a:lnTo>
                      <a:pt x="192" y="210"/>
                    </a:lnTo>
                    <a:lnTo>
                      <a:pt x="186" y="222"/>
                    </a:lnTo>
                    <a:lnTo>
                      <a:pt x="186" y="228"/>
                    </a:lnTo>
                    <a:lnTo>
                      <a:pt x="186" y="23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39" name="Freeform 18"/>
              <p:cNvSpPr>
                <a:spLocks noChangeAspect="1"/>
              </p:cNvSpPr>
              <p:nvPr/>
            </p:nvSpPr>
            <p:spPr bwMode="auto">
              <a:xfrm>
                <a:off x="496" y="1235"/>
                <a:ext cx="311" cy="502"/>
              </a:xfrm>
              <a:custGeom>
                <a:avLst/>
                <a:gdLst>
                  <a:gd name="T0" fmla="*/ 157 w 408"/>
                  <a:gd name="T1" fmla="*/ 261 h 696"/>
                  <a:gd name="T2" fmla="*/ 101 w 408"/>
                  <a:gd name="T3" fmla="*/ 255 h 696"/>
                  <a:gd name="T4" fmla="*/ 98 w 408"/>
                  <a:gd name="T5" fmla="*/ 236 h 696"/>
                  <a:gd name="T6" fmla="*/ 88 w 408"/>
                  <a:gd name="T7" fmla="*/ 221 h 696"/>
                  <a:gd name="T8" fmla="*/ 79 w 408"/>
                  <a:gd name="T9" fmla="*/ 221 h 696"/>
                  <a:gd name="T10" fmla="*/ 79 w 408"/>
                  <a:gd name="T11" fmla="*/ 213 h 696"/>
                  <a:gd name="T12" fmla="*/ 66 w 408"/>
                  <a:gd name="T13" fmla="*/ 209 h 696"/>
                  <a:gd name="T14" fmla="*/ 59 w 408"/>
                  <a:gd name="T15" fmla="*/ 198 h 696"/>
                  <a:gd name="T16" fmla="*/ 40 w 408"/>
                  <a:gd name="T17" fmla="*/ 193 h 696"/>
                  <a:gd name="T18" fmla="*/ 34 w 408"/>
                  <a:gd name="T19" fmla="*/ 191 h 696"/>
                  <a:gd name="T20" fmla="*/ 40 w 408"/>
                  <a:gd name="T21" fmla="*/ 176 h 696"/>
                  <a:gd name="T22" fmla="*/ 34 w 408"/>
                  <a:gd name="T23" fmla="*/ 173 h 696"/>
                  <a:gd name="T24" fmla="*/ 37 w 408"/>
                  <a:gd name="T25" fmla="*/ 169 h 696"/>
                  <a:gd name="T26" fmla="*/ 21 w 408"/>
                  <a:gd name="T27" fmla="*/ 144 h 696"/>
                  <a:gd name="T28" fmla="*/ 21 w 408"/>
                  <a:gd name="T29" fmla="*/ 137 h 696"/>
                  <a:gd name="T30" fmla="*/ 27 w 408"/>
                  <a:gd name="T31" fmla="*/ 131 h 696"/>
                  <a:gd name="T32" fmla="*/ 16 w 408"/>
                  <a:gd name="T33" fmla="*/ 119 h 696"/>
                  <a:gd name="T34" fmla="*/ 18 w 408"/>
                  <a:gd name="T35" fmla="*/ 105 h 696"/>
                  <a:gd name="T36" fmla="*/ 27 w 408"/>
                  <a:gd name="T37" fmla="*/ 117 h 696"/>
                  <a:gd name="T38" fmla="*/ 21 w 408"/>
                  <a:gd name="T39" fmla="*/ 104 h 696"/>
                  <a:gd name="T40" fmla="*/ 29 w 408"/>
                  <a:gd name="T41" fmla="*/ 102 h 696"/>
                  <a:gd name="T42" fmla="*/ 21 w 408"/>
                  <a:gd name="T43" fmla="*/ 97 h 696"/>
                  <a:gd name="T44" fmla="*/ 18 w 408"/>
                  <a:gd name="T45" fmla="*/ 105 h 696"/>
                  <a:gd name="T46" fmla="*/ 14 w 408"/>
                  <a:gd name="T47" fmla="*/ 97 h 696"/>
                  <a:gd name="T48" fmla="*/ 11 w 408"/>
                  <a:gd name="T49" fmla="*/ 99 h 696"/>
                  <a:gd name="T50" fmla="*/ 14 w 408"/>
                  <a:gd name="T51" fmla="*/ 94 h 696"/>
                  <a:gd name="T52" fmla="*/ 3 w 408"/>
                  <a:gd name="T53" fmla="*/ 72 h 696"/>
                  <a:gd name="T54" fmla="*/ 8 w 408"/>
                  <a:gd name="T55" fmla="*/ 52 h 696"/>
                  <a:gd name="T56" fmla="*/ 0 w 408"/>
                  <a:gd name="T57" fmla="*/ 34 h 696"/>
                  <a:gd name="T58" fmla="*/ 11 w 408"/>
                  <a:gd name="T59" fmla="*/ 22 h 696"/>
                  <a:gd name="T60" fmla="*/ 18 w 408"/>
                  <a:gd name="T61" fmla="*/ 0 h 696"/>
                  <a:gd name="T62" fmla="*/ 101 w 408"/>
                  <a:gd name="T63" fmla="*/ 20 h 696"/>
                  <a:gd name="T64" fmla="*/ 79 w 408"/>
                  <a:gd name="T65" fmla="*/ 90 h 696"/>
                  <a:gd name="T66" fmla="*/ 172 w 408"/>
                  <a:gd name="T67" fmla="*/ 207 h 696"/>
                  <a:gd name="T68" fmla="*/ 181 w 408"/>
                  <a:gd name="T69" fmla="*/ 227 h 696"/>
                  <a:gd name="T70" fmla="*/ 170 w 408"/>
                  <a:gd name="T71" fmla="*/ 232 h 696"/>
                  <a:gd name="T72" fmla="*/ 168 w 408"/>
                  <a:gd name="T73" fmla="*/ 241 h 696"/>
                  <a:gd name="T74" fmla="*/ 162 w 408"/>
                  <a:gd name="T75" fmla="*/ 247 h 696"/>
                  <a:gd name="T76" fmla="*/ 165 w 408"/>
                  <a:gd name="T77" fmla="*/ 259 h 696"/>
                  <a:gd name="T78" fmla="*/ 159 w 408"/>
                  <a:gd name="T79" fmla="*/ 261 h 696"/>
                  <a:gd name="T80" fmla="*/ 157 w 408"/>
                  <a:gd name="T81" fmla="*/ 261 h 69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w 408"/>
                  <a:gd name="T124" fmla="*/ 0 h 696"/>
                  <a:gd name="T125" fmla="*/ 408 w 408"/>
                  <a:gd name="T126" fmla="*/ 696 h 696"/>
                </a:gdLst>
                <a:ahLst/>
                <a:cxnLst>
                  <a:cxn ang="T82">
                    <a:pos x="T0" y="T1"/>
                  </a:cxn>
                  <a:cxn ang="T83">
                    <a:pos x="T2" y="T3"/>
                  </a:cxn>
                  <a:cxn ang="T84">
                    <a:pos x="T4" y="T5"/>
                  </a:cxn>
                  <a:cxn ang="T85">
                    <a:pos x="T6" y="T7"/>
                  </a:cxn>
                  <a:cxn ang="T86">
                    <a:pos x="T8" y="T9"/>
                  </a:cxn>
                  <a:cxn ang="T87">
                    <a:pos x="T10" y="T11"/>
                  </a:cxn>
                  <a:cxn ang="T88">
                    <a:pos x="T12" y="T13"/>
                  </a:cxn>
                  <a:cxn ang="T89">
                    <a:pos x="T14" y="T15"/>
                  </a:cxn>
                  <a:cxn ang="T90">
                    <a:pos x="T16" y="T17"/>
                  </a:cxn>
                  <a:cxn ang="T91">
                    <a:pos x="T18" y="T19"/>
                  </a:cxn>
                  <a:cxn ang="T92">
                    <a:pos x="T20" y="T21"/>
                  </a:cxn>
                  <a:cxn ang="T93">
                    <a:pos x="T22" y="T23"/>
                  </a:cxn>
                  <a:cxn ang="T94">
                    <a:pos x="T24" y="T25"/>
                  </a:cxn>
                  <a:cxn ang="T95">
                    <a:pos x="T26" y="T27"/>
                  </a:cxn>
                  <a:cxn ang="T96">
                    <a:pos x="T28" y="T29"/>
                  </a:cxn>
                  <a:cxn ang="T97">
                    <a:pos x="T30" y="T31"/>
                  </a:cxn>
                  <a:cxn ang="T98">
                    <a:pos x="T32" y="T33"/>
                  </a:cxn>
                  <a:cxn ang="T99">
                    <a:pos x="T34" y="T35"/>
                  </a:cxn>
                  <a:cxn ang="T100">
                    <a:pos x="T36" y="T37"/>
                  </a:cxn>
                  <a:cxn ang="T101">
                    <a:pos x="T38" y="T39"/>
                  </a:cxn>
                  <a:cxn ang="T102">
                    <a:pos x="T40" y="T41"/>
                  </a:cxn>
                  <a:cxn ang="T103">
                    <a:pos x="T42" y="T43"/>
                  </a:cxn>
                  <a:cxn ang="T104">
                    <a:pos x="T44" y="T45"/>
                  </a:cxn>
                  <a:cxn ang="T105">
                    <a:pos x="T46" y="T47"/>
                  </a:cxn>
                  <a:cxn ang="T106">
                    <a:pos x="T48" y="T49"/>
                  </a:cxn>
                  <a:cxn ang="T107">
                    <a:pos x="T50" y="T51"/>
                  </a:cxn>
                  <a:cxn ang="T108">
                    <a:pos x="T52" y="T53"/>
                  </a:cxn>
                  <a:cxn ang="T109">
                    <a:pos x="T54" y="T55"/>
                  </a:cxn>
                  <a:cxn ang="T110">
                    <a:pos x="T56" y="T57"/>
                  </a:cxn>
                  <a:cxn ang="T111">
                    <a:pos x="T58" y="T59"/>
                  </a:cxn>
                  <a:cxn ang="T112">
                    <a:pos x="T60" y="T61"/>
                  </a:cxn>
                  <a:cxn ang="T113">
                    <a:pos x="T62" y="T63"/>
                  </a:cxn>
                  <a:cxn ang="T114">
                    <a:pos x="T64" y="T65"/>
                  </a:cxn>
                  <a:cxn ang="T115">
                    <a:pos x="T66" y="T67"/>
                  </a:cxn>
                  <a:cxn ang="T116">
                    <a:pos x="T68" y="T69"/>
                  </a:cxn>
                  <a:cxn ang="T117">
                    <a:pos x="T70" y="T71"/>
                  </a:cxn>
                  <a:cxn ang="T118">
                    <a:pos x="T72" y="T73"/>
                  </a:cxn>
                  <a:cxn ang="T119">
                    <a:pos x="T74" y="T75"/>
                  </a:cxn>
                  <a:cxn ang="T120">
                    <a:pos x="T76" y="T77"/>
                  </a:cxn>
                  <a:cxn ang="T121">
                    <a:pos x="T78" y="T79"/>
                  </a:cxn>
                  <a:cxn ang="T122">
                    <a:pos x="T80" y="T81"/>
                  </a:cxn>
                </a:cxnLst>
                <a:rect l="T123" t="T124" r="T125" b="T126"/>
                <a:pathLst>
                  <a:path w="408" h="696">
                    <a:moveTo>
                      <a:pt x="354" y="696"/>
                    </a:moveTo>
                    <a:lnTo>
                      <a:pt x="228" y="678"/>
                    </a:lnTo>
                    <a:lnTo>
                      <a:pt x="222" y="630"/>
                    </a:lnTo>
                    <a:lnTo>
                      <a:pt x="198" y="588"/>
                    </a:lnTo>
                    <a:lnTo>
                      <a:pt x="180" y="588"/>
                    </a:lnTo>
                    <a:lnTo>
                      <a:pt x="180" y="570"/>
                    </a:lnTo>
                    <a:lnTo>
                      <a:pt x="150" y="558"/>
                    </a:lnTo>
                    <a:lnTo>
                      <a:pt x="132" y="528"/>
                    </a:lnTo>
                    <a:lnTo>
                      <a:pt x="90" y="516"/>
                    </a:lnTo>
                    <a:lnTo>
                      <a:pt x="78" y="510"/>
                    </a:lnTo>
                    <a:lnTo>
                      <a:pt x="90" y="468"/>
                    </a:lnTo>
                    <a:lnTo>
                      <a:pt x="78" y="462"/>
                    </a:lnTo>
                    <a:lnTo>
                      <a:pt x="84" y="450"/>
                    </a:lnTo>
                    <a:lnTo>
                      <a:pt x="48" y="384"/>
                    </a:lnTo>
                    <a:lnTo>
                      <a:pt x="48" y="366"/>
                    </a:lnTo>
                    <a:lnTo>
                      <a:pt x="60" y="348"/>
                    </a:lnTo>
                    <a:lnTo>
                      <a:pt x="36" y="318"/>
                    </a:lnTo>
                    <a:lnTo>
                      <a:pt x="42" y="282"/>
                    </a:lnTo>
                    <a:lnTo>
                      <a:pt x="60" y="312"/>
                    </a:lnTo>
                    <a:lnTo>
                      <a:pt x="48" y="276"/>
                    </a:lnTo>
                    <a:lnTo>
                      <a:pt x="66" y="270"/>
                    </a:lnTo>
                    <a:lnTo>
                      <a:pt x="48" y="258"/>
                    </a:lnTo>
                    <a:lnTo>
                      <a:pt x="42" y="282"/>
                    </a:lnTo>
                    <a:lnTo>
                      <a:pt x="30" y="258"/>
                    </a:lnTo>
                    <a:lnTo>
                      <a:pt x="24" y="264"/>
                    </a:lnTo>
                    <a:lnTo>
                      <a:pt x="30" y="252"/>
                    </a:lnTo>
                    <a:lnTo>
                      <a:pt x="6" y="192"/>
                    </a:lnTo>
                    <a:lnTo>
                      <a:pt x="18" y="138"/>
                    </a:lnTo>
                    <a:lnTo>
                      <a:pt x="0" y="90"/>
                    </a:lnTo>
                    <a:lnTo>
                      <a:pt x="24" y="60"/>
                    </a:lnTo>
                    <a:lnTo>
                      <a:pt x="42" y="0"/>
                    </a:lnTo>
                    <a:lnTo>
                      <a:pt x="228" y="54"/>
                    </a:lnTo>
                    <a:lnTo>
                      <a:pt x="180" y="240"/>
                    </a:lnTo>
                    <a:lnTo>
                      <a:pt x="390" y="552"/>
                    </a:lnTo>
                    <a:lnTo>
                      <a:pt x="408" y="606"/>
                    </a:lnTo>
                    <a:lnTo>
                      <a:pt x="384" y="618"/>
                    </a:lnTo>
                    <a:lnTo>
                      <a:pt x="378" y="642"/>
                    </a:lnTo>
                    <a:lnTo>
                      <a:pt x="366" y="660"/>
                    </a:lnTo>
                    <a:lnTo>
                      <a:pt x="372" y="690"/>
                    </a:lnTo>
                    <a:lnTo>
                      <a:pt x="360" y="696"/>
                    </a:lnTo>
                    <a:lnTo>
                      <a:pt x="354" y="69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40" name="Freeform 19"/>
              <p:cNvSpPr>
                <a:spLocks noChangeAspect="1"/>
              </p:cNvSpPr>
              <p:nvPr/>
            </p:nvSpPr>
            <p:spPr bwMode="auto">
              <a:xfrm>
                <a:off x="496" y="1235"/>
                <a:ext cx="311" cy="507"/>
              </a:xfrm>
              <a:custGeom>
                <a:avLst/>
                <a:gdLst>
                  <a:gd name="T0" fmla="*/ 157 w 408"/>
                  <a:gd name="T1" fmla="*/ 262 h 702"/>
                  <a:gd name="T2" fmla="*/ 101 w 408"/>
                  <a:gd name="T3" fmla="*/ 256 h 702"/>
                  <a:gd name="T4" fmla="*/ 98 w 408"/>
                  <a:gd name="T5" fmla="*/ 238 h 702"/>
                  <a:gd name="T6" fmla="*/ 88 w 408"/>
                  <a:gd name="T7" fmla="*/ 222 h 702"/>
                  <a:gd name="T8" fmla="*/ 79 w 408"/>
                  <a:gd name="T9" fmla="*/ 222 h 702"/>
                  <a:gd name="T10" fmla="*/ 79 w 408"/>
                  <a:gd name="T11" fmla="*/ 215 h 702"/>
                  <a:gd name="T12" fmla="*/ 66 w 408"/>
                  <a:gd name="T13" fmla="*/ 210 h 702"/>
                  <a:gd name="T14" fmla="*/ 59 w 408"/>
                  <a:gd name="T15" fmla="*/ 199 h 702"/>
                  <a:gd name="T16" fmla="*/ 40 w 408"/>
                  <a:gd name="T17" fmla="*/ 194 h 702"/>
                  <a:gd name="T18" fmla="*/ 34 w 408"/>
                  <a:gd name="T19" fmla="*/ 192 h 702"/>
                  <a:gd name="T20" fmla="*/ 40 w 408"/>
                  <a:gd name="T21" fmla="*/ 176 h 702"/>
                  <a:gd name="T22" fmla="*/ 34 w 408"/>
                  <a:gd name="T23" fmla="*/ 174 h 702"/>
                  <a:gd name="T24" fmla="*/ 37 w 408"/>
                  <a:gd name="T25" fmla="*/ 170 h 702"/>
                  <a:gd name="T26" fmla="*/ 21 w 408"/>
                  <a:gd name="T27" fmla="*/ 144 h 702"/>
                  <a:gd name="T28" fmla="*/ 21 w 408"/>
                  <a:gd name="T29" fmla="*/ 138 h 702"/>
                  <a:gd name="T30" fmla="*/ 27 w 408"/>
                  <a:gd name="T31" fmla="*/ 131 h 702"/>
                  <a:gd name="T32" fmla="*/ 16 w 408"/>
                  <a:gd name="T33" fmla="*/ 120 h 702"/>
                  <a:gd name="T34" fmla="*/ 18 w 408"/>
                  <a:gd name="T35" fmla="*/ 106 h 702"/>
                  <a:gd name="T36" fmla="*/ 27 w 408"/>
                  <a:gd name="T37" fmla="*/ 117 h 702"/>
                  <a:gd name="T38" fmla="*/ 21 w 408"/>
                  <a:gd name="T39" fmla="*/ 104 h 702"/>
                  <a:gd name="T40" fmla="*/ 29 w 408"/>
                  <a:gd name="T41" fmla="*/ 102 h 702"/>
                  <a:gd name="T42" fmla="*/ 21 w 408"/>
                  <a:gd name="T43" fmla="*/ 97 h 702"/>
                  <a:gd name="T44" fmla="*/ 18 w 408"/>
                  <a:gd name="T45" fmla="*/ 106 h 702"/>
                  <a:gd name="T46" fmla="*/ 14 w 408"/>
                  <a:gd name="T47" fmla="*/ 97 h 702"/>
                  <a:gd name="T48" fmla="*/ 11 w 408"/>
                  <a:gd name="T49" fmla="*/ 100 h 702"/>
                  <a:gd name="T50" fmla="*/ 14 w 408"/>
                  <a:gd name="T51" fmla="*/ 95 h 702"/>
                  <a:gd name="T52" fmla="*/ 3 w 408"/>
                  <a:gd name="T53" fmla="*/ 72 h 702"/>
                  <a:gd name="T54" fmla="*/ 8 w 408"/>
                  <a:gd name="T55" fmla="*/ 52 h 702"/>
                  <a:gd name="T56" fmla="*/ 0 w 408"/>
                  <a:gd name="T57" fmla="*/ 34 h 702"/>
                  <a:gd name="T58" fmla="*/ 11 w 408"/>
                  <a:gd name="T59" fmla="*/ 22 h 702"/>
                  <a:gd name="T60" fmla="*/ 18 w 408"/>
                  <a:gd name="T61" fmla="*/ 0 h 702"/>
                  <a:gd name="T62" fmla="*/ 101 w 408"/>
                  <a:gd name="T63" fmla="*/ 20 h 702"/>
                  <a:gd name="T64" fmla="*/ 79 w 408"/>
                  <a:gd name="T65" fmla="*/ 90 h 702"/>
                  <a:gd name="T66" fmla="*/ 172 w 408"/>
                  <a:gd name="T67" fmla="*/ 208 h 702"/>
                  <a:gd name="T68" fmla="*/ 181 w 408"/>
                  <a:gd name="T69" fmla="*/ 228 h 702"/>
                  <a:gd name="T70" fmla="*/ 170 w 408"/>
                  <a:gd name="T71" fmla="*/ 233 h 702"/>
                  <a:gd name="T72" fmla="*/ 168 w 408"/>
                  <a:gd name="T73" fmla="*/ 242 h 702"/>
                  <a:gd name="T74" fmla="*/ 162 w 408"/>
                  <a:gd name="T75" fmla="*/ 248 h 702"/>
                  <a:gd name="T76" fmla="*/ 165 w 408"/>
                  <a:gd name="T77" fmla="*/ 260 h 702"/>
                  <a:gd name="T78" fmla="*/ 159 w 408"/>
                  <a:gd name="T79" fmla="*/ 262 h 702"/>
                  <a:gd name="T80" fmla="*/ 157 w 408"/>
                  <a:gd name="T81" fmla="*/ 262 h 702"/>
                  <a:gd name="T82" fmla="*/ 157 w 408"/>
                  <a:gd name="T83" fmla="*/ 264 h 702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408"/>
                  <a:gd name="T127" fmla="*/ 0 h 702"/>
                  <a:gd name="T128" fmla="*/ 408 w 408"/>
                  <a:gd name="T129" fmla="*/ 702 h 702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408" h="702">
                    <a:moveTo>
                      <a:pt x="354" y="696"/>
                    </a:moveTo>
                    <a:lnTo>
                      <a:pt x="228" y="678"/>
                    </a:lnTo>
                    <a:lnTo>
                      <a:pt x="222" y="630"/>
                    </a:lnTo>
                    <a:lnTo>
                      <a:pt x="198" y="588"/>
                    </a:lnTo>
                    <a:lnTo>
                      <a:pt x="180" y="588"/>
                    </a:lnTo>
                    <a:lnTo>
                      <a:pt x="180" y="570"/>
                    </a:lnTo>
                    <a:lnTo>
                      <a:pt x="150" y="558"/>
                    </a:lnTo>
                    <a:lnTo>
                      <a:pt x="132" y="528"/>
                    </a:lnTo>
                    <a:lnTo>
                      <a:pt x="90" y="516"/>
                    </a:lnTo>
                    <a:lnTo>
                      <a:pt x="78" y="510"/>
                    </a:lnTo>
                    <a:lnTo>
                      <a:pt x="90" y="468"/>
                    </a:lnTo>
                    <a:lnTo>
                      <a:pt x="78" y="462"/>
                    </a:lnTo>
                    <a:lnTo>
                      <a:pt x="84" y="450"/>
                    </a:lnTo>
                    <a:lnTo>
                      <a:pt x="48" y="384"/>
                    </a:lnTo>
                    <a:lnTo>
                      <a:pt x="48" y="366"/>
                    </a:lnTo>
                    <a:lnTo>
                      <a:pt x="60" y="348"/>
                    </a:lnTo>
                    <a:lnTo>
                      <a:pt x="36" y="318"/>
                    </a:lnTo>
                    <a:lnTo>
                      <a:pt x="42" y="282"/>
                    </a:lnTo>
                    <a:lnTo>
                      <a:pt x="60" y="312"/>
                    </a:lnTo>
                    <a:lnTo>
                      <a:pt x="48" y="276"/>
                    </a:lnTo>
                    <a:lnTo>
                      <a:pt x="66" y="270"/>
                    </a:lnTo>
                    <a:lnTo>
                      <a:pt x="48" y="258"/>
                    </a:lnTo>
                    <a:lnTo>
                      <a:pt x="42" y="282"/>
                    </a:lnTo>
                    <a:lnTo>
                      <a:pt x="30" y="258"/>
                    </a:lnTo>
                    <a:lnTo>
                      <a:pt x="24" y="264"/>
                    </a:lnTo>
                    <a:lnTo>
                      <a:pt x="30" y="252"/>
                    </a:lnTo>
                    <a:lnTo>
                      <a:pt x="6" y="192"/>
                    </a:lnTo>
                    <a:lnTo>
                      <a:pt x="18" y="138"/>
                    </a:lnTo>
                    <a:lnTo>
                      <a:pt x="0" y="90"/>
                    </a:lnTo>
                    <a:lnTo>
                      <a:pt x="24" y="60"/>
                    </a:lnTo>
                    <a:lnTo>
                      <a:pt x="42" y="0"/>
                    </a:lnTo>
                    <a:lnTo>
                      <a:pt x="228" y="54"/>
                    </a:lnTo>
                    <a:lnTo>
                      <a:pt x="180" y="240"/>
                    </a:lnTo>
                    <a:lnTo>
                      <a:pt x="390" y="552"/>
                    </a:lnTo>
                    <a:lnTo>
                      <a:pt x="408" y="606"/>
                    </a:lnTo>
                    <a:lnTo>
                      <a:pt x="384" y="618"/>
                    </a:lnTo>
                    <a:lnTo>
                      <a:pt x="378" y="642"/>
                    </a:lnTo>
                    <a:lnTo>
                      <a:pt x="366" y="660"/>
                    </a:lnTo>
                    <a:lnTo>
                      <a:pt x="372" y="690"/>
                    </a:lnTo>
                    <a:lnTo>
                      <a:pt x="360" y="696"/>
                    </a:lnTo>
                    <a:lnTo>
                      <a:pt x="354" y="696"/>
                    </a:lnTo>
                    <a:lnTo>
                      <a:pt x="354" y="70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41" name="Freeform 20"/>
              <p:cNvSpPr>
                <a:spLocks noChangeAspect="1"/>
              </p:cNvSpPr>
              <p:nvPr/>
            </p:nvSpPr>
            <p:spPr bwMode="auto">
              <a:xfrm>
                <a:off x="1027" y="1395"/>
                <a:ext cx="284" cy="208"/>
              </a:xfrm>
              <a:custGeom>
                <a:avLst/>
                <a:gdLst>
                  <a:gd name="T0" fmla="*/ 163 w 372"/>
                  <a:gd name="T1" fmla="*/ 36 h 288"/>
                  <a:gd name="T2" fmla="*/ 157 w 372"/>
                  <a:gd name="T3" fmla="*/ 108 h 288"/>
                  <a:gd name="T4" fmla="*/ 137 w 372"/>
                  <a:gd name="T5" fmla="*/ 106 h 288"/>
                  <a:gd name="T6" fmla="*/ 0 w 372"/>
                  <a:gd name="T7" fmla="*/ 95 h 288"/>
                  <a:gd name="T8" fmla="*/ 3 w 372"/>
                  <a:gd name="T9" fmla="*/ 79 h 288"/>
                  <a:gd name="T10" fmla="*/ 16 w 372"/>
                  <a:gd name="T11" fmla="*/ 0 h 288"/>
                  <a:gd name="T12" fmla="*/ 123 w 372"/>
                  <a:gd name="T13" fmla="*/ 9 h 288"/>
                  <a:gd name="T14" fmla="*/ 166 w 372"/>
                  <a:gd name="T15" fmla="*/ 12 h 288"/>
                  <a:gd name="T16" fmla="*/ 163 w 372"/>
                  <a:gd name="T17" fmla="*/ 27 h 288"/>
                  <a:gd name="T18" fmla="*/ 163 w 372"/>
                  <a:gd name="T19" fmla="*/ 36 h 28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72"/>
                  <a:gd name="T31" fmla="*/ 0 h 288"/>
                  <a:gd name="T32" fmla="*/ 372 w 372"/>
                  <a:gd name="T33" fmla="*/ 288 h 28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72" h="288">
                    <a:moveTo>
                      <a:pt x="366" y="96"/>
                    </a:moveTo>
                    <a:lnTo>
                      <a:pt x="354" y="288"/>
                    </a:lnTo>
                    <a:lnTo>
                      <a:pt x="306" y="282"/>
                    </a:lnTo>
                    <a:lnTo>
                      <a:pt x="0" y="252"/>
                    </a:lnTo>
                    <a:lnTo>
                      <a:pt x="6" y="210"/>
                    </a:lnTo>
                    <a:lnTo>
                      <a:pt x="36" y="0"/>
                    </a:lnTo>
                    <a:lnTo>
                      <a:pt x="276" y="24"/>
                    </a:lnTo>
                    <a:lnTo>
                      <a:pt x="372" y="30"/>
                    </a:lnTo>
                    <a:lnTo>
                      <a:pt x="366" y="72"/>
                    </a:lnTo>
                    <a:lnTo>
                      <a:pt x="366" y="9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42" name="Freeform 21"/>
              <p:cNvSpPr>
                <a:spLocks noChangeAspect="1"/>
              </p:cNvSpPr>
              <p:nvPr/>
            </p:nvSpPr>
            <p:spPr bwMode="auto">
              <a:xfrm>
                <a:off x="1027" y="1395"/>
                <a:ext cx="284" cy="208"/>
              </a:xfrm>
              <a:custGeom>
                <a:avLst/>
                <a:gdLst>
                  <a:gd name="T0" fmla="*/ 163 w 372"/>
                  <a:gd name="T1" fmla="*/ 36 h 288"/>
                  <a:gd name="T2" fmla="*/ 157 w 372"/>
                  <a:gd name="T3" fmla="*/ 108 h 288"/>
                  <a:gd name="T4" fmla="*/ 137 w 372"/>
                  <a:gd name="T5" fmla="*/ 106 h 288"/>
                  <a:gd name="T6" fmla="*/ 0 w 372"/>
                  <a:gd name="T7" fmla="*/ 95 h 288"/>
                  <a:gd name="T8" fmla="*/ 3 w 372"/>
                  <a:gd name="T9" fmla="*/ 79 h 288"/>
                  <a:gd name="T10" fmla="*/ 16 w 372"/>
                  <a:gd name="T11" fmla="*/ 0 h 288"/>
                  <a:gd name="T12" fmla="*/ 123 w 372"/>
                  <a:gd name="T13" fmla="*/ 9 h 288"/>
                  <a:gd name="T14" fmla="*/ 166 w 372"/>
                  <a:gd name="T15" fmla="*/ 12 h 288"/>
                  <a:gd name="T16" fmla="*/ 163 w 372"/>
                  <a:gd name="T17" fmla="*/ 27 h 288"/>
                  <a:gd name="T18" fmla="*/ 163 w 372"/>
                  <a:gd name="T19" fmla="*/ 36 h 288"/>
                  <a:gd name="T20" fmla="*/ 163 w 372"/>
                  <a:gd name="T21" fmla="*/ 38 h 288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72"/>
                  <a:gd name="T34" fmla="*/ 0 h 288"/>
                  <a:gd name="T35" fmla="*/ 372 w 372"/>
                  <a:gd name="T36" fmla="*/ 288 h 288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72" h="288">
                    <a:moveTo>
                      <a:pt x="366" y="96"/>
                    </a:moveTo>
                    <a:lnTo>
                      <a:pt x="354" y="288"/>
                    </a:lnTo>
                    <a:lnTo>
                      <a:pt x="306" y="282"/>
                    </a:lnTo>
                    <a:lnTo>
                      <a:pt x="0" y="252"/>
                    </a:lnTo>
                    <a:lnTo>
                      <a:pt x="6" y="210"/>
                    </a:lnTo>
                    <a:lnTo>
                      <a:pt x="36" y="0"/>
                    </a:lnTo>
                    <a:lnTo>
                      <a:pt x="276" y="24"/>
                    </a:lnTo>
                    <a:lnTo>
                      <a:pt x="372" y="30"/>
                    </a:lnTo>
                    <a:lnTo>
                      <a:pt x="366" y="72"/>
                    </a:lnTo>
                    <a:lnTo>
                      <a:pt x="366" y="96"/>
                    </a:lnTo>
                    <a:lnTo>
                      <a:pt x="366" y="10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43" name="Freeform 22"/>
              <p:cNvSpPr>
                <a:spLocks noChangeAspect="1"/>
              </p:cNvSpPr>
              <p:nvPr/>
            </p:nvSpPr>
            <p:spPr bwMode="auto">
              <a:xfrm>
                <a:off x="2336" y="1274"/>
                <a:ext cx="68" cy="61"/>
              </a:xfrm>
              <a:custGeom>
                <a:avLst/>
                <a:gdLst>
                  <a:gd name="T0" fmla="*/ 36 w 90"/>
                  <a:gd name="T1" fmla="*/ 0 h 84"/>
                  <a:gd name="T2" fmla="*/ 39 w 90"/>
                  <a:gd name="T3" fmla="*/ 17 h 84"/>
                  <a:gd name="T4" fmla="*/ 18 w 90"/>
                  <a:gd name="T5" fmla="*/ 23 h 84"/>
                  <a:gd name="T6" fmla="*/ 5 w 90"/>
                  <a:gd name="T7" fmla="*/ 32 h 84"/>
                  <a:gd name="T8" fmla="*/ 5 w 90"/>
                  <a:gd name="T9" fmla="*/ 28 h 84"/>
                  <a:gd name="T10" fmla="*/ 0 w 90"/>
                  <a:gd name="T11" fmla="*/ 7 h 84"/>
                  <a:gd name="T12" fmla="*/ 34 w 90"/>
                  <a:gd name="T13" fmla="*/ 0 h 84"/>
                  <a:gd name="T14" fmla="*/ 36 w 90"/>
                  <a:gd name="T15" fmla="*/ 0 h 84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90"/>
                  <a:gd name="T25" fmla="*/ 0 h 84"/>
                  <a:gd name="T26" fmla="*/ 90 w 90"/>
                  <a:gd name="T27" fmla="*/ 84 h 84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90" h="84">
                    <a:moveTo>
                      <a:pt x="84" y="0"/>
                    </a:moveTo>
                    <a:lnTo>
                      <a:pt x="90" y="42"/>
                    </a:lnTo>
                    <a:lnTo>
                      <a:pt x="42" y="6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0" y="18"/>
                    </a:lnTo>
                    <a:lnTo>
                      <a:pt x="78" y="0"/>
                    </a:lnTo>
                    <a:lnTo>
                      <a:pt x="84" y="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44" name="Freeform 23"/>
              <p:cNvSpPr>
                <a:spLocks noChangeAspect="1"/>
              </p:cNvSpPr>
              <p:nvPr/>
            </p:nvSpPr>
            <p:spPr bwMode="auto">
              <a:xfrm>
                <a:off x="2336" y="1274"/>
                <a:ext cx="68" cy="61"/>
              </a:xfrm>
              <a:custGeom>
                <a:avLst/>
                <a:gdLst>
                  <a:gd name="T0" fmla="*/ 36 w 90"/>
                  <a:gd name="T1" fmla="*/ 0 h 84"/>
                  <a:gd name="T2" fmla="*/ 39 w 90"/>
                  <a:gd name="T3" fmla="*/ 17 h 84"/>
                  <a:gd name="T4" fmla="*/ 18 w 90"/>
                  <a:gd name="T5" fmla="*/ 23 h 84"/>
                  <a:gd name="T6" fmla="*/ 5 w 90"/>
                  <a:gd name="T7" fmla="*/ 32 h 84"/>
                  <a:gd name="T8" fmla="*/ 5 w 90"/>
                  <a:gd name="T9" fmla="*/ 28 h 84"/>
                  <a:gd name="T10" fmla="*/ 0 w 90"/>
                  <a:gd name="T11" fmla="*/ 7 h 84"/>
                  <a:gd name="T12" fmla="*/ 34 w 90"/>
                  <a:gd name="T13" fmla="*/ 0 h 84"/>
                  <a:gd name="T14" fmla="*/ 36 w 90"/>
                  <a:gd name="T15" fmla="*/ 0 h 84"/>
                  <a:gd name="T16" fmla="*/ 36 w 90"/>
                  <a:gd name="T17" fmla="*/ 2 h 84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90"/>
                  <a:gd name="T28" fmla="*/ 0 h 84"/>
                  <a:gd name="T29" fmla="*/ 90 w 90"/>
                  <a:gd name="T30" fmla="*/ 84 h 84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90" h="84">
                    <a:moveTo>
                      <a:pt x="84" y="0"/>
                    </a:moveTo>
                    <a:lnTo>
                      <a:pt x="90" y="42"/>
                    </a:lnTo>
                    <a:lnTo>
                      <a:pt x="42" y="6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0" y="18"/>
                    </a:lnTo>
                    <a:lnTo>
                      <a:pt x="78" y="0"/>
                    </a:lnTo>
                    <a:lnTo>
                      <a:pt x="84" y="0"/>
                    </a:lnTo>
                    <a:lnTo>
                      <a:pt x="84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45" name="Freeform 24"/>
              <p:cNvSpPr>
                <a:spLocks noChangeAspect="1"/>
              </p:cNvSpPr>
              <p:nvPr/>
            </p:nvSpPr>
            <p:spPr bwMode="auto">
              <a:xfrm>
                <a:off x="2281" y="1404"/>
                <a:ext cx="41" cy="61"/>
              </a:xfrm>
              <a:custGeom>
                <a:avLst/>
                <a:gdLst>
                  <a:gd name="T0" fmla="*/ 8 w 54"/>
                  <a:gd name="T1" fmla="*/ 0 h 84"/>
                  <a:gd name="T2" fmla="*/ 5 w 54"/>
                  <a:gd name="T3" fmla="*/ 2 h 84"/>
                  <a:gd name="T4" fmla="*/ 5 w 54"/>
                  <a:gd name="T5" fmla="*/ 9 h 84"/>
                  <a:gd name="T6" fmla="*/ 16 w 54"/>
                  <a:gd name="T7" fmla="*/ 20 h 84"/>
                  <a:gd name="T8" fmla="*/ 21 w 54"/>
                  <a:gd name="T9" fmla="*/ 23 h 84"/>
                  <a:gd name="T10" fmla="*/ 18 w 54"/>
                  <a:gd name="T11" fmla="*/ 28 h 84"/>
                  <a:gd name="T12" fmla="*/ 24 w 54"/>
                  <a:gd name="T13" fmla="*/ 30 h 84"/>
                  <a:gd name="T14" fmla="*/ 11 w 54"/>
                  <a:gd name="T15" fmla="*/ 32 h 84"/>
                  <a:gd name="T16" fmla="*/ 0 w 54"/>
                  <a:gd name="T17" fmla="*/ 2 h 84"/>
                  <a:gd name="T18" fmla="*/ 5 w 54"/>
                  <a:gd name="T19" fmla="*/ 0 h 84"/>
                  <a:gd name="T20" fmla="*/ 8 w 54"/>
                  <a:gd name="T21" fmla="*/ 0 h 8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54"/>
                  <a:gd name="T34" fmla="*/ 0 h 84"/>
                  <a:gd name="T35" fmla="*/ 54 w 54"/>
                  <a:gd name="T36" fmla="*/ 84 h 8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54" h="84">
                    <a:moveTo>
                      <a:pt x="18" y="0"/>
                    </a:moveTo>
                    <a:lnTo>
                      <a:pt x="12" y="6"/>
                    </a:lnTo>
                    <a:lnTo>
                      <a:pt x="12" y="24"/>
                    </a:lnTo>
                    <a:lnTo>
                      <a:pt x="36" y="54"/>
                    </a:lnTo>
                    <a:lnTo>
                      <a:pt x="48" y="60"/>
                    </a:lnTo>
                    <a:lnTo>
                      <a:pt x="42" y="72"/>
                    </a:lnTo>
                    <a:lnTo>
                      <a:pt x="54" y="78"/>
                    </a:lnTo>
                    <a:lnTo>
                      <a:pt x="24" y="84"/>
                    </a:lnTo>
                    <a:lnTo>
                      <a:pt x="0" y="6"/>
                    </a:lnTo>
                    <a:lnTo>
                      <a:pt x="12" y="0"/>
                    </a:lnTo>
                    <a:lnTo>
                      <a:pt x="18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46" name="Freeform 25"/>
              <p:cNvSpPr>
                <a:spLocks noChangeAspect="1"/>
              </p:cNvSpPr>
              <p:nvPr/>
            </p:nvSpPr>
            <p:spPr bwMode="auto">
              <a:xfrm>
                <a:off x="2281" y="1404"/>
                <a:ext cx="41" cy="61"/>
              </a:xfrm>
              <a:custGeom>
                <a:avLst/>
                <a:gdLst>
                  <a:gd name="T0" fmla="*/ 8 w 54"/>
                  <a:gd name="T1" fmla="*/ 0 h 84"/>
                  <a:gd name="T2" fmla="*/ 5 w 54"/>
                  <a:gd name="T3" fmla="*/ 2 h 84"/>
                  <a:gd name="T4" fmla="*/ 5 w 54"/>
                  <a:gd name="T5" fmla="*/ 9 h 84"/>
                  <a:gd name="T6" fmla="*/ 16 w 54"/>
                  <a:gd name="T7" fmla="*/ 20 h 84"/>
                  <a:gd name="T8" fmla="*/ 21 w 54"/>
                  <a:gd name="T9" fmla="*/ 23 h 84"/>
                  <a:gd name="T10" fmla="*/ 18 w 54"/>
                  <a:gd name="T11" fmla="*/ 28 h 84"/>
                  <a:gd name="T12" fmla="*/ 24 w 54"/>
                  <a:gd name="T13" fmla="*/ 30 h 84"/>
                  <a:gd name="T14" fmla="*/ 11 w 54"/>
                  <a:gd name="T15" fmla="*/ 32 h 84"/>
                  <a:gd name="T16" fmla="*/ 0 w 54"/>
                  <a:gd name="T17" fmla="*/ 2 h 84"/>
                  <a:gd name="T18" fmla="*/ 5 w 54"/>
                  <a:gd name="T19" fmla="*/ 0 h 84"/>
                  <a:gd name="T20" fmla="*/ 8 w 54"/>
                  <a:gd name="T21" fmla="*/ 0 h 84"/>
                  <a:gd name="T22" fmla="*/ 8 w 54"/>
                  <a:gd name="T23" fmla="*/ 2 h 8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54"/>
                  <a:gd name="T37" fmla="*/ 0 h 84"/>
                  <a:gd name="T38" fmla="*/ 54 w 54"/>
                  <a:gd name="T39" fmla="*/ 84 h 8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54" h="84">
                    <a:moveTo>
                      <a:pt x="18" y="0"/>
                    </a:moveTo>
                    <a:lnTo>
                      <a:pt x="12" y="6"/>
                    </a:lnTo>
                    <a:lnTo>
                      <a:pt x="12" y="24"/>
                    </a:lnTo>
                    <a:lnTo>
                      <a:pt x="36" y="54"/>
                    </a:lnTo>
                    <a:lnTo>
                      <a:pt x="48" y="60"/>
                    </a:lnTo>
                    <a:lnTo>
                      <a:pt x="42" y="72"/>
                    </a:lnTo>
                    <a:lnTo>
                      <a:pt x="54" y="78"/>
                    </a:lnTo>
                    <a:lnTo>
                      <a:pt x="24" y="84"/>
                    </a:lnTo>
                    <a:lnTo>
                      <a:pt x="0" y="6"/>
                    </a:lnTo>
                    <a:lnTo>
                      <a:pt x="12" y="0"/>
                    </a:lnTo>
                    <a:lnTo>
                      <a:pt x="18" y="0"/>
                    </a:lnTo>
                    <a:lnTo>
                      <a:pt x="18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47" name="Freeform 26"/>
              <p:cNvSpPr>
                <a:spLocks noChangeAspect="1"/>
              </p:cNvSpPr>
              <p:nvPr/>
            </p:nvSpPr>
            <p:spPr bwMode="auto">
              <a:xfrm>
                <a:off x="2240" y="1456"/>
                <a:ext cx="9" cy="4"/>
              </a:xfrm>
              <a:custGeom>
                <a:avLst/>
                <a:gdLst>
                  <a:gd name="T0" fmla="*/ 3 w 12"/>
                  <a:gd name="T1" fmla="*/ 2 h 6"/>
                  <a:gd name="T2" fmla="*/ 0 w 12"/>
                  <a:gd name="T3" fmla="*/ 0 h 6"/>
                  <a:gd name="T4" fmla="*/ 5 w 12"/>
                  <a:gd name="T5" fmla="*/ 0 h 6"/>
                  <a:gd name="T6" fmla="*/ 3 w 12"/>
                  <a:gd name="T7" fmla="*/ 2 h 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2"/>
                  <a:gd name="T13" fmla="*/ 0 h 6"/>
                  <a:gd name="T14" fmla="*/ 12 w 12"/>
                  <a:gd name="T15" fmla="*/ 6 h 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2" h="6">
                    <a:moveTo>
                      <a:pt x="6" y="6"/>
                    </a:moveTo>
                    <a:lnTo>
                      <a:pt x="0" y="0"/>
                    </a:lnTo>
                    <a:lnTo>
                      <a:pt x="12" y="0"/>
                    </a:lnTo>
                    <a:lnTo>
                      <a:pt x="6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48" name="Freeform 27"/>
              <p:cNvSpPr>
                <a:spLocks noChangeAspect="1"/>
              </p:cNvSpPr>
              <p:nvPr/>
            </p:nvSpPr>
            <p:spPr bwMode="auto">
              <a:xfrm>
                <a:off x="2240" y="1456"/>
                <a:ext cx="9" cy="9"/>
              </a:xfrm>
              <a:custGeom>
                <a:avLst/>
                <a:gdLst>
                  <a:gd name="T0" fmla="*/ 3 w 12"/>
                  <a:gd name="T1" fmla="*/ 3 h 12"/>
                  <a:gd name="T2" fmla="*/ 0 w 12"/>
                  <a:gd name="T3" fmla="*/ 0 h 12"/>
                  <a:gd name="T4" fmla="*/ 5 w 12"/>
                  <a:gd name="T5" fmla="*/ 0 h 12"/>
                  <a:gd name="T6" fmla="*/ 3 w 12"/>
                  <a:gd name="T7" fmla="*/ 3 h 12"/>
                  <a:gd name="T8" fmla="*/ 3 w 12"/>
                  <a:gd name="T9" fmla="*/ 5 h 12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2"/>
                  <a:gd name="T16" fmla="*/ 0 h 12"/>
                  <a:gd name="T17" fmla="*/ 12 w 12"/>
                  <a:gd name="T18" fmla="*/ 12 h 12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2" h="12">
                    <a:moveTo>
                      <a:pt x="6" y="6"/>
                    </a:moveTo>
                    <a:lnTo>
                      <a:pt x="0" y="0"/>
                    </a:lnTo>
                    <a:lnTo>
                      <a:pt x="12" y="0"/>
                    </a:lnTo>
                    <a:lnTo>
                      <a:pt x="6" y="6"/>
                    </a:lnTo>
                    <a:lnTo>
                      <a:pt x="6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49" name="Freeform 28"/>
              <p:cNvSpPr>
                <a:spLocks noChangeAspect="1"/>
              </p:cNvSpPr>
              <p:nvPr/>
            </p:nvSpPr>
            <p:spPr bwMode="auto">
              <a:xfrm>
                <a:off x="1883" y="1859"/>
                <a:ext cx="352" cy="251"/>
              </a:xfrm>
              <a:custGeom>
                <a:avLst/>
                <a:gdLst>
                  <a:gd name="T0" fmla="*/ 146 w 462"/>
                  <a:gd name="T1" fmla="*/ 0 h 348"/>
                  <a:gd name="T2" fmla="*/ 201 w 462"/>
                  <a:gd name="T3" fmla="*/ 88 h 348"/>
                  <a:gd name="T4" fmla="*/ 204 w 462"/>
                  <a:gd name="T5" fmla="*/ 110 h 348"/>
                  <a:gd name="T6" fmla="*/ 199 w 462"/>
                  <a:gd name="T7" fmla="*/ 117 h 348"/>
                  <a:gd name="T8" fmla="*/ 199 w 462"/>
                  <a:gd name="T9" fmla="*/ 122 h 348"/>
                  <a:gd name="T10" fmla="*/ 197 w 462"/>
                  <a:gd name="T11" fmla="*/ 126 h 348"/>
                  <a:gd name="T12" fmla="*/ 181 w 462"/>
                  <a:gd name="T13" fmla="*/ 131 h 348"/>
                  <a:gd name="T14" fmla="*/ 178 w 462"/>
                  <a:gd name="T15" fmla="*/ 126 h 348"/>
                  <a:gd name="T16" fmla="*/ 183 w 462"/>
                  <a:gd name="T17" fmla="*/ 128 h 348"/>
                  <a:gd name="T18" fmla="*/ 186 w 462"/>
                  <a:gd name="T19" fmla="*/ 124 h 348"/>
                  <a:gd name="T20" fmla="*/ 178 w 462"/>
                  <a:gd name="T21" fmla="*/ 124 h 348"/>
                  <a:gd name="T22" fmla="*/ 170 w 462"/>
                  <a:gd name="T23" fmla="*/ 115 h 348"/>
                  <a:gd name="T24" fmla="*/ 162 w 462"/>
                  <a:gd name="T25" fmla="*/ 113 h 348"/>
                  <a:gd name="T26" fmla="*/ 157 w 462"/>
                  <a:gd name="T27" fmla="*/ 102 h 348"/>
                  <a:gd name="T28" fmla="*/ 149 w 462"/>
                  <a:gd name="T29" fmla="*/ 97 h 348"/>
                  <a:gd name="T30" fmla="*/ 149 w 462"/>
                  <a:gd name="T31" fmla="*/ 90 h 348"/>
                  <a:gd name="T32" fmla="*/ 143 w 462"/>
                  <a:gd name="T33" fmla="*/ 90 h 348"/>
                  <a:gd name="T34" fmla="*/ 146 w 462"/>
                  <a:gd name="T35" fmla="*/ 94 h 348"/>
                  <a:gd name="T36" fmla="*/ 143 w 462"/>
                  <a:gd name="T37" fmla="*/ 94 h 348"/>
                  <a:gd name="T38" fmla="*/ 133 w 462"/>
                  <a:gd name="T39" fmla="*/ 82 h 348"/>
                  <a:gd name="T40" fmla="*/ 138 w 462"/>
                  <a:gd name="T41" fmla="*/ 70 h 348"/>
                  <a:gd name="T42" fmla="*/ 130 w 462"/>
                  <a:gd name="T43" fmla="*/ 68 h 348"/>
                  <a:gd name="T44" fmla="*/ 133 w 462"/>
                  <a:gd name="T45" fmla="*/ 74 h 348"/>
                  <a:gd name="T46" fmla="*/ 125 w 462"/>
                  <a:gd name="T47" fmla="*/ 70 h 348"/>
                  <a:gd name="T48" fmla="*/ 127 w 462"/>
                  <a:gd name="T49" fmla="*/ 48 h 348"/>
                  <a:gd name="T50" fmla="*/ 98 w 462"/>
                  <a:gd name="T51" fmla="*/ 25 h 348"/>
                  <a:gd name="T52" fmla="*/ 82 w 462"/>
                  <a:gd name="T53" fmla="*/ 22 h 348"/>
                  <a:gd name="T54" fmla="*/ 82 w 462"/>
                  <a:gd name="T55" fmla="*/ 27 h 348"/>
                  <a:gd name="T56" fmla="*/ 56 w 462"/>
                  <a:gd name="T57" fmla="*/ 34 h 348"/>
                  <a:gd name="T58" fmla="*/ 56 w 462"/>
                  <a:gd name="T59" fmla="*/ 32 h 348"/>
                  <a:gd name="T60" fmla="*/ 59 w 462"/>
                  <a:gd name="T61" fmla="*/ 34 h 348"/>
                  <a:gd name="T62" fmla="*/ 59 w 462"/>
                  <a:gd name="T63" fmla="*/ 32 h 348"/>
                  <a:gd name="T64" fmla="*/ 45 w 462"/>
                  <a:gd name="T65" fmla="*/ 20 h 348"/>
                  <a:gd name="T66" fmla="*/ 43 w 462"/>
                  <a:gd name="T67" fmla="*/ 22 h 348"/>
                  <a:gd name="T68" fmla="*/ 45 w 462"/>
                  <a:gd name="T69" fmla="*/ 25 h 348"/>
                  <a:gd name="T70" fmla="*/ 27 w 462"/>
                  <a:gd name="T71" fmla="*/ 20 h 348"/>
                  <a:gd name="T72" fmla="*/ 37 w 462"/>
                  <a:gd name="T73" fmla="*/ 18 h 348"/>
                  <a:gd name="T74" fmla="*/ 34 w 462"/>
                  <a:gd name="T75" fmla="*/ 18 h 348"/>
                  <a:gd name="T76" fmla="*/ 11 w 462"/>
                  <a:gd name="T77" fmla="*/ 22 h 348"/>
                  <a:gd name="T78" fmla="*/ 16 w 462"/>
                  <a:gd name="T79" fmla="*/ 20 h 348"/>
                  <a:gd name="T80" fmla="*/ 11 w 462"/>
                  <a:gd name="T81" fmla="*/ 18 h 348"/>
                  <a:gd name="T82" fmla="*/ 11 w 462"/>
                  <a:gd name="T83" fmla="*/ 20 h 348"/>
                  <a:gd name="T84" fmla="*/ 5 w 462"/>
                  <a:gd name="T85" fmla="*/ 22 h 348"/>
                  <a:gd name="T86" fmla="*/ 5 w 462"/>
                  <a:gd name="T87" fmla="*/ 16 h 348"/>
                  <a:gd name="T88" fmla="*/ 0 w 462"/>
                  <a:gd name="T89" fmla="*/ 12 h 348"/>
                  <a:gd name="T90" fmla="*/ 0 w 462"/>
                  <a:gd name="T91" fmla="*/ 6 h 348"/>
                  <a:gd name="T92" fmla="*/ 61 w 462"/>
                  <a:gd name="T93" fmla="*/ 2 h 348"/>
                  <a:gd name="T94" fmla="*/ 66 w 462"/>
                  <a:gd name="T95" fmla="*/ 9 h 348"/>
                  <a:gd name="T96" fmla="*/ 130 w 462"/>
                  <a:gd name="T97" fmla="*/ 6 h 348"/>
                  <a:gd name="T98" fmla="*/ 133 w 462"/>
                  <a:gd name="T99" fmla="*/ 12 h 348"/>
                  <a:gd name="T100" fmla="*/ 136 w 462"/>
                  <a:gd name="T101" fmla="*/ 9 h 348"/>
                  <a:gd name="T102" fmla="*/ 136 w 462"/>
                  <a:gd name="T103" fmla="*/ 0 h 348"/>
                  <a:gd name="T104" fmla="*/ 146 w 462"/>
                  <a:gd name="T105" fmla="*/ 0 h 348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w 462"/>
                  <a:gd name="T160" fmla="*/ 0 h 348"/>
                  <a:gd name="T161" fmla="*/ 462 w 462"/>
                  <a:gd name="T162" fmla="*/ 348 h 348"/>
                </a:gdLst>
                <a:ahLst/>
                <a:cxnLst>
                  <a:cxn ang="T106">
                    <a:pos x="T0" y="T1"/>
                  </a:cxn>
                  <a:cxn ang="T107">
                    <a:pos x="T2" y="T3"/>
                  </a:cxn>
                  <a:cxn ang="T108">
                    <a:pos x="T4" y="T5"/>
                  </a:cxn>
                  <a:cxn ang="T109">
                    <a:pos x="T6" y="T7"/>
                  </a:cxn>
                  <a:cxn ang="T110">
                    <a:pos x="T8" y="T9"/>
                  </a:cxn>
                  <a:cxn ang="T111">
                    <a:pos x="T10" y="T11"/>
                  </a:cxn>
                  <a:cxn ang="T112">
                    <a:pos x="T12" y="T13"/>
                  </a:cxn>
                  <a:cxn ang="T113">
                    <a:pos x="T14" y="T15"/>
                  </a:cxn>
                  <a:cxn ang="T114">
                    <a:pos x="T16" y="T17"/>
                  </a:cxn>
                  <a:cxn ang="T115">
                    <a:pos x="T18" y="T19"/>
                  </a:cxn>
                  <a:cxn ang="T116">
                    <a:pos x="T20" y="T21"/>
                  </a:cxn>
                  <a:cxn ang="T117">
                    <a:pos x="T22" y="T23"/>
                  </a:cxn>
                  <a:cxn ang="T118">
                    <a:pos x="T24" y="T25"/>
                  </a:cxn>
                  <a:cxn ang="T119">
                    <a:pos x="T26" y="T27"/>
                  </a:cxn>
                  <a:cxn ang="T120">
                    <a:pos x="T28" y="T29"/>
                  </a:cxn>
                  <a:cxn ang="T121">
                    <a:pos x="T30" y="T31"/>
                  </a:cxn>
                  <a:cxn ang="T122">
                    <a:pos x="T32" y="T33"/>
                  </a:cxn>
                  <a:cxn ang="T123">
                    <a:pos x="T34" y="T35"/>
                  </a:cxn>
                  <a:cxn ang="T124">
                    <a:pos x="T36" y="T37"/>
                  </a:cxn>
                  <a:cxn ang="T125">
                    <a:pos x="T38" y="T39"/>
                  </a:cxn>
                  <a:cxn ang="T126">
                    <a:pos x="T40" y="T41"/>
                  </a:cxn>
                  <a:cxn ang="T127">
                    <a:pos x="T42" y="T43"/>
                  </a:cxn>
                  <a:cxn ang="T128">
                    <a:pos x="T44" y="T45"/>
                  </a:cxn>
                  <a:cxn ang="T129">
                    <a:pos x="T46" y="T47"/>
                  </a:cxn>
                  <a:cxn ang="T130">
                    <a:pos x="T48" y="T49"/>
                  </a:cxn>
                  <a:cxn ang="T131">
                    <a:pos x="T50" y="T51"/>
                  </a:cxn>
                  <a:cxn ang="T132">
                    <a:pos x="T52" y="T53"/>
                  </a:cxn>
                  <a:cxn ang="T133">
                    <a:pos x="T54" y="T55"/>
                  </a:cxn>
                  <a:cxn ang="T134">
                    <a:pos x="T56" y="T57"/>
                  </a:cxn>
                  <a:cxn ang="T135">
                    <a:pos x="T58" y="T59"/>
                  </a:cxn>
                  <a:cxn ang="T136">
                    <a:pos x="T60" y="T61"/>
                  </a:cxn>
                  <a:cxn ang="T137">
                    <a:pos x="T62" y="T63"/>
                  </a:cxn>
                  <a:cxn ang="T138">
                    <a:pos x="T64" y="T65"/>
                  </a:cxn>
                  <a:cxn ang="T139">
                    <a:pos x="T66" y="T67"/>
                  </a:cxn>
                  <a:cxn ang="T140">
                    <a:pos x="T68" y="T69"/>
                  </a:cxn>
                  <a:cxn ang="T141">
                    <a:pos x="T70" y="T71"/>
                  </a:cxn>
                  <a:cxn ang="T142">
                    <a:pos x="T72" y="T73"/>
                  </a:cxn>
                  <a:cxn ang="T143">
                    <a:pos x="T74" y="T75"/>
                  </a:cxn>
                  <a:cxn ang="T144">
                    <a:pos x="T76" y="T77"/>
                  </a:cxn>
                  <a:cxn ang="T145">
                    <a:pos x="T78" y="T79"/>
                  </a:cxn>
                  <a:cxn ang="T146">
                    <a:pos x="T80" y="T81"/>
                  </a:cxn>
                  <a:cxn ang="T147">
                    <a:pos x="T82" y="T83"/>
                  </a:cxn>
                  <a:cxn ang="T148">
                    <a:pos x="T84" y="T85"/>
                  </a:cxn>
                  <a:cxn ang="T149">
                    <a:pos x="T86" y="T87"/>
                  </a:cxn>
                  <a:cxn ang="T150">
                    <a:pos x="T88" y="T89"/>
                  </a:cxn>
                  <a:cxn ang="T151">
                    <a:pos x="T90" y="T91"/>
                  </a:cxn>
                  <a:cxn ang="T152">
                    <a:pos x="T92" y="T93"/>
                  </a:cxn>
                  <a:cxn ang="T153">
                    <a:pos x="T94" y="T95"/>
                  </a:cxn>
                  <a:cxn ang="T154">
                    <a:pos x="T96" y="T97"/>
                  </a:cxn>
                  <a:cxn ang="T155">
                    <a:pos x="T98" y="T99"/>
                  </a:cxn>
                  <a:cxn ang="T156">
                    <a:pos x="T100" y="T101"/>
                  </a:cxn>
                  <a:cxn ang="T157">
                    <a:pos x="T102" y="T103"/>
                  </a:cxn>
                  <a:cxn ang="T158">
                    <a:pos x="T104" y="T105"/>
                  </a:cxn>
                </a:cxnLst>
                <a:rect l="T159" t="T160" r="T161" b="T162"/>
                <a:pathLst>
                  <a:path w="462" h="348">
                    <a:moveTo>
                      <a:pt x="330" y="0"/>
                    </a:moveTo>
                    <a:lnTo>
                      <a:pt x="456" y="234"/>
                    </a:lnTo>
                    <a:lnTo>
                      <a:pt x="462" y="294"/>
                    </a:lnTo>
                    <a:lnTo>
                      <a:pt x="450" y="312"/>
                    </a:lnTo>
                    <a:lnTo>
                      <a:pt x="450" y="324"/>
                    </a:lnTo>
                    <a:lnTo>
                      <a:pt x="444" y="336"/>
                    </a:lnTo>
                    <a:lnTo>
                      <a:pt x="408" y="348"/>
                    </a:lnTo>
                    <a:lnTo>
                      <a:pt x="402" y="336"/>
                    </a:lnTo>
                    <a:lnTo>
                      <a:pt x="414" y="342"/>
                    </a:lnTo>
                    <a:lnTo>
                      <a:pt x="420" y="330"/>
                    </a:lnTo>
                    <a:lnTo>
                      <a:pt x="402" y="330"/>
                    </a:lnTo>
                    <a:lnTo>
                      <a:pt x="384" y="306"/>
                    </a:lnTo>
                    <a:lnTo>
                      <a:pt x="366" y="300"/>
                    </a:lnTo>
                    <a:lnTo>
                      <a:pt x="354" y="270"/>
                    </a:lnTo>
                    <a:lnTo>
                      <a:pt x="336" y="258"/>
                    </a:lnTo>
                    <a:lnTo>
                      <a:pt x="336" y="240"/>
                    </a:lnTo>
                    <a:lnTo>
                      <a:pt x="324" y="240"/>
                    </a:lnTo>
                    <a:lnTo>
                      <a:pt x="330" y="252"/>
                    </a:lnTo>
                    <a:lnTo>
                      <a:pt x="324" y="252"/>
                    </a:lnTo>
                    <a:lnTo>
                      <a:pt x="300" y="216"/>
                    </a:lnTo>
                    <a:lnTo>
                      <a:pt x="312" y="186"/>
                    </a:lnTo>
                    <a:lnTo>
                      <a:pt x="294" y="180"/>
                    </a:lnTo>
                    <a:lnTo>
                      <a:pt x="300" y="198"/>
                    </a:lnTo>
                    <a:lnTo>
                      <a:pt x="282" y="186"/>
                    </a:lnTo>
                    <a:lnTo>
                      <a:pt x="288" y="126"/>
                    </a:lnTo>
                    <a:lnTo>
                      <a:pt x="222" y="66"/>
                    </a:lnTo>
                    <a:lnTo>
                      <a:pt x="186" y="60"/>
                    </a:lnTo>
                    <a:lnTo>
                      <a:pt x="186" y="72"/>
                    </a:lnTo>
                    <a:lnTo>
                      <a:pt x="126" y="90"/>
                    </a:lnTo>
                    <a:lnTo>
                      <a:pt x="126" y="84"/>
                    </a:lnTo>
                    <a:lnTo>
                      <a:pt x="132" y="90"/>
                    </a:lnTo>
                    <a:lnTo>
                      <a:pt x="132" y="84"/>
                    </a:lnTo>
                    <a:lnTo>
                      <a:pt x="102" y="54"/>
                    </a:lnTo>
                    <a:lnTo>
                      <a:pt x="96" y="60"/>
                    </a:lnTo>
                    <a:lnTo>
                      <a:pt x="102" y="66"/>
                    </a:lnTo>
                    <a:lnTo>
                      <a:pt x="60" y="54"/>
                    </a:lnTo>
                    <a:lnTo>
                      <a:pt x="84" y="48"/>
                    </a:lnTo>
                    <a:lnTo>
                      <a:pt x="78" y="48"/>
                    </a:lnTo>
                    <a:lnTo>
                      <a:pt x="24" y="60"/>
                    </a:lnTo>
                    <a:lnTo>
                      <a:pt x="36" y="54"/>
                    </a:lnTo>
                    <a:lnTo>
                      <a:pt x="24" y="48"/>
                    </a:lnTo>
                    <a:lnTo>
                      <a:pt x="24" y="54"/>
                    </a:lnTo>
                    <a:lnTo>
                      <a:pt x="12" y="60"/>
                    </a:lnTo>
                    <a:lnTo>
                      <a:pt x="12" y="42"/>
                    </a:lnTo>
                    <a:lnTo>
                      <a:pt x="0" y="30"/>
                    </a:lnTo>
                    <a:lnTo>
                      <a:pt x="0" y="18"/>
                    </a:lnTo>
                    <a:lnTo>
                      <a:pt x="138" y="6"/>
                    </a:lnTo>
                    <a:lnTo>
                      <a:pt x="150" y="24"/>
                    </a:lnTo>
                    <a:lnTo>
                      <a:pt x="294" y="18"/>
                    </a:lnTo>
                    <a:lnTo>
                      <a:pt x="300" y="30"/>
                    </a:lnTo>
                    <a:lnTo>
                      <a:pt x="306" y="24"/>
                    </a:lnTo>
                    <a:lnTo>
                      <a:pt x="306" y="0"/>
                    </a:lnTo>
                    <a:lnTo>
                      <a:pt x="330" y="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50" name="Freeform 29"/>
              <p:cNvSpPr>
                <a:spLocks noChangeAspect="1"/>
              </p:cNvSpPr>
              <p:nvPr/>
            </p:nvSpPr>
            <p:spPr bwMode="auto">
              <a:xfrm>
                <a:off x="1883" y="1859"/>
                <a:ext cx="352" cy="251"/>
              </a:xfrm>
              <a:custGeom>
                <a:avLst/>
                <a:gdLst>
                  <a:gd name="T0" fmla="*/ 146 w 462"/>
                  <a:gd name="T1" fmla="*/ 0 h 348"/>
                  <a:gd name="T2" fmla="*/ 201 w 462"/>
                  <a:gd name="T3" fmla="*/ 88 h 348"/>
                  <a:gd name="T4" fmla="*/ 204 w 462"/>
                  <a:gd name="T5" fmla="*/ 110 h 348"/>
                  <a:gd name="T6" fmla="*/ 199 w 462"/>
                  <a:gd name="T7" fmla="*/ 117 h 348"/>
                  <a:gd name="T8" fmla="*/ 199 w 462"/>
                  <a:gd name="T9" fmla="*/ 122 h 348"/>
                  <a:gd name="T10" fmla="*/ 197 w 462"/>
                  <a:gd name="T11" fmla="*/ 126 h 348"/>
                  <a:gd name="T12" fmla="*/ 181 w 462"/>
                  <a:gd name="T13" fmla="*/ 131 h 348"/>
                  <a:gd name="T14" fmla="*/ 178 w 462"/>
                  <a:gd name="T15" fmla="*/ 126 h 348"/>
                  <a:gd name="T16" fmla="*/ 183 w 462"/>
                  <a:gd name="T17" fmla="*/ 128 h 348"/>
                  <a:gd name="T18" fmla="*/ 186 w 462"/>
                  <a:gd name="T19" fmla="*/ 124 h 348"/>
                  <a:gd name="T20" fmla="*/ 178 w 462"/>
                  <a:gd name="T21" fmla="*/ 124 h 348"/>
                  <a:gd name="T22" fmla="*/ 170 w 462"/>
                  <a:gd name="T23" fmla="*/ 115 h 348"/>
                  <a:gd name="T24" fmla="*/ 162 w 462"/>
                  <a:gd name="T25" fmla="*/ 113 h 348"/>
                  <a:gd name="T26" fmla="*/ 157 w 462"/>
                  <a:gd name="T27" fmla="*/ 102 h 348"/>
                  <a:gd name="T28" fmla="*/ 149 w 462"/>
                  <a:gd name="T29" fmla="*/ 97 h 348"/>
                  <a:gd name="T30" fmla="*/ 149 w 462"/>
                  <a:gd name="T31" fmla="*/ 90 h 348"/>
                  <a:gd name="T32" fmla="*/ 143 w 462"/>
                  <a:gd name="T33" fmla="*/ 90 h 348"/>
                  <a:gd name="T34" fmla="*/ 146 w 462"/>
                  <a:gd name="T35" fmla="*/ 94 h 348"/>
                  <a:gd name="T36" fmla="*/ 143 w 462"/>
                  <a:gd name="T37" fmla="*/ 94 h 348"/>
                  <a:gd name="T38" fmla="*/ 133 w 462"/>
                  <a:gd name="T39" fmla="*/ 82 h 348"/>
                  <a:gd name="T40" fmla="*/ 138 w 462"/>
                  <a:gd name="T41" fmla="*/ 70 h 348"/>
                  <a:gd name="T42" fmla="*/ 130 w 462"/>
                  <a:gd name="T43" fmla="*/ 68 h 348"/>
                  <a:gd name="T44" fmla="*/ 133 w 462"/>
                  <a:gd name="T45" fmla="*/ 74 h 348"/>
                  <a:gd name="T46" fmla="*/ 125 w 462"/>
                  <a:gd name="T47" fmla="*/ 70 h 348"/>
                  <a:gd name="T48" fmla="*/ 127 w 462"/>
                  <a:gd name="T49" fmla="*/ 48 h 348"/>
                  <a:gd name="T50" fmla="*/ 98 w 462"/>
                  <a:gd name="T51" fmla="*/ 25 h 348"/>
                  <a:gd name="T52" fmla="*/ 82 w 462"/>
                  <a:gd name="T53" fmla="*/ 22 h 348"/>
                  <a:gd name="T54" fmla="*/ 82 w 462"/>
                  <a:gd name="T55" fmla="*/ 27 h 348"/>
                  <a:gd name="T56" fmla="*/ 56 w 462"/>
                  <a:gd name="T57" fmla="*/ 34 h 348"/>
                  <a:gd name="T58" fmla="*/ 56 w 462"/>
                  <a:gd name="T59" fmla="*/ 32 h 348"/>
                  <a:gd name="T60" fmla="*/ 59 w 462"/>
                  <a:gd name="T61" fmla="*/ 34 h 348"/>
                  <a:gd name="T62" fmla="*/ 59 w 462"/>
                  <a:gd name="T63" fmla="*/ 32 h 348"/>
                  <a:gd name="T64" fmla="*/ 45 w 462"/>
                  <a:gd name="T65" fmla="*/ 20 h 348"/>
                  <a:gd name="T66" fmla="*/ 43 w 462"/>
                  <a:gd name="T67" fmla="*/ 22 h 348"/>
                  <a:gd name="T68" fmla="*/ 45 w 462"/>
                  <a:gd name="T69" fmla="*/ 25 h 348"/>
                  <a:gd name="T70" fmla="*/ 27 w 462"/>
                  <a:gd name="T71" fmla="*/ 20 h 348"/>
                  <a:gd name="T72" fmla="*/ 37 w 462"/>
                  <a:gd name="T73" fmla="*/ 18 h 348"/>
                  <a:gd name="T74" fmla="*/ 34 w 462"/>
                  <a:gd name="T75" fmla="*/ 18 h 348"/>
                  <a:gd name="T76" fmla="*/ 11 w 462"/>
                  <a:gd name="T77" fmla="*/ 22 h 348"/>
                  <a:gd name="T78" fmla="*/ 16 w 462"/>
                  <a:gd name="T79" fmla="*/ 20 h 348"/>
                  <a:gd name="T80" fmla="*/ 11 w 462"/>
                  <a:gd name="T81" fmla="*/ 18 h 348"/>
                  <a:gd name="T82" fmla="*/ 11 w 462"/>
                  <a:gd name="T83" fmla="*/ 20 h 348"/>
                  <a:gd name="T84" fmla="*/ 5 w 462"/>
                  <a:gd name="T85" fmla="*/ 22 h 348"/>
                  <a:gd name="T86" fmla="*/ 5 w 462"/>
                  <a:gd name="T87" fmla="*/ 16 h 348"/>
                  <a:gd name="T88" fmla="*/ 0 w 462"/>
                  <a:gd name="T89" fmla="*/ 12 h 348"/>
                  <a:gd name="T90" fmla="*/ 0 w 462"/>
                  <a:gd name="T91" fmla="*/ 6 h 348"/>
                  <a:gd name="T92" fmla="*/ 61 w 462"/>
                  <a:gd name="T93" fmla="*/ 2 h 348"/>
                  <a:gd name="T94" fmla="*/ 66 w 462"/>
                  <a:gd name="T95" fmla="*/ 9 h 348"/>
                  <a:gd name="T96" fmla="*/ 130 w 462"/>
                  <a:gd name="T97" fmla="*/ 6 h 348"/>
                  <a:gd name="T98" fmla="*/ 133 w 462"/>
                  <a:gd name="T99" fmla="*/ 12 h 348"/>
                  <a:gd name="T100" fmla="*/ 136 w 462"/>
                  <a:gd name="T101" fmla="*/ 9 h 348"/>
                  <a:gd name="T102" fmla="*/ 136 w 462"/>
                  <a:gd name="T103" fmla="*/ 0 h 348"/>
                  <a:gd name="T104" fmla="*/ 146 w 462"/>
                  <a:gd name="T105" fmla="*/ 0 h 348"/>
                  <a:gd name="T106" fmla="*/ 146 w 462"/>
                  <a:gd name="T107" fmla="*/ 2 h 348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w 462"/>
                  <a:gd name="T163" fmla="*/ 0 h 348"/>
                  <a:gd name="T164" fmla="*/ 462 w 462"/>
                  <a:gd name="T165" fmla="*/ 348 h 348"/>
                </a:gdLst>
                <a:ahLst/>
                <a:cxnLst>
                  <a:cxn ang="T108">
                    <a:pos x="T0" y="T1"/>
                  </a:cxn>
                  <a:cxn ang="T109">
                    <a:pos x="T2" y="T3"/>
                  </a:cxn>
                  <a:cxn ang="T110">
                    <a:pos x="T4" y="T5"/>
                  </a:cxn>
                  <a:cxn ang="T111">
                    <a:pos x="T6" y="T7"/>
                  </a:cxn>
                  <a:cxn ang="T112">
                    <a:pos x="T8" y="T9"/>
                  </a:cxn>
                  <a:cxn ang="T113">
                    <a:pos x="T10" y="T11"/>
                  </a:cxn>
                  <a:cxn ang="T114">
                    <a:pos x="T12" y="T13"/>
                  </a:cxn>
                  <a:cxn ang="T115">
                    <a:pos x="T14" y="T15"/>
                  </a:cxn>
                  <a:cxn ang="T116">
                    <a:pos x="T16" y="T17"/>
                  </a:cxn>
                  <a:cxn ang="T117">
                    <a:pos x="T18" y="T19"/>
                  </a:cxn>
                  <a:cxn ang="T118">
                    <a:pos x="T20" y="T21"/>
                  </a:cxn>
                  <a:cxn ang="T119">
                    <a:pos x="T22" y="T23"/>
                  </a:cxn>
                  <a:cxn ang="T120">
                    <a:pos x="T24" y="T25"/>
                  </a:cxn>
                  <a:cxn ang="T121">
                    <a:pos x="T26" y="T27"/>
                  </a:cxn>
                  <a:cxn ang="T122">
                    <a:pos x="T28" y="T29"/>
                  </a:cxn>
                  <a:cxn ang="T123">
                    <a:pos x="T30" y="T31"/>
                  </a:cxn>
                  <a:cxn ang="T124">
                    <a:pos x="T32" y="T33"/>
                  </a:cxn>
                  <a:cxn ang="T125">
                    <a:pos x="T34" y="T35"/>
                  </a:cxn>
                  <a:cxn ang="T126">
                    <a:pos x="T36" y="T37"/>
                  </a:cxn>
                  <a:cxn ang="T127">
                    <a:pos x="T38" y="T39"/>
                  </a:cxn>
                  <a:cxn ang="T128">
                    <a:pos x="T40" y="T41"/>
                  </a:cxn>
                  <a:cxn ang="T129">
                    <a:pos x="T42" y="T43"/>
                  </a:cxn>
                  <a:cxn ang="T130">
                    <a:pos x="T44" y="T45"/>
                  </a:cxn>
                  <a:cxn ang="T131">
                    <a:pos x="T46" y="T47"/>
                  </a:cxn>
                  <a:cxn ang="T132">
                    <a:pos x="T48" y="T49"/>
                  </a:cxn>
                  <a:cxn ang="T133">
                    <a:pos x="T50" y="T51"/>
                  </a:cxn>
                  <a:cxn ang="T134">
                    <a:pos x="T52" y="T53"/>
                  </a:cxn>
                  <a:cxn ang="T135">
                    <a:pos x="T54" y="T55"/>
                  </a:cxn>
                  <a:cxn ang="T136">
                    <a:pos x="T56" y="T57"/>
                  </a:cxn>
                  <a:cxn ang="T137">
                    <a:pos x="T58" y="T59"/>
                  </a:cxn>
                  <a:cxn ang="T138">
                    <a:pos x="T60" y="T61"/>
                  </a:cxn>
                  <a:cxn ang="T139">
                    <a:pos x="T62" y="T63"/>
                  </a:cxn>
                  <a:cxn ang="T140">
                    <a:pos x="T64" y="T65"/>
                  </a:cxn>
                  <a:cxn ang="T141">
                    <a:pos x="T66" y="T67"/>
                  </a:cxn>
                  <a:cxn ang="T142">
                    <a:pos x="T68" y="T69"/>
                  </a:cxn>
                  <a:cxn ang="T143">
                    <a:pos x="T70" y="T71"/>
                  </a:cxn>
                  <a:cxn ang="T144">
                    <a:pos x="T72" y="T73"/>
                  </a:cxn>
                  <a:cxn ang="T145">
                    <a:pos x="T74" y="T75"/>
                  </a:cxn>
                  <a:cxn ang="T146">
                    <a:pos x="T76" y="T77"/>
                  </a:cxn>
                  <a:cxn ang="T147">
                    <a:pos x="T78" y="T79"/>
                  </a:cxn>
                  <a:cxn ang="T148">
                    <a:pos x="T80" y="T81"/>
                  </a:cxn>
                  <a:cxn ang="T149">
                    <a:pos x="T82" y="T83"/>
                  </a:cxn>
                  <a:cxn ang="T150">
                    <a:pos x="T84" y="T85"/>
                  </a:cxn>
                  <a:cxn ang="T151">
                    <a:pos x="T86" y="T87"/>
                  </a:cxn>
                  <a:cxn ang="T152">
                    <a:pos x="T88" y="T89"/>
                  </a:cxn>
                  <a:cxn ang="T153">
                    <a:pos x="T90" y="T91"/>
                  </a:cxn>
                  <a:cxn ang="T154">
                    <a:pos x="T92" y="T93"/>
                  </a:cxn>
                  <a:cxn ang="T155">
                    <a:pos x="T94" y="T95"/>
                  </a:cxn>
                  <a:cxn ang="T156">
                    <a:pos x="T96" y="T97"/>
                  </a:cxn>
                  <a:cxn ang="T157">
                    <a:pos x="T98" y="T99"/>
                  </a:cxn>
                  <a:cxn ang="T158">
                    <a:pos x="T100" y="T101"/>
                  </a:cxn>
                  <a:cxn ang="T159">
                    <a:pos x="T102" y="T103"/>
                  </a:cxn>
                  <a:cxn ang="T160">
                    <a:pos x="T104" y="T105"/>
                  </a:cxn>
                  <a:cxn ang="T161">
                    <a:pos x="T106" y="T107"/>
                  </a:cxn>
                </a:cxnLst>
                <a:rect l="T162" t="T163" r="T164" b="T165"/>
                <a:pathLst>
                  <a:path w="462" h="348">
                    <a:moveTo>
                      <a:pt x="330" y="0"/>
                    </a:moveTo>
                    <a:lnTo>
                      <a:pt x="456" y="234"/>
                    </a:lnTo>
                    <a:lnTo>
                      <a:pt x="462" y="294"/>
                    </a:lnTo>
                    <a:lnTo>
                      <a:pt x="450" y="312"/>
                    </a:lnTo>
                    <a:lnTo>
                      <a:pt x="450" y="324"/>
                    </a:lnTo>
                    <a:lnTo>
                      <a:pt x="444" y="336"/>
                    </a:lnTo>
                    <a:lnTo>
                      <a:pt x="408" y="348"/>
                    </a:lnTo>
                    <a:lnTo>
                      <a:pt x="402" y="336"/>
                    </a:lnTo>
                    <a:lnTo>
                      <a:pt x="414" y="342"/>
                    </a:lnTo>
                    <a:lnTo>
                      <a:pt x="420" y="330"/>
                    </a:lnTo>
                    <a:lnTo>
                      <a:pt x="402" y="330"/>
                    </a:lnTo>
                    <a:lnTo>
                      <a:pt x="384" y="306"/>
                    </a:lnTo>
                    <a:lnTo>
                      <a:pt x="366" y="300"/>
                    </a:lnTo>
                    <a:lnTo>
                      <a:pt x="354" y="270"/>
                    </a:lnTo>
                    <a:lnTo>
                      <a:pt x="336" y="258"/>
                    </a:lnTo>
                    <a:lnTo>
                      <a:pt x="336" y="240"/>
                    </a:lnTo>
                    <a:lnTo>
                      <a:pt x="324" y="240"/>
                    </a:lnTo>
                    <a:lnTo>
                      <a:pt x="330" y="252"/>
                    </a:lnTo>
                    <a:lnTo>
                      <a:pt x="324" y="252"/>
                    </a:lnTo>
                    <a:lnTo>
                      <a:pt x="300" y="216"/>
                    </a:lnTo>
                    <a:lnTo>
                      <a:pt x="312" y="186"/>
                    </a:lnTo>
                    <a:lnTo>
                      <a:pt x="294" y="180"/>
                    </a:lnTo>
                    <a:lnTo>
                      <a:pt x="300" y="198"/>
                    </a:lnTo>
                    <a:lnTo>
                      <a:pt x="282" y="186"/>
                    </a:lnTo>
                    <a:lnTo>
                      <a:pt x="288" y="126"/>
                    </a:lnTo>
                    <a:lnTo>
                      <a:pt x="222" y="66"/>
                    </a:lnTo>
                    <a:lnTo>
                      <a:pt x="186" y="60"/>
                    </a:lnTo>
                    <a:lnTo>
                      <a:pt x="186" y="72"/>
                    </a:lnTo>
                    <a:lnTo>
                      <a:pt x="126" y="90"/>
                    </a:lnTo>
                    <a:lnTo>
                      <a:pt x="126" y="84"/>
                    </a:lnTo>
                    <a:lnTo>
                      <a:pt x="132" y="90"/>
                    </a:lnTo>
                    <a:lnTo>
                      <a:pt x="132" y="84"/>
                    </a:lnTo>
                    <a:lnTo>
                      <a:pt x="102" y="54"/>
                    </a:lnTo>
                    <a:lnTo>
                      <a:pt x="96" y="60"/>
                    </a:lnTo>
                    <a:lnTo>
                      <a:pt x="102" y="66"/>
                    </a:lnTo>
                    <a:lnTo>
                      <a:pt x="60" y="54"/>
                    </a:lnTo>
                    <a:lnTo>
                      <a:pt x="84" y="48"/>
                    </a:lnTo>
                    <a:lnTo>
                      <a:pt x="78" y="48"/>
                    </a:lnTo>
                    <a:lnTo>
                      <a:pt x="24" y="60"/>
                    </a:lnTo>
                    <a:lnTo>
                      <a:pt x="36" y="54"/>
                    </a:lnTo>
                    <a:lnTo>
                      <a:pt x="24" y="48"/>
                    </a:lnTo>
                    <a:lnTo>
                      <a:pt x="24" y="54"/>
                    </a:lnTo>
                    <a:lnTo>
                      <a:pt x="12" y="60"/>
                    </a:lnTo>
                    <a:lnTo>
                      <a:pt x="12" y="42"/>
                    </a:lnTo>
                    <a:lnTo>
                      <a:pt x="0" y="30"/>
                    </a:lnTo>
                    <a:lnTo>
                      <a:pt x="0" y="18"/>
                    </a:lnTo>
                    <a:lnTo>
                      <a:pt x="138" y="6"/>
                    </a:lnTo>
                    <a:lnTo>
                      <a:pt x="150" y="24"/>
                    </a:lnTo>
                    <a:lnTo>
                      <a:pt x="294" y="18"/>
                    </a:lnTo>
                    <a:lnTo>
                      <a:pt x="300" y="30"/>
                    </a:lnTo>
                    <a:lnTo>
                      <a:pt x="306" y="24"/>
                    </a:lnTo>
                    <a:lnTo>
                      <a:pt x="306" y="0"/>
                    </a:lnTo>
                    <a:lnTo>
                      <a:pt x="330" y="0"/>
                    </a:lnTo>
                    <a:lnTo>
                      <a:pt x="33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51" name="Freeform 30"/>
              <p:cNvSpPr>
                <a:spLocks noChangeAspect="1"/>
              </p:cNvSpPr>
              <p:nvPr/>
            </p:nvSpPr>
            <p:spPr bwMode="auto">
              <a:xfrm>
                <a:off x="1942" y="1672"/>
                <a:ext cx="211" cy="208"/>
              </a:xfrm>
              <a:custGeom>
                <a:avLst/>
                <a:gdLst>
                  <a:gd name="T0" fmla="*/ 29 w 276"/>
                  <a:gd name="T1" fmla="*/ 2 h 288"/>
                  <a:gd name="T2" fmla="*/ 59 w 276"/>
                  <a:gd name="T3" fmla="*/ 0 h 288"/>
                  <a:gd name="T4" fmla="*/ 54 w 276"/>
                  <a:gd name="T5" fmla="*/ 7 h 288"/>
                  <a:gd name="T6" fmla="*/ 67 w 276"/>
                  <a:gd name="T7" fmla="*/ 12 h 288"/>
                  <a:gd name="T8" fmla="*/ 75 w 276"/>
                  <a:gd name="T9" fmla="*/ 22 h 288"/>
                  <a:gd name="T10" fmla="*/ 105 w 276"/>
                  <a:gd name="T11" fmla="*/ 43 h 288"/>
                  <a:gd name="T12" fmla="*/ 115 w 276"/>
                  <a:gd name="T13" fmla="*/ 61 h 288"/>
                  <a:gd name="T14" fmla="*/ 123 w 276"/>
                  <a:gd name="T15" fmla="*/ 63 h 288"/>
                  <a:gd name="T16" fmla="*/ 118 w 276"/>
                  <a:gd name="T17" fmla="*/ 72 h 288"/>
                  <a:gd name="T18" fmla="*/ 118 w 276"/>
                  <a:gd name="T19" fmla="*/ 74 h 288"/>
                  <a:gd name="T20" fmla="*/ 113 w 276"/>
                  <a:gd name="T21" fmla="*/ 82 h 288"/>
                  <a:gd name="T22" fmla="*/ 113 w 276"/>
                  <a:gd name="T23" fmla="*/ 86 h 288"/>
                  <a:gd name="T24" fmla="*/ 110 w 276"/>
                  <a:gd name="T25" fmla="*/ 86 h 288"/>
                  <a:gd name="T26" fmla="*/ 115 w 276"/>
                  <a:gd name="T27" fmla="*/ 88 h 288"/>
                  <a:gd name="T28" fmla="*/ 113 w 276"/>
                  <a:gd name="T29" fmla="*/ 97 h 288"/>
                  <a:gd name="T30" fmla="*/ 102 w 276"/>
                  <a:gd name="T31" fmla="*/ 97 h 288"/>
                  <a:gd name="T32" fmla="*/ 102 w 276"/>
                  <a:gd name="T33" fmla="*/ 106 h 288"/>
                  <a:gd name="T34" fmla="*/ 99 w 276"/>
                  <a:gd name="T35" fmla="*/ 108 h 288"/>
                  <a:gd name="T36" fmla="*/ 96 w 276"/>
                  <a:gd name="T37" fmla="*/ 104 h 288"/>
                  <a:gd name="T38" fmla="*/ 32 w 276"/>
                  <a:gd name="T39" fmla="*/ 106 h 288"/>
                  <a:gd name="T40" fmla="*/ 27 w 276"/>
                  <a:gd name="T41" fmla="*/ 100 h 288"/>
                  <a:gd name="T42" fmla="*/ 21 w 276"/>
                  <a:gd name="T43" fmla="*/ 79 h 288"/>
                  <a:gd name="T44" fmla="*/ 27 w 276"/>
                  <a:gd name="T45" fmla="*/ 70 h 288"/>
                  <a:gd name="T46" fmla="*/ 16 w 276"/>
                  <a:gd name="T47" fmla="*/ 56 h 288"/>
                  <a:gd name="T48" fmla="*/ 0 w 276"/>
                  <a:gd name="T49" fmla="*/ 7 h 288"/>
                  <a:gd name="T50" fmla="*/ 29 w 276"/>
                  <a:gd name="T51" fmla="*/ 2 h 288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276"/>
                  <a:gd name="T79" fmla="*/ 0 h 288"/>
                  <a:gd name="T80" fmla="*/ 276 w 276"/>
                  <a:gd name="T81" fmla="*/ 288 h 288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276" h="288">
                    <a:moveTo>
                      <a:pt x="66" y="6"/>
                    </a:moveTo>
                    <a:lnTo>
                      <a:pt x="132" y="0"/>
                    </a:lnTo>
                    <a:lnTo>
                      <a:pt x="120" y="18"/>
                    </a:lnTo>
                    <a:lnTo>
                      <a:pt x="150" y="30"/>
                    </a:lnTo>
                    <a:lnTo>
                      <a:pt x="168" y="60"/>
                    </a:lnTo>
                    <a:lnTo>
                      <a:pt x="234" y="114"/>
                    </a:lnTo>
                    <a:lnTo>
                      <a:pt x="258" y="162"/>
                    </a:lnTo>
                    <a:lnTo>
                      <a:pt x="276" y="168"/>
                    </a:lnTo>
                    <a:lnTo>
                      <a:pt x="264" y="192"/>
                    </a:lnTo>
                    <a:lnTo>
                      <a:pt x="264" y="198"/>
                    </a:lnTo>
                    <a:lnTo>
                      <a:pt x="252" y="216"/>
                    </a:lnTo>
                    <a:lnTo>
                      <a:pt x="252" y="228"/>
                    </a:lnTo>
                    <a:lnTo>
                      <a:pt x="246" y="228"/>
                    </a:lnTo>
                    <a:lnTo>
                      <a:pt x="258" y="234"/>
                    </a:lnTo>
                    <a:lnTo>
                      <a:pt x="252" y="258"/>
                    </a:lnTo>
                    <a:lnTo>
                      <a:pt x="228" y="258"/>
                    </a:lnTo>
                    <a:lnTo>
                      <a:pt x="228" y="282"/>
                    </a:lnTo>
                    <a:lnTo>
                      <a:pt x="222" y="288"/>
                    </a:lnTo>
                    <a:lnTo>
                      <a:pt x="216" y="276"/>
                    </a:lnTo>
                    <a:lnTo>
                      <a:pt x="72" y="282"/>
                    </a:lnTo>
                    <a:lnTo>
                      <a:pt x="60" y="264"/>
                    </a:lnTo>
                    <a:lnTo>
                      <a:pt x="48" y="210"/>
                    </a:lnTo>
                    <a:lnTo>
                      <a:pt x="60" y="186"/>
                    </a:lnTo>
                    <a:lnTo>
                      <a:pt x="36" y="150"/>
                    </a:lnTo>
                    <a:lnTo>
                      <a:pt x="0" y="18"/>
                    </a:lnTo>
                    <a:lnTo>
                      <a:pt x="66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52" name="Freeform 31"/>
              <p:cNvSpPr>
                <a:spLocks noChangeAspect="1"/>
              </p:cNvSpPr>
              <p:nvPr/>
            </p:nvSpPr>
            <p:spPr bwMode="auto">
              <a:xfrm>
                <a:off x="1942" y="1672"/>
                <a:ext cx="211" cy="208"/>
              </a:xfrm>
              <a:custGeom>
                <a:avLst/>
                <a:gdLst>
                  <a:gd name="T0" fmla="*/ 29 w 276"/>
                  <a:gd name="T1" fmla="*/ 2 h 288"/>
                  <a:gd name="T2" fmla="*/ 59 w 276"/>
                  <a:gd name="T3" fmla="*/ 0 h 288"/>
                  <a:gd name="T4" fmla="*/ 54 w 276"/>
                  <a:gd name="T5" fmla="*/ 7 h 288"/>
                  <a:gd name="T6" fmla="*/ 67 w 276"/>
                  <a:gd name="T7" fmla="*/ 12 h 288"/>
                  <a:gd name="T8" fmla="*/ 75 w 276"/>
                  <a:gd name="T9" fmla="*/ 22 h 288"/>
                  <a:gd name="T10" fmla="*/ 105 w 276"/>
                  <a:gd name="T11" fmla="*/ 43 h 288"/>
                  <a:gd name="T12" fmla="*/ 115 w 276"/>
                  <a:gd name="T13" fmla="*/ 61 h 288"/>
                  <a:gd name="T14" fmla="*/ 123 w 276"/>
                  <a:gd name="T15" fmla="*/ 63 h 288"/>
                  <a:gd name="T16" fmla="*/ 118 w 276"/>
                  <a:gd name="T17" fmla="*/ 72 h 288"/>
                  <a:gd name="T18" fmla="*/ 118 w 276"/>
                  <a:gd name="T19" fmla="*/ 74 h 288"/>
                  <a:gd name="T20" fmla="*/ 113 w 276"/>
                  <a:gd name="T21" fmla="*/ 82 h 288"/>
                  <a:gd name="T22" fmla="*/ 113 w 276"/>
                  <a:gd name="T23" fmla="*/ 86 h 288"/>
                  <a:gd name="T24" fmla="*/ 110 w 276"/>
                  <a:gd name="T25" fmla="*/ 86 h 288"/>
                  <a:gd name="T26" fmla="*/ 115 w 276"/>
                  <a:gd name="T27" fmla="*/ 88 h 288"/>
                  <a:gd name="T28" fmla="*/ 113 w 276"/>
                  <a:gd name="T29" fmla="*/ 97 h 288"/>
                  <a:gd name="T30" fmla="*/ 102 w 276"/>
                  <a:gd name="T31" fmla="*/ 97 h 288"/>
                  <a:gd name="T32" fmla="*/ 102 w 276"/>
                  <a:gd name="T33" fmla="*/ 106 h 288"/>
                  <a:gd name="T34" fmla="*/ 99 w 276"/>
                  <a:gd name="T35" fmla="*/ 108 h 288"/>
                  <a:gd name="T36" fmla="*/ 96 w 276"/>
                  <a:gd name="T37" fmla="*/ 104 h 288"/>
                  <a:gd name="T38" fmla="*/ 32 w 276"/>
                  <a:gd name="T39" fmla="*/ 106 h 288"/>
                  <a:gd name="T40" fmla="*/ 27 w 276"/>
                  <a:gd name="T41" fmla="*/ 100 h 288"/>
                  <a:gd name="T42" fmla="*/ 21 w 276"/>
                  <a:gd name="T43" fmla="*/ 79 h 288"/>
                  <a:gd name="T44" fmla="*/ 27 w 276"/>
                  <a:gd name="T45" fmla="*/ 70 h 288"/>
                  <a:gd name="T46" fmla="*/ 16 w 276"/>
                  <a:gd name="T47" fmla="*/ 56 h 288"/>
                  <a:gd name="T48" fmla="*/ 0 w 276"/>
                  <a:gd name="T49" fmla="*/ 7 h 288"/>
                  <a:gd name="T50" fmla="*/ 29 w 276"/>
                  <a:gd name="T51" fmla="*/ 2 h 288"/>
                  <a:gd name="T52" fmla="*/ 29 w 276"/>
                  <a:gd name="T53" fmla="*/ 5 h 288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276"/>
                  <a:gd name="T82" fmla="*/ 0 h 288"/>
                  <a:gd name="T83" fmla="*/ 276 w 276"/>
                  <a:gd name="T84" fmla="*/ 288 h 288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276" h="288">
                    <a:moveTo>
                      <a:pt x="66" y="6"/>
                    </a:moveTo>
                    <a:lnTo>
                      <a:pt x="132" y="0"/>
                    </a:lnTo>
                    <a:lnTo>
                      <a:pt x="120" y="18"/>
                    </a:lnTo>
                    <a:lnTo>
                      <a:pt x="150" y="30"/>
                    </a:lnTo>
                    <a:lnTo>
                      <a:pt x="168" y="60"/>
                    </a:lnTo>
                    <a:lnTo>
                      <a:pt x="234" y="114"/>
                    </a:lnTo>
                    <a:lnTo>
                      <a:pt x="258" y="162"/>
                    </a:lnTo>
                    <a:lnTo>
                      <a:pt x="276" y="168"/>
                    </a:lnTo>
                    <a:lnTo>
                      <a:pt x="264" y="192"/>
                    </a:lnTo>
                    <a:lnTo>
                      <a:pt x="264" y="198"/>
                    </a:lnTo>
                    <a:lnTo>
                      <a:pt x="252" y="216"/>
                    </a:lnTo>
                    <a:lnTo>
                      <a:pt x="252" y="228"/>
                    </a:lnTo>
                    <a:lnTo>
                      <a:pt x="246" y="228"/>
                    </a:lnTo>
                    <a:lnTo>
                      <a:pt x="258" y="234"/>
                    </a:lnTo>
                    <a:lnTo>
                      <a:pt x="252" y="258"/>
                    </a:lnTo>
                    <a:lnTo>
                      <a:pt x="228" y="258"/>
                    </a:lnTo>
                    <a:lnTo>
                      <a:pt x="228" y="282"/>
                    </a:lnTo>
                    <a:lnTo>
                      <a:pt x="222" y="288"/>
                    </a:lnTo>
                    <a:lnTo>
                      <a:pt x="216" y="276"/>
                    </a:lnTo>
                    <a:lnTo>
                      <a:pt x="72" y="282"/>
                    </a:lnTo>
                    <a:lnTo>
                      <a:pt x="60" y="264"/>
                    </a:lnTo>
                    <a:lnTo>
                      <a:pt x="48" y="210"/>
                    </a:lnTo>
                    <a:lnTo>
                      <a:pt x="60" y="186"/>
                    </a:lnTo>
                    <a:lnTo>
                      <a:pt x="36" y="150"/>
                    </a:lnTo>
                    <a:lnTo>
                      <a:pt x="0" y="18"/>
                    </a:lnTo>
                    <a:lnTo>
                      <a:pt x="66" y="6"/>
                    </a:lnTo>
                    <a:lnTo>
                      <a:pt x="66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53" name="Freeform 32"/>
              <p:cNvSpPr>
                <a:spLocks noChangeAspect="1"/>
              </p:cNvSpPr>
              <p:nvPr/>
            </p:nvSpPr>
            <p:spPr bwMode="auto">
              <a:xfrm>
                <a:off x="903" y="1954"/>
                <a:ext cx="19" cy="17"/>
              </a:xfrm>
              <a:custGeom>
                <a:avLst/>
                <a:gdLst>
                  <a:gd name="T0" fmla="*/ 3 w 24"/>
                  <a:gd name="T1" fmla="*/ 0 h 24"/>
                  <a:gd name="T2" fmla="*/ 9 w 24"/>
                  <a:gd name="T3" fmla="*/ 0 h 24"/>
                  <a:gd name="T4" fmla="*/ 12 w 24"/>
                  <a:gd name="T5" fmla="*/ 2 h 24"/>
                  <a:gd name="T6" fmla="*/ 9 w 24"/>
                  <a:gd name="T7" fmla="*/ 4 h 24"/>
                  <a:gd name="T8" fmla="*/ 9 w 24"/>
                  <a:gd name="T9" fmla="*/ 6 h 24"/>
                  <a:gd name="T10" fmla="*/ 6 w 24"/>
                  <a:gd name="T11" fmla="*/ 9 h 24"/>
                  <a:gd name="T12" fmla="*/ 3 w 24"/>
                  <a:gd name="T13" fmla="*/ 9 h 24"/>
                  <a:gd name="T14" fmla="*/ 3 w 24"/>
                  <a:gd name="T15" fmla="*/ 6 h 24"/>
                  <a:gd name="T16" fmla="*/ 0 w 24"/>
                  <a:gd name="T17" fmla="*/ 6 h 24"/>
                  <a:gd name="T18" fmla="*/ 0 w 24"/>
                  <a:gd name="T19" fmla="*/ 2 h 24"/>
                  <a:gd name="T20" fmla="*/ 3 w 24"/>
                  <a:gd name="T21" fmla="*/ 0 h 2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24"/>
                  <a:gd name="T34" fmla="*/ 0 h 24"/>
                  <a:gd name="T35" fmla="*/ 24 w 24"/>
                  <a:gd name="T36" fmla="*/ 24 h 2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24" h="24">
                    <a:moveTo>
                      <a:pt x="6" y="0"/>
                    </a:moveTo>
                    <a:lnTo>
                      <a:pt x="18" y="0"/>
                    </a:lnTo>
                    <a:lnTo>
                      <a:pt x="24" y="6"/>
                    </a:lnTo>
                    <a:lnTo>
                      <a:pt x="18" y="12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24"/>
                    </a:lnTo>
                    <a:lnTo>
                      <a:pt x="6" y="18"/>
                    </a:lnTo>
                    <a:lnTo>
                      <a:pt x="0" y="18"/>
                    </a:lnTo>
                    <a:lnTo>
                      <a:pt x="0" y="6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54" name="Freeform 33"/>
              <p:cNvSpPr>
                <a:spLocks noChangeAspect="1"/>
              </p:cNvSpPr>
              <p:nvPr/>
            </p:nvSpPr>
            <p:spPr bwMode="auto">
              <a:xfrm>
                <a:off x="903" y="1954"/>
                <a:ext cx="19" cy="17"/>
              </a:xfrm>
              <a:custGeom>
                <a:avLst/>
                <a:gdLst>
                  <a:gd name="T0" fmla="*/ 3 w 24"/>
                  <a:gd name="T1" fmla="*/ 0 h 24"/>
                  <a:gd name="T2" fmla="*/ 9 w 24"/>
                  <a:gd name="T3" fmla="*/ 0 h 24"/>
                  <a:gd name="T4" fmla="*/ 12 w 24"/>
                  <a:gd name="T5" fmla="*/ 2 h 24"/>
                  <a:gd name="T6" fmla="*/ 9 w 24"/>
                  <a:gd name="T7" fmla="*/ 4 h 24"/>
                  <a:gd name="T8" fmla="*/ 9 w 24"/>
                  <a:gd name="T9" fmla="*/ 6 h 24"/>
                  <a:gd name="T10" fmla="*/ 6 w 24"/>
                  <a:gd name="T11" fmla="*/ 9 h 24"/>
                  <a:gd name="T12" fmla="*/ 3 w 24"/>
                  <a:gd name="T13" fmla="*/ 9 h 24"/>
                  <a:gd name="T14" fmla="*/ 3 w 24"/>
                  <a:gd name="T15" fmla="*/ 6 h 24"/>
                  <a:gd name="T16" fmla="*/ 0 w 24"/>
                  <a:gd name="T17" fmla="*/ 6 h 24"/>
                  <a:gd name="T18" fmla="*/ 0 w 24"/>
                  <a:gd name="T19" fmla="*/ 2 h 24"/>
                  <a:gd name="T20" fmla="*/ 3 w 24"/>
                  <a:gd name="T21" fmla="*/ 0 h 24"/>
                  <a:gd name="T22" fmla="*/ 3 w 24"/>
                  <a:gd name="T23" fmla="*/ 2 h 2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24"/>
                  <a:gd name="T37" fmla="*/ 0 h 24"/>
                  <a:gd name="T38" fmla="*/ 24 w 24"/>
                  <a:gd name="T39" fmla="*/ 24 h 2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24" h="24">
                    <a:moveTo>
                      <a:pt x="6" y="0"/>
                    </a:moveTo>
                    <a:lnTo>
                      <a:pt x="18" y="0"/>
                    </a:lnTo>
                    <a:lnTo>
                      <a:pt x="24" y="6"/>
                    </a:lnTo>
                    <a:lnTo>
                      <a:pt x="18" y="12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24"/>
                    </a:lnTo>
                    <a:lnTo>
                      <a:pt x="6" y="18"/>
                    </a:lnTo>
                    <a:lnTo>
                      <a:pt x="0" y="18"/>
                    </a:lnTo>
                    <a:lnTo>
                      <a:pt x="0" y="6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55" name="Freeform 34"/>
              <p:cNvSpPr>
                <a:spLocks noChangeAspect="1"/>
              </p:cNvSpPr>
              <p:nvPr/>
            </p:nvSpPr>
            <p:spPr bwMode="auto">
              <a:xfrm>
                <a:off x="963" y="1984"/>
                <a:ext cx="23" cy="17"/>
              </a:xfrm>
              <a:custGeom>
                <a:avLst/>
                <a:gdLst>
                  <a:gd name="T0" fmla="*/ 3 w 30"/>
                  <a:gd name="T1" fmla="*/ 2 h 24"/>
                  <a:gd name="T2" fmla="*/ 3 w 30"/>
                  <a:gd name="T3" fmla="*/ 0 h 24"/>
                  <a:gd name="T4" fmla="*/ 5 w 30"/>
                  <a:gd name="T5" fmla="*/ 0 h 24"/>
                  <a:gd name="T6" fmla="*/ 8 w 30"/>
                  <a:gd name="T7" fmla="*/ 2 h 24"/>
                  <a:gd name="T8" fmla="*/ 11 w 30"/>
                  <a:gd name="T9" fmla="*/ 4 h 24"/>
                  <a:gd name="T10" fmla="*/ 14 w 30"/>
                  <a:gd name="T11" fmla="*/ 6 h 24"/>
                  <a:gd name="T12" fmla="*/ 8 w 30"/>
                  <a:gd name="T13" fmla="*/ 6 h 24"/>
                  <a:gd name="T14" fmla="*/ 5 w 30"/>
                  <a:gd name="T15" fmla="*/ 9 h 24"/>
                  <a:gd name="T16" fmla="*/ 3 w 30"/>
                  <a:gd name="T17" fmla="*/ 6 h 24"/>
                  <a:gd name="T18" fmla="*/ 0 w 30"/>
                  <a:gd name="T19" fmla="*/ 2 h 24"/>
                  <a:gd name="T20" fmla="*/ 3 w 30"/>
                  <a:gd name="T21" fmla="*/ 2 h 2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0"/>
                  <a:gd name="T34" fmla="*/ 0 h 24"/>
                  <a:gd name="T35" fmla="*/ 30 w 30"/>
                  <a:gd name="T36" fmla="*/ 24 h 2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0" h="24">
                    <a:moveTo>
                      <a:pt x="6" y="6"/>
                    </a:moveTo>
                    <a:lnTo>
                      <a:pt x="6" y="0"/>
                    </a:lnTo>
                    <a:lnTo>
                      <a:pt x="12" y="0"/>
                    </a:lnTo>
                    <a:lnTo>
                      <a:pt x="18" y="6"/>
                    </a:lnTo>
                    <a:lnTo>
                      <a:pt x="24" y="12"/>
                    </a:lnTo>
                    <a:lnTo>
                      <a:pt x="30" y="18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18"/>
                    </a:lnTo>
                    <a:lnTo>
                      <a:pt x="0" y="6"/>
                    </a:lnTo>
                    <a:lnTo>
                      <a:pt x="6" y="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56" name="Freeform 35"/>
              <p:cNvSpPr>
                <a:spLocks noChangeAspect="1"/>
              </p:cNvSpPr>
              <p:nvPr/>
            </p:nvSpPr>
            <p:spPr bwMode="auto">
              <a:xfrm>
                <a:off x="963" y="1984"/>
                <a:ext cx="23" cy="17"/>
              </a:xfrm>
              <a:custGeom>
                <a:avLst/>
                <a:gdLst>
                  <a:gd name="T0" fmla="*/ 3 w 30"/>
                  <a:gd name="T1" fmla="*/ 2 h 24"/>
                  <a:gd name="T2" fmla="*/ 3 w 30"/>
                  <a:gd name="T3" fmla="*/ 0 h 24"/>
                  <a:gd name="T4" fmla="*/ 5 w 30"/>
                  <a:gd name="T5" fmla="*/ 0 h 24"/>
                  <a:gd name="T6" fmla="*/ 8 w 30"/>
                  <a:gd name="T7" fmla="*/ 2 h 24"/>
                  <a:gd name="T8" fmla="*/ 11 w 30"/>
                  <a:gd name="T9" fmla="*/ 4 h 24"/>
                  <a:gd name="T10" fmla="*/ 14 w 30"/>
                  <a:gd name="T11" fmla="*/ 6 h 24"/>
                  <a:gd name="T12" fmla="*/ 8 w 30"/>
                  <a:gd name="T13" fmla="*/ 6 h 24"/>
                  <a:gd name="T14" fmla="*/ 5 w 30"/>
                  <a:gd name="T15" fmla="*/ 9 h 24"/>
                  <a:gd name="T16" fmla="*/ 3 w 30"/>
                  <a:gd name="T17" fmla="*/ 6 h 24"/>
                  <a:gd name="T18" fmla="*/ 0 w 30"/>
                  <a:gd name="T19" fmla="*/ 2 h 24"/>
                  <a:gd name="T20" fmla="*/ 3 w 30"/>
                  <a:gd name="T21" fmla="*/ 2 h 24"/>
                  <a:gd name="T22" fmla="*/ 3 w 30"/>
                  <a:gd name="T23" fmla="*/ 4 h 2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0"/>
                  <a:gd name="T37" fmla="*/ 0 h 24"/>
                  <a:gd name="T38" fmla="*/ 30 w 30"/>
                  <a:gd name="T39" fmla="*/ 24 h 2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0" h="24">
                    <a:moveTo>
                      <a:pt x="6" y="6"/>
                    </a:moveTo>
                    <a:lnTo>
                      <a:pt x="6" y="0"/>
                    </a:lnTo>
                    <a:lnTo>
                      <a:pt x="12" y="0"/>
                    </a:lnTo>
                    <a:lnTo>
                      <a:pt x="18" y="6"/>
                    </a:lnTo>
                    <a:lnTo>
                      <a:pt x="24" y="12"/>
                    </a:lnTo>
                    <a:lnTo>
                      <a:pt x="30" y="18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18"/>
                    </a:lnTo>
                    <a:lnTo>
                      <a:pt x="0" y="6"/>
                    </a:lnTo>
                    <a:lnTo>
                      <a:pt x="6" y="6"/>
                    </a:lnTo>
                    <a:lnTo>
                      <a:pt x="6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57" name="Freeform 36"/>
              <p:cNvSpPr>
                <a:spLocks noChangeAspect="1"/>
              </p:cNvSpPr>
              <p:nvPr/>
            </p:nvSpPr>
            <p:spPr bwMode="auto">
              <a:xfrm>
                <a:off x="999" y="2006"/>
                <a:ext cx="23" cy="8"/>
              </a:xfrm>
              <a:custGeom>
                <a:avLst/>
                <a:gdLst>
                  <a:gd name="T0" fmla="*/ 0 w 30"/>
                  <a:gd name="T1" fmla="*/ 2 h 12"/>
                  <a:gd name="T2" fmla="*/ 3 w 30"/>
                  <a:gd name="T3" fmla="*/ 0 h 12"/>
                  <a:gd name="T4" fmla="*/ 14 w 30"/>
                  <a:gd name="T5" fmla="*/ 0 h 12"/>
                  <a:gd name="T6" fmla="*/ 14 w 30"/>
                  <a:gd name="T7" fmla="*/ 2 h 12"/>
                  <a:gd name="T8" fmla="*/ 11 w 30"/>
                  <a:gd name="T9" fmla="*/ 3 h 12"/>
                  <a:gd name="T10" fmla="*/ 5 w 30"/>
                  <a:gd name="T11" fmla="*/ 2 h 12"/>
                  <a:gd name="T12" fmla="*/ 3 w 30"/>
                  <a:gd name="T13" fmla="*/ 2 h 12"/>
                  <a:gd name="T14" fmla="*/ 0 w 30"/>
                  <a:gd name="T15" fmla="*/ 2 h 12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30"/>
                  <a:gd name="T25" fmla="*/ 0 h 12"/>
                  <a:gd name="T26" fmla="*/ 30 w 30"/>
                  <a:gd name="T27" fmla="*/ 12 h 12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30" h="12">
                    <a:moveTo>
                      <a:pt x="0" y="6"/>
                    </a:moveTo>
                    <a:lnTo>
                      <a:pt x="6" y="0"/>
                    </a:lnTo>
                    <a:lnTo>
                      <a:pt x="30" y="0"/>
                    </a:lnTo>
                    <a:lnTo>
                      <a:pt x="30" y="6"/>
                    </a:lnTo>
                    <a:lnTo>
                      <a:pt x="24" y="12"/>
                    </a:lnTo>
                    <a:lnTo>
                      <a:pt x="12" y="6"/>
                    </a:lnTo>
                    <a:lnTo>
                      <a:pt x="6" y="6"/>
                    </a:lnTo>
                    <a:lnTo>
                      <a:pt x="0" y="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58" name="Freeform 37"/>
              <p:cNvSpPr>
                <a:spLocks noChangeAspect="1"/>
              </p:cNvSpPr>
              <p:nvPr/>
            </p:nvSpPr>
            <p:spPr bwMode="auto">
              <a:xfrm>
                <a:off x="999" y="2006"/>
                <a:ext cx="23" cy="8"/>
              </a:xfrm>
              <a:custGeom>
                <a:avLst/>
                <a:gdLst>
                  <a:gd name="T0" fmla="*/ 0 w 30"/>
                  <a:gd name="T1" fmla="*/ 2 h 12"/>
                  <a:gd name="T2" fmla="*/ 3 w 30"/>
                  <a:gd name="T3" fmla="*/ 0 h 12"/>
                  <a:gd name="T4" fmla="*/ 14 w 30"/>
                  <a:gd name="T5" fmla="*/ 0 h 12"/>
                  <a:gd name="T6" fmla="*/ 14 w 30"/>
                  <a:gd name="T7" fmla="*/ 2 h 12"/>
                  <a:gd name="T8" fmla="*/ 11 w 30"/>
                  <a:gd name="T9" fmla="*/ 3 h 12"/>
                  <a:gd name="T10" fmla="*/ 5 w 30"/>
                  <a:gd name="T11" fmla="*/ 2 h 12"/>
                  <a:gd name="T12" fmla="*/ 3 w 30"/>
                  <a:gd name="T13" fmla="*/ 2 h 12"/>
                  <a:gd name="T14" fmla="*/ 0 w 30"/>
                  <a:gd name="T15" fmla="*/ 2 h 12"/>
                  <a:gd name="T16" fmla="*/ 0 w 30"/>
                  <a:gd name="T17" fmla="*/ 3 h 12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30"/>
                  <a:gd name="T28" fmla="*/ 0 h 12"/>
                  <a:gd name="T29" fmla="*/ 30 w 30"/>
                  <a:gd name="T30" fmla="*/ 12 h 12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30" h="12">
                    <a:moveTo>
                      <a:pt x="0" y="6"/>
                    </a:moveTo>
                    <a:lnTo>
                      <a:pt x="6" y="0"/>
                    </a:lnTo>
                    <a:lnTo>
                      <a:pt x="30" y="0"/>
                    </a:lnTo>
                    <a:lnTo>
                      <a:pt x="30" y="6"/>
                    </a:lnTo>
                    <a:lnTo>
                      <a:pt x="24" y="12"/>
                    </a:lnTo>
                    <a:lnTo>
                      <a:pt x="12" y="6"/>
                    </a:lnTo>
                    <a:lnTo>
                      <a:pt x="6" y="6"/>
                    </a:lnTo>
                    <a:lnTo>
                      <a:pt x="0" y="6"/>
                    </a:lnTo>
                    <a:lnTo>
                      <a:pt x="0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59" name="Freeform 38"/>
              <p:cNvSpPr>
                <a:spLocks noChangeAspect="1"/>
              </p:cNvSpPr>
              <p:nvPr/>
            </p:nvSpPr>
            <p:spPr bwMode="auto">
              <a:xfrm>
                <a:off x="1027" y="2014"/>
                <a:ext cx="27" cy="22"/>
              </a:xfrm>
              <a:custGeom>
                <a:avLst/>
                <a:gdLst>
                  <a:gd name="T0" fmla="*/ 5 w 36"/>
                  <a:gd name="T1" fmla="*/ 2 h 30"/>
                  <a:gd name="T2" fmla="*/ 10 w 36"/>
                  <a:gd name="T3" fmla="*/ 2 h 30"/>
                  <a:gd name="T4" fmla="*/ 15 w 36"/>
                  <a:gd name="T5" fmla="*/ 7 h 30"/>
                  <a:gd name="T6" fmla="*/ 15 w 36"/>
                  <a:gd name="T7" fmla="*/ 10 h 30"/>
                  <a:gd name="T8" fmla="*/ 10 w 36"/>
                  <a:gd name="T9" fmla="*/ 12 h 30"/>
                  <a:gd name="T10" fmla="*/ 7 w 36"/>
                  <a:gd name="T11" fmla="*/ 12 h 30"/>
                  <a:gd name="T12" fmla="*/ 5 w 36"/>
                  <a:gd name="T13" fmla="*/ 7 h 30"/>
                  <a:gd name="T14" fmla="*/ 2 w 36"/>
                  <a:gd name="T15" fmla="*/ 5 h 30"/>
                  <a:gd name="T16" fmla="*/ 0 w 36"/>
                  <a:gd name="T17" fmla="*/ 2 h 30"/>
                  <a:gd name="T18" fmla="*/ 0 w 36"/>
                  <a:gd name="T19" fmla="*/ 0 h 30"/>
                  <a:gd name="T20" fmla="*/ 2 w 36"/>
                  <a:gd name="T21" fmla="*/ 0 h 30"/>
                  <a:gd name="T22" fmla="*/ 5 w 36"/>
                  <a:gd name="T23" fmla="*/ 2 h 30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6"/>
                  <a:gd name="T37" fmla="*/ 0 h 30"/>
                  <a:gd name="T38" fmla="*/ 36 w 36"/>
                  <a:gd name="T39" fmla="*/ 30 h 30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6" h="30">
                    <a:moveTo>
                      <a:pt x="12" y="6"/>
                    </a:moveTo>
                    <a:lnTo>
                      <a:pt x="24" y="6"/>
                    </a:lnTo>
                    <a:lnTo>
                      <a:pt x="36" y="18"/>
                    </a:lnTo>
                    <a:lnTo>
                      <a:pt x="36" y="24"/>
                    </a:lnTo>
                    <a:lnTo>
                      <a:pt x="24" y="30"/>
                    </a:lnTo>
                    <a:lnTo>
                      <a:pt x="18" y="30"/>
                    </a:lnTo>
                    <a:lnTo>
                      <a:pt x="12" y="18"/>
                    </a:lnTo>
                    <a:lnTo>
                      <a:pt x="6" y="12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6" y="0"/>
                    </a:lnTo>
                    <a:lnTo>
                      <a:pt x="12" y="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60" name="Freeform 39"/>
              <p:cNvSpPr>
                <a:spLocks noChangeAspect="1"/>
              </p:cNvSpPr>
              <p:nvPr/>
            </p:nvSpPr>
            <p:spPr bwMode="auto">
              <a:xfrm>
                <a:off x="1027" y="2014"/>
                <a:ext cx="27" cy="22"/>
              </a:xfrm>
              <a:custGeom>
                <a:avLst/>
                <a:gdLst>
                  <a:gd name="T0" fmla="*/ 5 w 36"/>
                  <a:gd name="T1" fmla="*/ 2 h 30"/>
                  <a:gd name="T2" fmla="*/ 10 w 36"/>
                  <a:gd name="T3" fmla="*/ 2 h 30"/>
                  <a:gd name="T4" fmla="*/ 15 w 36"/>
                  <a:gd name="T5" fmla="*/ 7 h 30"/>
                  <a:gd name="T6" fmla="*/ 15 w 36"/>
                  <a:gd name="T7" fmla="*/ 10 h 30"/>
                  <a:gd name="T8" fmla="*/ 10 w 36"/>
                  <a:gd name="T9" fmla="*/ 12 h 30"/>
                  <a:gd name="T10" fmla="*/ 7 w 36"/>
                  <a:gd name="T11" fmla="*/ 12 h 30"/>
                  <a:gd name="T12" fmla="*/ 5 w 36"/>
                  <a:gd name="T13" fmla="*/ 7 h 30"/>
                  <a:gd name="T14" fmla="*/ 2 w 36"/>
                  <a:gd name="T15" fmla="*/ 5 h 30"/>
                  <a:gd name="T16" fmla="*/ 0 w 36"/>
                  <a:gd name="T17" fmla="*/ 2 h 30"/>
                  <a:gd name="T18" fmla="*/ 0 w 36"/>
                  <a:gd name="T19" fmla="*/ 0 h 30"/>
                  <a:gd name="T20" fmla="*/ 2 w 36"/>
                  <a:gd name="T21" fmla="*/ 0 h 30"/>
                  <a:gd name="T22" fmla="*/ 5 w 36"/>
                  <a:gd name="T23" fmla="*/ 2 h 30"/>
                  <a:gd name="T24" fmla="*/ 5 w 36"/>
                  <a:gd name="T25" fmla="*/ 5 h 30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36"/>
                  <a:gd name="T40" fmla="*/ 0 h 30"/>
                  <a:gd name="T41" fmla="*/ 36 w 36"/>
                  <a:gd name="T42" fmla="*/ 30 h 30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36" h="30">
                    <a:moveTo>
                      <a:pt x="12" y="6"/>
                    </a:moveTo>
                    <a:lnTo>
                      <a:pt x="24" y="6"/>
                    </a:lnTo>
                    <a:lnTo>
                      <a:pt x="36" y="18"/>
                    </a:lnTo>
                    <a:lnTo>
                      <a:pt x="36" y="24"/>
                    </a:lnTo>
                    <a:lnTo>
                      <a:pt x="24" y="30"/>
                    </a:lnTo>
                    <a:lnTo>
                      <a:pt x="18" y="30"/>
                    </a:lnTo>
                    <a:lnTo>
                      <a:pt x="12" y="18"/>
                    </a:lnTo>
                    <a:lnTo>
                      <a:pt x="6" y="12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6" y="0"/>
                    </a:lnTo>
                    <a:lnTo>
                      <a:pt x="12" y="6"/>
                    </a:lnTo>
                    <a:lnTo>
                      <a:pt x="12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61" name="Freeform 40"/>
              <p:cNvSpPr>
                <a:spLocks noChangeAspect="1"/>
              </p:cNvSpPr>
              <p:nvPr/>
            </p:nvSpPr>
            <p:spPr bwMode="auto">
              <a:xfrm>
                <a:off x="1054" y="2058"/>
                <a:ext cx="51" cy="65"/>
              </a:xfrm>
              <a:custGeom>
                <a:avLst/>
                <a:gdLst>
                  <a:gd name="T0" fmla="*/ 3 w 66"/>
                  <a:gd name="T1" fmla="*/ 0 h 90"/>
                  <a:gd name="T2" fmla="*/ 5 w 66"/>
                  <a:gd name="T3" fmla="*/ 0 h 90"/>
                  <a:gd name="T4" fmla="*/ 8 w 66"/>
                  <a:gd name="T5" fmla="*/ 2 h 90"/>
                  <a:gd name="T6" fmla="*/ 17 w 66"/>
                  <a:gd name="T7" fmla="*/ 2 h 90"/>
                  <a:gd name="T8" fmla="*/ 19 w 66"/>
                  <a:gd name="T9" fmla="*/ 5 h 90"/>
                  <a:gd name="T10" fmla="*/ 22 w 66"/>
                  <a:gd name="T11" fmla="*/ 7 h 90"/>
                  <a:gd name="T12" fmla="*/ 22 w 66"/>
                  <a:gd name="T13" fmla="*/ 9 h 90"/>
                  <a:gd name="T14" fmla="*/ 25 w 66"/>
                  <a:gd name="T15" fmla="*/ 12 h 90"/>
                  <a:gd name="T16" fmla="*/ 28 w 66"/>
                  <a:gd name="T17" fmla="*/ 14 h 90"/>
                  <a:gd name="T18" fmla="*/ 30 w 66"/>
                  <a:gd name="T19" fmla="*/ 16 h 90"/>
                  <a:gd name="T20" fmla="*/ 30 w 66"/>
                  <a:gd name="T21" fmla="*/ 20 h 90"/>
                  <a:gd name="T22" fmla="*/ 28 w 66"/>
                  <a:gd name="T23" fmla="*/ 22 h 90"/>
                  <a:gd name="T24" fmla="*/ 19 w 66"/>
                  <a:gd name="T25" fmla="*/ 22 h 90"/>
                  <a:gd name="T26" fmla="*/ 17 w 66"/>
                  <a:gd name="T27" fmla="*/ 25 h 90"/>
                  <a:gd name="T28" fmla="*/ 14 w 66"/>
                  <a:gd name="T29" fmla="*/ 25 h 90"/>
                  <a:gd name="T30" fmla="*/ 14 w 66"/>
                  <a:gd name="T31" fmla="*/ 29 h 90"/>
                  <a:gd name="T32" fmla="*/ 12 w 66"/>
                  <a:gd name="T33" fmla="*/ 32 h 90"/>
                  <a:gd name="T34" fmla="*/ 8 w 66"/>
                  <a:gd name="T35" fmla="*/ 34 h 90"/>
                  <a:gd name="T36" fmla="*/ 5 w 66"/>
                  <a:gd name="T37" fmla="*/ 32 h 90"/>
                  <a:gd name="T38" fmla="*/ 5 w 66"/>
                  <a:gd name="T39" fmla="*/ 27 h 90"/>
                  <a:gd name="T40" fmla="*/ 3 w 66"/>
                  <a:gd name="T41" fmla="*/ 25 h 90"/>
                  <a:gd name="T42" fmla="*/ 3 w 66"/>
                  <a:gd name="T43" fmla="*/ 18 h 90"/>
                  <a:gd name="T44" fmla="*/ 0 w 66"/>
                  <a:gd name="T45" fmla="*/ 14 h 90"/>
                  <a:gd name="T46" fmla="*/ 0 w 66"/>
                  <a:gd name="T47" fmla="*/ 12 h 90"/>
                  <a:gd name="T48" fmla="*/ 3 w 66"/>
                  <a:gd name="T49" fmla="*/ 7 h 90"/>
                  <a:gd name="T50" fmla="*/ 3 w 66"/>
                  <a:gd name="T51" fmla="*/ 0 h 90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66"/>
                  <a:gd name="T79" fmla="*/ 0 h 90"/>
                  <a:gd name="T80" fmla="*/ 66 w 66"/>
                  <a:gd name="T81" fmla="*/ 90 h 90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66" h="90">
                    <a:moveTo>
                      <a:pt x="6" y="0"/>
                    </a:moveTo>
                    <a:lnTo>
                      <a:pt x="12" y="0"/>
                    </a:lnTo>
                    <a:lnTo>
                      <a:pt x="18" y="6"/>
                    </a:lnTo>
                    <a:lnTo>
                      <a:pt x="36" y="6"/>
                    </a:lnTo>
                    <a:lnTo>
                      <a:pt x="42" y="12"/>
                    </a:lnTo>
                    <a:lnTo>
                      <a:pt x="48" y="18"/>
                    </a:lnTo>
                    <a:lnTo>
                      <a:pt x="48" y="24"/>
                    </a:lnTo>
                    <a:lnTo>
                      <a:pt x="54" y="30"/>
                    </a:lnTo>
                    <a:lnTo>
                      <a:pt x="60" y="36"/>
                    </a:lnTo>
                    <a:lnTo>
                      <a:pt x="66" y="42"/>
                    </a:lnTo>
                    <a:lnTo>
                      <a:pt x="66" y="54"/>
                    </a:lnTo>
                    <a:lnTo>
                      <a:pt x="60" y="60"/>
                    </a:lnTo>
                    <a:lnTo>
                      <a:pt x="42" y="60"/>
                    </a:lnTo>
                    <a:lnTo>
                      <a:pt x="36" y="66"/>
                    </a:lnTo>
                    <a:lnTo>
                      <a:pt x="30" y="66"/>
                    </a:lnTo>
                    <a:lnTo>
                      <a:pt x="30" y="78"/>
                    </a:lnTo>
                    <a:lnTo>
                      <a:pt x="24" y="84"/>
                    </a:lnTo>
                    <a:lnTo>
                      <a:pt x="18" y="9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6" y="66"/>
                    </a:lnTo>
                    <a:lnTo>
                      <a:pt x="6" y="48"/>
                    </a:lnTo>
                    <a:lnTo>
                      <a:pt x="0" y="36"/>
                    </a:lnTo>
                    <a:lnTo>
                      <a:pt x="0" y="30"/>
                    </a:lnTo>
                    <a:lnTo>
                      <a:pt x="6" y="18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62" name="Freeform 41"/>
              <p:cNvSpPr>
                <a:spLocks noChangeAspect="1"/>
              </p:cNvSpPr>
              <p:nvPr/>
            </p:nvSpPr>
            <p:spPr bwMode="auto">
              <a:xfrm>
                <a:off x="1054" y="2058"/>
                <a:ext cx="51" cy="65"/>
              </a:xfrm>
              <a:custGeom>
                <a:avLst/>
                <a:gdLst>
                  <a:gd name="T0" fmla="*/ 3 w 66"/>
                  <a:gd name="T1" fmla="*/ 0 h 90"/>
                  <a:gd name="T2" fmla="*/ 5 w 66"/>
                  <a:gd name="T3" fmla="*/ 0 h 90"/>
                  <a:gd name="T4" fmla="*/ 8 w 66"/>
                  <a:gd name="T5" fmla="*/ 2 h 90"/>
                  <a:gd name="T6" fmla="*/ 17 w 66"/>
                  <a:gd name="T7" fmla="*/ 2 h 90"/>
                  <a:gd name="T8" fmla="*/ 19 w 66"/>
                  <a:gd name="T9" fmla="*/ 5 h 90"/>
                  <a:gd name="T10" fmla="*/ 22 w 66"/>
                  <a:gd name="T11" fmla="*/ 7 h 90"/>
                  <a:gd name="T12" fmla="*/ 22 w 66"/>
                  <a:gd name="T13" fmla="*/ 9 h 90"/>
                  <a:gd name="T14" fmla="*/ 25 w 66"/>
                  <a:gd name="T15" fmla="*/ 12 h 90"/>
                  <a:gd name="T16" fmla="*/ 28 w 66"/>
                  <a:gd name="T17" fmla="*/ 14 h 90"/>
                  <a:gd name="T18" fmla="*/ 30 w 66"/>
                  <a:gd name="T19" fmla="*/ 16 h 90"/>
                  <a:gd name="T20" fmla="*/ 30 w 66"/>
                  <a:gd name="T21" fmla="*/ 20 h 90"/>
                  <a:gd name="T22" fmla="*/ 28 w 66"/>
                  <a:gd name="T23" fmla="*/ 22 h 90"/>
                  <a:gd name="T24" fmla="*/ 19 w 66"/>
                  <a:gd name="T25" fmla="*/ 22 h 90"/>
                  <a:gd name="T26" fmla="*/ 17 w 66"/>
                  <a:gd name="T27" fmla="*/ 25 h 90"/>
                  <a:gd name="T28" fmla="*/ 14 w 66"/>
                  <a:gd name="T29" fmla="*/ 25 h 90"/>
                  <a:gd name="T30" fmla="*/ 14 w 66"/>
                  <a:gd name="T31" fmla="*/ 29 h 90"/>
                  <a:gd name="T32" fmla="*/ 12 w 66"/>
                  <a:gd name="T33" fmla="*/ 32 h 90"/>
                  <a:gd name="T34" fmla="*/ 8 w 66"/>
                  <a:gd name="T35" fmla="*/ 34 h 90"/>
                  <a:gd name="T36" fmla="*/ 5 w 66"/>
                  <a:gd name="T37" fmla="*/ 32 h 90"/>
                  <a:gd name="T38" fmla="*/ 5 w 66"/>
                  <a:gd name="T39" fmla="*/ 27 h 90"/>
                  <a:gd name="T40" fmla="*/ 3 w 66"/>
                  <a:gd name="T41" fmla="*/ 25 h 90"/>
                  <a:gd name="T42" fmla="*/ 3 w 66"/>
                  <a:gd name="T43" fmla="*/ 18 h 90"/>
                  <a:gd name="T44" fmla="*/ 0 w 66"/>
                  <a:gd name="T45" fmla="*/ 14 h 90"/>
                  <a:gd name="T46" fmla="*/ 0 w 66"/>
                  <a:gd name="T47" fmla="*/ 12 h 90"/>
                  <a:gd name="T48" fmla="*/ 3 w 66"/>
                  <a:gd name="T49" fmla="*/ 7 h 90"/>
                  <a:gd name="T50" fmla="*/ 3 w 66"/>
                  <a:gd name="T51" fmla="*/ 0 h 90"/>
                  <a:gd name="T52" fmla="*/ 3 w 66"/>
                  <a:gd name="T53" fmla="*/ 2 h 90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66"/>
                  <a:gd name="T82" fmla="*/ 0 h 90"/>
                  <a:gd name="T83" fmla="*/ 66 w 66"/>
                  <a:gd name="T84" fmla="*/ 90 h 90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66" h="90">
                    <a:moveTo>
                      <a:pt x="6" y="0"/>
                    </a:moveTo>
                    <a:lnTo>
                      <a:pt x="12" y="0"/>
                    </a:lnTo>
                    <a:lnTo>
                      <a:pt x="18" y="6"/>
                    </a:lnTo>
                    <a:lnTo>
                      <a:pt x="36" y="6"/>
                    </a:lnTo>
                    <a:lnTo>
                      <a:pt x="42" y="12"/>
                    </a:lnTo>
                    <a:lnTo>
                      <a:pt x="48" y="18"/>
                    </a:lnTo>
                    <a:lnTo>
                      <a:pt x="48" y="24"/>
                    </a:lnTo>
                    <a:lnTo>
                      <a:pt x="54" y="30"/>
                    </a:lnTo>
                    <a:lnTo>
                      <a:pt x="60" y="36"/>
                    </a:lnTo>
                    <a:lnTo>
                      <a:pt x="66" y="42"/>
                    </a:lnTo>
                    <a:lnTo>
                      <a:pt x="66" y="54"/>
                    </a:lnTo>
                    <a:lnTo>
                      <a:pt x="60" y="60"/>
                    </a:lnTo>
                    <a:lnTo>
                      <a:pt x="42" y="60"/>
                    </a:lnTo>
                    <a:lnTo>
                      <a:pt x="36" y="66"/>
                    </a:lnTo>
                    <a:lnTo>
                      <a:pt x="30" y="66"/>
                    </a:lnTo>
                    <a:lnTo>
                      <a:pt x="30" y="78"/>
                    </a:lnTo>
                    <a:lnTo>
                      <a:pt x="24" y="84"/>
                    </a:lnTo>
                    <a:lnTo>
                      <a:pt x="18" y="9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6" y="66"/>
                    </a:lnTo>
                    <a:lnTo>
                      <a:pt x="6" y="48"/>
                    </a:lnTo>
                    <a:lnTo>
                      <a:pt x="0" y="36"/>
                    </a:lnTo>
                    <a:lnTo>
                      <a:pt x="0" y="30"/>
                    </a:lnTo>
                    <a:lnTo>
                      <a:pt x="6" y="18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63" name="Freeform 42"/>
              <p:cNvSpPr>
                <a:spLocks noChangeAspect="1"/>
              </p:cNvSpPr>
              <p:nvPr/>
            </p:nvSpPr>
            <p:spPr bwMode="auto">
              <a:xfrm>
                <a:off x="1013" y="2019"/>
                <a:ext cx="9" cy="8"/>
              </a:xfrm>
              <a:custGeom>
                <a:avLst/>
                <a:gdLst>
                  <a:gd name="T0" fmla="*/ 0 w 12"/>
                  <a:gd name="T1" fmla="*/ 2 h 12"/>
                  <a:gd name="T2" fmla="*/ 0 w 12"/>
                  <a:gd name="T3" fmla="*/ 0 h 12"/>
                  <a:gd name="T4" fmla="*/ 3 w 12"/>
                  <a:gd name="T5" fmla="*/ 0 h 12"/>
                  <a:gd name="T6" fmla="*/ 3 w 12"/>
                  <a:gd name="T7" fmla="*/ 2 h 12"/>
                  <a:gd name="T8" fmla="*/ 5 w 12"/>
                  <a:gd name="T9" fmla="*/ 2 h 12"/>
                  <a:gd name="T10" fmla="*/ 3 w 12"/>
                  <a:gd name="T11" fmla="*/ 3 h 12"/>
                  <a:gd name="T12" fmla="*/ 0 w 12"/>
                  <a:gd name="T13" fmla="*/ 3 h 12"/>
                  <a:gd name="T14" fmla="*/ 0 w 12"/>
                  <a:gd name="T15" fmla="*/ 2 h 12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12"/>
                  <a:gd name="T25" fmla="*/ 0 h 12"/>
                  <a:gd name="T26" fmla="*/ 12 w 12"/>
                  <a:gd name="T27" fmla="*/ 12 h 12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12" h="12">
                    <a:moveTo>
                      <a:pt x="0" y="6"/>
                    </a:moveTo>
                    <a:lnTo>
                      <a:pt x="0" y="0"/>
                    </a:lnTo>
                    <a:lnTo>
                      <a:pt x="6" y="0"/>
                    </a:lnTo>
                    <a:lnTo>
                      <a:pt x="6" y="6"/>
                    </a:lnTo>
                    <a:lnTo>
                      <a:pt x="12" y="6"/>
                    </a:lnTo>
                    <a:lnTo>
                      <a:pt x="6" y="12"/>
                    </a:lnTo>
                    <a:lnTo>
                      <a:pt x="0" y="12"/>
                    </a:lnTo>
                    <a:lnTo>
                      <a:pt x="0" y="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64" name="Freeform 43"/>
              <p:cNvSpPr>
                <a:spLocks noChangeAspect="1"/>
              </p:cNvSpPr>
              <p:nvPr/>
            </p:nvSpPr>
            <p:spPr bwMode="auto">
              <a:xfrm>
                <a:off x="1013" y="2019"/>
                <a:ext cx="9" cy="8"/>
              </a:xfrm>
              <a:custGeom>
                <a:avLst/>
                <a:gdLst>
                  <a:gd name="T0" fmla="*/ 0 w 12"/>
                  <a:gd name="T1" fmla="*/ 2 h 12"/>
                  <a:gd name="T2" fmla="*/ 0 w 12"/>
                  <a:gd name="T3" fmla="*/ 0 h 12"/>
                  <a:gd name="T4" fmla="*/ 3 w 12"/>
                  <a:gd name="T5" fmla="*/ 0 h 12"/>
                  <a:gd name="T6" fmla="*/ 3 w 12"/>
                  <a:gd name="T7" fmla="*/ 2 h 12"/>
                  <a:gd name="T8" fmla="*/ 5 w 12"/>
                  <a:gd name="T9" fmla="*/ 2 h 12"/>
                  <a:gd name="T10" fmla="*/ 3 w 12"/>
                  <a:gd name="T11" fmla="*/ 3 h 12"/>
                  <a:gd name="T12" fmla="*/ 0 w 12"/>
                  <a:gd name="T13" fmla="*/ 3 h 12"/>
                  <a:gd name="T14" fmla="*/ 0 w 12"/>
                  <a:gd name="T15" fmla="*/ 2 h 12"/>
                  <a:gd name="T16" fmla="*/ 0 w 12"/>
                  <a:gd name="T17" fmla="*/ 3 h 12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12"/>
                  <a:gd name="T28" fmla="*/ 0 h 12"/>
                  <a:gd name="T29" fmla="*/ 12 w 12"/>
                  <a:gd name="T30" fmla="*/ 12 h 12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12" h="12">
                    <a:moveTo>
                      <a:pt x="0" y="6"/>
                    </a:moveTo>
                    <a:lnTo>
                      <a:pt x="0" y="0"/>
                    </a:lnTo>
                    <a:lnTo>
                      <a:pt x="6" y="0"/>
                    </a:lnTo>
                    <a:lnTo>
                      <a:pt x="6" y="6"/>
                    </a:lnTo>
                    <a:lnTo>
                      <a:pt x="12" y="6"/>
                    </a:lnTo>
                    <a:lnTo>
                      <a:pt x="6" y="12"/>
                    </a:lnTo>
                    <a:lnTo>
                      <a:pt x="0" y="12"/>
                    </a:lnTo>
                    <a:lnTo>
                      <a:pt x="0" y="6"/>
                    </a:lnTo>
                    <a:lnTo>
                      <a:pt x="0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65" name="Freeform 44"/>
              <p:cNvSpPr>
                <a:spLocks noChangeAspect="1"/>
              </p:cNvSpPr>
              <p:nvPr/>
            </p:nvSpPr>
            <p:spPr bwMode="auto">
              <a:xfrm>
                <a:off x="775" y="984"/>
                <a:ext cx="234" cy="355"/>
              </a:xfrm>
              <a:custGeom>
                <a:avLst/>
                <a:gdLst>
                  <a:gd name="T0" fmla="*/ 62 w 306"/>
                  <a:gd name="T1" fmla="*/ 173 h 492"/>
                  <a:gd name="T2" fmla="*/ 0 w 306"/>
                  <a:gd name="T3" fmla="*/ 165 h 492"/>
                  <a:gd name="T4" fmla="*/ 16 w 306"/>
                  <a:gd name="T5" fmla="*/ 113 h 492"/>
                  <a:gd name="T6" fmla="*/ 11 w 306"/>
                  <a:gd name="T7" fmla="*/ 105 h 492"/>
                  <a:gd name="T8" fmla="*/ 35 w 306"/>
                  <a:gd name="T9" fmla="*/ 82 h 492"/>
                  <a:gd name="T10" fmla="*/ 27 w 306"/>
                  <a:gd name="T11" fmla="*/ 70 h 492"/>
                  <a:gd name="T12" fmla="*/ 46 w 306"/>
                  <a:gd name="T13" fmla="*/ 0 h 492"/>
                  <a:gd name="T14" fmla="*/ 62 w 306"/>
                  <a:gd name="T15" fmla="*/ 4 h 492"/>
                  <a:gd name="T16" fmla="*/ 56 w 306"/>
                  <a:gd name="T17" fmla="*/ 27 h 492"/>
                  <a:gd name="T18" fmla="*/ 62 w 306"/>
                  <a:gd name="T19" fmla="*/ 38 h 492"/>
                  <a:gd name="T20" fmla="*/ 59 w 306"/>
                  <a:gd name="T21" fmla="*/ 40 h 492"/>
                  <a:gd name="T22" fmla="*/ 67 w 306"/>
                  <a:gd name="T23" fmla="*/ 48 h 492"/>
                  <a:gd name="T24" fmla="*/ 73 w 306"/>
                  <a:gd name="T25" fmla="*/ 61 h 492"/>
                  <a:gd name="T26" fmla="*/ 83 w 306"/>
                  <a:gd name="T27" fmla="*/ 66 h 492"/>
                  <a:gd name="T28" fmla="*/ 73 w 306"/>
                  <a:gd name="T29" fmla="*/ 88 h 492"/>
                  <a:gd name="T30" fmla="*/ 75 w 306"/>
                  <a:gd name="T31" fmla="*/ 92 h 492"/>
                  <a:gd name="T32" fmla="*/ 83 w 306"/>
                  <a:gd name="T33" fmla="*/ 88 h 492"/>
                  <a:gd name="T34" fmla="*/ 86 w 306"/>
                  <a:gd name="T35" fmla="*/ 90 h 492"/>
                  <a:gd name="T36" fmla="*/ 91 w 306"/>
                  <a:gd name="T37" fmla="*/ 108 h 492"/>
                  <a:gd name="T38" fmla="*/ 96 w 306"/>
                  <a:gd name="T39" fmla="*/ 113 h 492"/>
                  <a:gd name="T40" fmla="*/ 99 w 306"/>
                  <a:gd name="T41" fmla="*/ 122 h 492"/>
                  <a:gd name="T42" fmla="*/ 102 w 306"/>
                  <a:gd name="T43" fmla="*/ 119 h 492"/>
                  <a:gd name="T44" fmla="*/ 110 w 306"/>
                  <a:gd name="T45" fmla="*/ 122 h 492"/>
                  <a:gd name="T46" fmla="*/ 113 w 306"/>
                  <a:gd name="T47" fmla="*/ 119 h 492"/>
                  <a:gd name="T48" fmla="*/ 128 w 306"/>
                  <a:gd name="T49" fmla="*/ 122 h 492"/>
                  <a:gd name="T50" fmla="*/ 132 w 306"/>
                  <a:gd name="T51" fmla="*/ 117 h 492"/>
                  <a:gd name="T52" fmla="*/ 137 w 306"/>
                  <a:gd name="T53" fmla="*/ 124 h 492"/>
                  <a:gd name="T54" fmla="*/ 126 w 306"/>
                  <a:gd name="T55" fmla="*/ 185 h 492"/>
                  <a:gd name="T56" fmla="*/ 83 w 306"/>
                  <a:gd name="T57" fmla="*/ 178 h 492"/>
                  <a:gd name="T58" fmla="*/ 62 w 306"/>
                  <a:gd name="T59" fmla="*/ 173 h 492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w 306"/>
                  <a:gd name="T91" fmla="*/ 0 h 492"/>
                  <a:gd name="T92" fmla="*/ 306 w 306"/>
                  <a:gd name="T93" fmla="*/ 492 h 492"/>
                </a:gdLst>
                <a:ahLst/>
                <a:cxnLst>
                  <a:cxn ang="T60">
                    <a:pos x="T0" y="T1"/>
                  </a:cxn>
                  <a:cxn ang="T61">
                    <a:pos x="T2" y="T3"/>
                  </a:cxn>
                  <a:cxn ang="T62">
                    <a:pos x="T4" y="T5"/>
                  </a:cxn>
                  <a:cxn ang="T63">
                    <a:pos x="T6" y="T7"/>
                  </a:cxn>
                  <a:cxn ang="T64">
                    <a:pos x="T8" y="T9"/>
                  </a:cxn>
                  <a:cxn ang="T65">
                    <a:pos x="T10" y="T11"/>
                  </a:cxn>
                  <a:cxn ang="T66">
                    <a:pos x="T12" y="T13"/>
                  </a:cxn>
                  <a:cxn ang="T67">
                    <a:pos x="T14" y="T15"/>
                  </a:cxn>
                  <a:cxn ang="T68">
                    <a:pos x="T16" y="T17"/>
                  </a:cxn>
                  <a:cxn ang="T69">
                    <a:pos x="T18" y="T19"/>
                  </a:cxn>
                  <a:cxn ang="T70">
                    <a:pos x="T20" y="T21"/>
                  </a:cxn>
                  <a:cxn ang="T71">
                    <a:pos x="T22" y="T23"/>
                  </a:cxn>
                  <a:cxn ang="T72">
                    <a:pos x="T24" y="T25"/>
                  </a:cxn>
                  <a:cxn ang="T73">
                    <a:pos x="T26" y="T27"/>
                  </a:cxn>
                  <a:cxn ang="T74">
                    <a:pos x="T28" y="T29"/>
                  </a:cxn>
                  <a:cxn ang="T75">
                    <a:pos x="T30" y="T31"/>
                  </a:cxn>
                  <a:cxn ang="T76">
                    <a:pos x="T32" y="T33"/>
                  </a:cxn>
                  <a:cxn ang="T77">
                    <a:pos x="T34" y="T35"/>
                  </a:cxn>
                  <a:cxn ang="T78">
                    <a:pos x="T36" y="T37"/>
                  </a:cxn>
                  <a:cxn ang="T79">
                    <a:pos x="T38" y="T39"/>
                  </a:cxn>
                  <a:cxn ang="T80">
                    <a:pos x="T40" y="T41"/>
                  </a:cxn>
                  <a:cxn ang="T81">
                    <a:pos x="T42" y="T43"/>
                  </a:cxn>
                  <a:cxn ang="T82">
                    <a:pos x="T44" y="T45"/>
                  </a:cxn>
                  <a:cxn ang="T83">
                    <a:pos x="T46" y="T47"/>
                  </a:cxn>
                  <a:cxn ang="T84">
                    <a:pos x="T48" y="T49"/>
                  </a:cxn>
                  <a:cxn ang="T85">
                    <a:pos x="T50" y="T51"/>
                  </a:cxn>
                  <a:cxn ang="T86">
                    <a:pos x="T52" y="T53"/>
                  </a:cxn>
                  <a:cxn ang="T87">
                    <a:pos x="T54" y="T55"/>
                  </a:cxn>
                  <a:cxn ang="T88">
                    <a:pos x="T56" y="T57"/>
                  </a:cxn>
                  <a:cxn ang="T89">
                    <a:pos x="T58" y="T59"/>
                  </a:cxn>
                </a:cxnLst>
                <a:rect l="T90" t="T91" r="T92" b="T93"/>
                <a:pathLst>
                  <a:path w="306" h="492">
                    <a:moveTo>
                      <a:pt x="138" y="462"/>
                    </a:moveTo>
                    <a:lnTo>
                      <a:pt x="0" y="438"/>
                    </a:lnTo>
                    <a:lnTo>
                      <a:pt x="36" y="300"/>
                    </a:lnTo>
                    <a:lnTo>
                      <a:pt x="24" y="282"/>
                    </a:lnTo>
                    <a:lnTo>
                      <a:pt x="78" y="216"/>
                    </a:lnTo>
                    <a:lnTo>
                      <a:pt x="60" y="186"/>
                    </a:lnTo>
                    <a:lnTo>
                      <a:pt x="102" y="0"/>
                    </a:lnTo>
                    <a:lnTo>
                      <a:pt x="138" y="12"/>
                    </a:lnTo>
                    <a:lnTo>
                      <a:pt x="126" y="72"/>
                    </a:lnTo>
                    <a:lnTo>
                      <a:pt x="138" y="102"/>
                    </a:lnTo>
                    <a:lnTo>
                      <a:pt x="132" y="108"/>
                    </a:lnTo>
                    <a:lnTo>
                      <a:pt x="150" y="126"/>
                    </a:lnTo>
                    <a:lnTo>
                      <a:pt x="162" y="162"/>
                    </a:lnTo>
                    <a:lnTo>
                      <a:pt x="186" y="174"/>
                    </a:lnTo>
                    <a:lnTo>
                      <a:pt x="162" y="234"/>
                    </a:lnTo>
                    <a:lnTo>
                      <a:pt x="168" y="246"/>
                    </a:lnTo>
                    <a:lnTo>
                      <a:pt x="186" y="234"/>
                    </a:lnTo>
                    <a:lnTo>
                      <a:pt x="192" y="240"/>
                    </a:lnTo>
                    <a:lnTo>
                      <a:pt x="204" y="288"/>
                    </a:lnTo>
                    <a:lnTo>
                      <a:pt x="216" y="300"/>
                    </a:lnTo>
                    <a:lnTo>
                      <a:pt x="222" y="324"/>
                    </a:lnTo>
                    <a:lnTo>
                      <a:pt x="228" y="318"/>
                    </a:lnTo>
                    <a:lnTo>
                      <a:pt x="246" y="324"/>
                    </a:lnTo>
                    <a:lnTo>
                      <a:pt x="252" y="318"/>
                    </a:lnTo>
                    <a:lnTo>
                      <a:pt x="288" y="324"/>
                    </a:lnTo>
                    <a:lnTo>
                      <a:pt x="294" y="312"/>
                    </a:lnTo>
                    <a:lnTo>
                      <a:pt x="306" y="330"/>
                    </a:lnTo>
                    <a:lnTo>
                      <a:pt x="282" y="492"/>
                    </a:lnTo>
                    <a:lnTo>
                      <a:pt x="186" y="474"/>
                    </a:lnTo>
                    <a:lnTo>
                      <a:pt x="138" y="46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66" name="Freeform 45"/>
              <p:cNvSpPr>
                <a:spLocks noChangeAspect="1"/>
              </p:cNvSpPr>
              <p:nvPr/>
            </p:nvSpPr>
            <p:spPr bwMode="auto">
              <a:xfrm>
                <a:off x="775" y="984"/>
                <a:ext cx="234" cy="355"/>
              </a:xfrm>
              <a:custGeom>
                <a:avLst/>
                <a:gdLst>
                  <a:gd name="T0" fmla="*/ 62 w 306"/>
                  <a:gd name="T1" fmla="*/ 173 h 492"/>
                  <a:gd name="T2" fmla="*/ 0 w 306"/>
                  <a:gd name="T3" fmla="*/ 165 h 492"/>
                  <a:gd name="T4" fmla="*/ 16 w 306"/>
                  <a:gd name="T5" fmla="*/ 113 h 492"/>
                  <a:gd name="T6" fmla="*/ 11 w 306"/>
                  <a:gd name="T7" fmla="*/ 105 h 492"/>
                  <a:gd name="T8" fmla="*/ 35 w 306"/>
                  <a:gd name="T9" fmla="*/ 82 h 492"/>
                  <a:gd name="T10" fmla="*/ 27 w 306"/>
                  <a:gd name="T11" fmla="*/ 70 h 492"/>
                  <a:gd name="T12" fmla="*/ 46 w 306"/>
                  <a:gd name="T13" fmla="*/ 0 h 492"/>
                  <a:gd name="T14" fmla="*/ 62 w 306"/>
                  <a:gd name="T15" fmla="*/ 4 h 492"/>
                  <a:gd name="T16" fmla="*/ 56 w 306"/>
                  <a:gd name="T17" fmla="*/ 27 h 492"/>
                  <a:gd name="T18" fmla="*/ 62 w 306"/>
                  <a:gd name="T19" fmla="*/ 38 h 492"/>
                  <a:gd name="T20" fmla="*/ 59 w 306"/>
                  <a:gd name="T21" fmla="*/ 40 h 492"/>
                  <a:gd name="T22" fmla="*/ 67 w 306"/>
                  <a:gd name="T23" fmla="*/ 48 h 492"/>
                  <a:gd name="T24" fmla="*/ 73 w 306"/>
                  <a:gd name="T25" fmla="*/ 61 h 492"/>
                  <a:gd name="T26" fmla="*/ 83 w 306"/>
                  <a:gd name="T27" fmla="*/ 66 h 492"/>
                  <a:gd name="T28" fmla="*/ 73 w 306"/>
                  <a:gd name="T29" fmla="*/ 88 h 492"/>
                  <a:gd name="T30" fmla="*/ 75 w 306"/>
                  <a:gd name="T31" fmla="*/ 92 h 492"/>
                  <a:gd name="T32" fmla="*/ 83 w 306"/>
                  <a:gd name="T33" fmla="*/ 88 h 492"/>
                  <a:gd name="T34" fmla="*/ 86 w 306"/>
                  <a:gd name="T35" fmla="*/ 90 h 492"/>
                  <a:gd name="T36" fmla="*/ 91 w 306"/>
                  <a:gd name="T37" fmla="*/ 108 h 492"/>
                  <a:gd name="T38" fmla="*/ 96 w 306"/>
                  <a:gd name="T39" fmla="*/ 113 h 492"/>
                  <a:gd name="T40" fmla="*/ 99 w 306"/>
                  <a:gd name="T41" fmla="*/ 122 h 492"/>
                  <a:gd name="T42" fmla="*/ 102 w 306"/>
                  <a:gd name="T43" fmla="*/ 119 h 492"/>
                  <a:gd name="T44" fmla="*/ 110 w 306"/>
                  <a:gd name="T45" fmla="*/ 122 h 492"/>
                  <a:gd name="T46" fmla="*/ 113 w 306"/>
                  <a:gd name="T47" fmla="*/ 119 h 492"/>
                  <a:gd name="T48" fmla="*/ 128 w 306"/>
                  <a:gd name="T49" fmla="*/ 122 h 492"/>
                  <a:gd name="T50" fmla="*/ 132 w 306"/>
                  <a:gd name="T51" fmla="*/ 117 h 492"/>
                  <a:gd name="T52" fmla="*/ 137 w 306"/>
                  <a:gd name="T53" fmla="*/ 124 h 492"/>
                  <a:gd name="T54" fmla="*/ 126 w 306"/>
                  <a:gd name="T55" fmla="*/ 185 h 492"/>
                  <a:gd name="T56" fmla="*/ 83 w 306"/>
                  <a:gd name="T57" fmla="*/ 178 h 492"/>
                  <a:gd name="T58" fmla="*/ 62 w 306"/>
                  <a:gd name="T59" fmla="*/ 173 h 492"/>
                  <a:gd name="T60" fmla="*/ 62 w 306"/>
                  <a:gd name="T61" fmla="*/ 176 h 492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w 306"/>
                  <a:gd name="T94" fmla="*/ 0 h 492"/>
                  <a:gd name="T95" fmla="*/ 306 w 306"/>
                  <a:gd name="T96" fmla="*/ 492 h 492"/>
                </a:gdLst>
                <a:ahLst/>
                <a:cxnLst>
                  <a:cxn ang="T62">
                    <a:pos x="T0" y="T1"/>
                  </a:cxn>
                  <a:cxn ang="T63">
                    <a:pos x="T2" y="T3"/>
                  </a:cxn>
                  <a:cxn ang="T64">
                    <a:pos x="T4" y="T5"/>
                  </a:cxn>
                  <a:cxn ang="T65">
                    <a:pos x="T6" y="T7"/>
                  </a:cxn>
                  <a:cxn ang="T66">
                    <a:pos x="T8" y="T9"/>
                  </a:cxn>
                  <a:cxn ang="T67">
                    <a:pos x="T10" y="T11"/>
                  </a:cxn>
                  <a:cxn ang="T68">
                    <a:pos x="T12" y="T13"/>
                  </a:cxn>
                  <a:cxn ang="T69">
                    <a:pos x="T14" y="T15"/>
                  </a:cxn>
                  <a:cxn ang="T70">
                    <a:pos x="T16" y="T17"/>
                  </a:cxn>
                  <a:cxn ang="T71">
                    <a:pos x="T18" y="T19"/>
                  </a:cxn>
                  <a:cxn ang="T72">
                    <a:pos x="T20" y="T21"/>
                  </a:cxn>
                  <a:cxn ang="T73">
                    <a:pos x="T22" y="T23"/>
                  </a:cxn>
                  <a:cxn ang="T74">
                    <a:pos x="T24" y="T25"/>
                  </a:cxn>
                  <a:cxn ang="T75">
                    <a:pos x="T26" y="T27"/>
                  </a:cxn>
                  <a:cxn ang="T76">
                    <a:pos x="T28" y="T29"/>
                  </a:cxn>
                  <a:cxn ang="T77">
                    <a:pos x="T30" y="T31"/>
                  </a:cxn>
                  <a:cxn ang="T78">
                    <a:pos x="T32" y="T33"/>
                  </a:cxn>
                  <a:cxn ang="T79">
                    <a:pos x="T34" y="T35"/>
                  </a:cxn>
                  <a:cxn ang="T80">
                    <a:pos x="T36" y="T37"/>
                  </a:cxn>
                  <a:cxn ang="T81">
                    <a:pos x="T38" y="T39"/>
                  </a:cxn>
                  <a:cxn ang="T82">
                    <a:pos x="T40" y="T41"/>
                  </a:cxn>
                  <a:cxn ang="T83">
                    <a:pos x="T42" y="T43"/>
                  </a:cxn>
                  <a:cxn ang="T84">
                    <a:pos x="T44" y="T45"/>
                  </a:cxn>
                  <a:cxn ang="T85">
                    <a:pos x="T46" y="T47"/>
                  </a:cxn>
                  <a:cxn ang="T86">
                    <a:pos x="T48" y="T49"/>
                  </a:cxn>
                  <a:cxn ang="T87">
                    <a:pos x="T50" y="T51"/>
                  </a:cxn>
                  <a:cxn ang="T88">
                    <a:pos x="T52" y="T53"/>
                  </a:cxn>
                  <a:cxn ang="T89">
                    <a:pos x="T54" y="T55"/>
                  </a:cxn>
                  <a:cxn ang="T90">
                    <a:pos x="T56" y="T57"/>
                  </a:cxn>
                  <a:cxn ang="T91">
                    <a:pos x="T58" y="T59"/>
                  </a:cxn>
                  <a:cxn ang="T92">
                    <a:pos x="T60" y="T61"/>
                  </a:cxn>
                </a:cxnLst>
                <a:rect l="T93" t="T94" r="T95" b="T96"/>
                <a:pathLst>
                  <a:path w="306" h="492">
                    <a:moveTo>
                      <a:pt x="138" y="462"/>
                    </a:moveTo>
                    <a:lnTo>
                      <a:pt x="0" y="438"/>
                    </a:lnTo>
                    <a:lnTo>
                      <a:pt x="36" y="300"/>
                    </a:lnTo>
                    <a:lnTo>
                      <a:pt x="24" y="282"/>
                    </a:lnTo>
                    <a:lnTo>
                      <a:pt x="78" y="216"/>
                    </a:lnTo>
                    <a:lnTo>
                      <a:pt x="60" y="186"/>
                    </a:lnTo>
                    <a:lnTo>
                      <a:pt x="102" y="0"/>
                    </a:lnTo>
                    <a:lnTo>
                      <a:pt x="138" y="12"/>
                    </a:lnTo>
                    <a:lnTo>
                      <a:pt x="126" y="72"/>
                    </a:lnTo>
                    <a:lnTo>
                      <a:pt x="138" y="102"/>
                    </a:lnTo>
                    <a:lnTo>
                      <a:pt x="132" y="108"/>
                    </a:lnTo>
                    <a:lnTo>
                      <a:pt x="150" y="126"/>
                    </a:lnTo>
                    <a:lnTo>
                      <a:pt x="162" y="162"/>
                    </a:lnTo>
                    <a:lnTo>
                      <a:pt x="186" y="174"/>
                    </a:lnTo>
                    <a:lnTo>
                      <a:pt x="162" y="234"/>
                    </a:lnTo>
                    <a:lnTo>
                      <a:pt x="168" y="246"/>
                    </a:lnTo>
                    <a:lnTo>
                      <a:pt x="186" y="234"/>
                    </a:lnTo>
                    <a:lnTo>
                      <a:pt x="192" y="240"/>
                    </a:lnTo>
                    <a:lnTo>
                      <a:pt x="204" y="288"/>
                    </a:lnTo>
                    <a:lnTo>
                      <a:pt x="216" y="300"/>
                    </a:lnTo>
                    <a:lnTo>
                      <a:pt x="222" y="324"/>
                    </a:lnTo>
                    <a:lnTo>
                      <a:pt x="228" y="318"/>
                    </a:lnTo>
                    <a:lnTo>
                      <a:pt x="246" y="324"/>
                    </a:lnTo>
                    <a:lnTo>
                      <a:pt x="252" y="318"/>
                    </a:lnTo>
                    <a:lnTo>
                      <a:pt x="288" y="324"/>
                    </a:lnTo>
                    <a:lnTo>
                      <a:pt x="294" y="312"/>
                    </a:lnTo>
                    <a:lnTo>
                      <a:pt x="306" y="330"/>
                    </a:lnTo>
                    <a:lnTo>
                      <a:pt x="282" y="492"/>
                    </a:lnTo>
                    <a:lnTo>
                      <a:pt x="186" y="474"/>
                    </a:lnTo>
                    <a:lnTo>
                      <a:pt x="138" y="462"/>
                    </a:lnTo>
                    <a:lnTo>
                      <a:pt x="138" y="46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67" name="Freeform 46"/>
              <p:cNvSpPr>
                <a:spLocks noChangeAspect="1"/>
              </p:cNvSpPr>
              <p:nvPr/>
            </p:nvSpPr>
            <p:spPr bwMode="auto">
              <a:xfrm>
                <a:off x="1700" y="1343"/>
                <a:ext cx="151" cy="260"/>
              </a:xfrm>
              <a:custGeom>
                <a:avLst/>
                <a:gdLst>
                  <a:gd name="T0" fmla="*/ 56 w 198"/>
                  <a:gd name="T1" fmla="*/ 136 h 360"/>
                  <a:gd name="T2" fmla="*/ 48 w 198"/>
                  <a:gd name="T3" fmla="*/ 129 h 360"/>
                  <a:gd name="T4" fmla="*/ 48 w 198"/>
                  <a:gd name="T5" fmla="*/ 120 h 360"/>
                  <a:gd name="T6" fmla="*/ 27 w 198"/>
                  <a:gd name="T7" fmla="*/ 106 h 360"/>
                  <a:gd name="T8" fmla="*/ 32 w 198"/>
                  <a:gd name="T9" fmla="*/ 93 h 360"/>
                  <a:gd name="T10" fmla="*/ 24 w 198"/>
                  <a:gd name="T11" fmla="*/ 88 h 360"/>
                  <a:gd name="T12" fmla="*/ 18 w 198"/>
                  <a:gd name="T13" fmla="*/ 90 h 360"/>
                  <a:gd name="T14" fmla="*/ 16 w 198"/>
                  <a:gd name="T15" fmla="*/ 82 h 360"/>
                  <a:gd name="T16" fmla="*/ 5 w 198"/>
                  <a:gd name="T17" fmla="*/ 74 h 360"/>
                  <a:gd name="T18" fmla="*/ 0 w 198"/>
                  <a:gd name="T19" fmla="*/ 68 h 360"/>
                  <a:gd name="T20" fmla="*/ 0 w 198"/>
                  <a:gd name="T21" fmla="*/ 52 h 360"/>
                  <a:gd name="T22" fmla="*/ 8 w 198"/>
                  <a:gd name="T23" fmla="*/ 48 h 360"/>
                  <a:gd name="T24" fmla="*/ 11 w 198"/>
                  <a:gd name="T25" fmla="*/ 40 h 360"/>
                  <a:gd name="T26" fmla="*/ 8 w 198"/>
                  <a:gd name="T27" fmla="*/ 29 h 360"/>
                  <a:gd name="T28" fmla="*/ 18 w 198"/>
                  <a:gd name="T29" fmla="*/ 27 h 360"/>
                  <a:gd name="T30" fmla="*/ 24 w 198"/>
                  <a:gd name="T31" fmla="*/ 20 h 360"/>
                  <a:gd name="T32" fmla="*/ 24 w 198"/>
                  <a:gd name="T33" fmla="*/ 12 h 360"/>
                  <a:gd name="T34" fmla="*/ 14 w 198"/>
                  <a:gd name="T35" fmla="*/ 5 h 360"/>
                  <a:gd name="T36" fmla="*/ 18 w 198"/>
                  <a:gd name="T37" fmla="*/ 2 h 360"/>
                  <a:gd name="T38" fmla="*/ 75 w 198"/>
                  <a:gd name="T39" fmla="*/ 0 h 360"/>
                  <a:gd name="T40" fmla="*/ 79 w 198"/>
                  <a:gd name="T41" fmla="*/ 18 h 360"/>
                  <a:gd name="T42" fmla="*/ 85 w 198"/>
                  <a:gd name="T43" fmla="*/ 74 h 360"/>
                  <a:gd name="T44" fmla="*/ 85 w 198"/>
                  <a:gd name="T45" fmla="*/ 82 h 360"/>
                  <a:gd name="T46" fmla="*/ 88 w 198"/>
                  <a:gd name="T47" fmla="*/ 90 h 360"/>
                  <a:gd name="T48" fmla="*/ 79 w 198"/>
                  <a:gd name="T49" fmla="*/ 104 h 360"/>
                  <a:gd name="T50" fmla="*/ 79 w 198"/>
                  <a:gd name="T51" fmla="*/ 113 h 360"/>
                  <a:gd name="T52" fmla="*/ 77 w 198"/>
                  <a:gd name="T53" fmla="*/ 117 h 360"/>
                  <a:gd name="T54" fmla="*/ 79 w 198"/>
                  <a:gd name="T55" fmla="*/ 122 h 360"/>
                  <a:gd name="T56" fmla="*/ 69 w 198"/>
                  <a:gd name="T57" fmla="*/ 124 h 360"/>
                  <a:gd name="T58" fmla="*/ 72 w 198"/>
                  <a:gd name="T59" fmla="*/ 131 h 360"/>
                  <a:gd name="T60" fmla="*/ 59 w 198"/>
                  <a:gd name="T61" fmla="*/ 129 h 360"/>
                  <a:gd name="T62" fmla="*/ 56 w 198"/>
                  <a:gd name="T63" fmla="*/ 134 h 360"/>
                  <a:gd name="T64" fmla="*/ 56 w 198"/>
                  <a:gd name="T65" fmla="*/ 136 h 360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198"/>
                  <a:gd name="T100" fmla="*/ 0 h 360"/>
                  <a:gd name="T101" fmla="*/ 198 w 198"/>
                  <a:gd name="T102" fmla="*/ 360 h 360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198" h="360">
                    <a:moveTo>
                      <a:pt x="126" y="360"/>
                    </a:moveTo>
                    <a:lnTo>
                      <a:pt x="108" y="342"/>
                    </a:lnTo>
                    <a:lnTo>
                      <a:pt x="108" y="318"/>
                    </a:lnTo>
                    <a:lnTo>
                      <a:pt x="60" y="282"/>
                    </a:lnTo>
                    <a:lnTo>
                      <a:pt x="72" y="246"/>
                    </a:lnTo>
                    <a:lnTo>
                      <a:pt x="54" y="234"/>
                    </a:lnTo>
                    <a:lnTo>
                      <a:pt x="42" y="240"/>
                    </a:lnTo>
                    <a:lnTo>
                      <a:pt x="36" y="216"/>
                    </a:lnTo>
                    <a:lnTo>
                      <a:pt x="12" y="198"/>
                    </a:lnTo>
                    <a:lnTo>
                      <a:pt x="0" y="180"/>
                    </a:lnTo>
                    <a:lnTo>
                      <a:pt x="0" y="138"/>
                    </a:lnTo>
                    <a:lnTo>
                      <a:pt x="18" y="126"/>
                    </a:lnTo>
                    <a:lnTo>
                      <a:pt x="24" y="108"/>
                    </a:lnTo>
                    <a:lnTo>
                      <a:pt x="18" y="78"/>
                    </a:lnTo>
                    <a:lnTo>
                      <a:pt x="42" y="72"/>
                    </a:lnTo>
                    <a:lnTo>
                      <a:pt x="54" y="54"/>
                    </a:lnTo>
                    <a:lnTo>
                      <a:pt x="54" y="30"/>
                    </a:lnTo>
                    <a:lnTo>
                      <a:pt x="30" y="12"/>
                    </a:lnTo>
                    <a:lnTo>
                      <a:pt x="42" y="6"/>
                    </a:lnTo>
                    <a:lnTo>
                      <a:pt x="168" y="0"/>
                    </a:lnTo>
                    <a:lnTo>
                      <a:pt x="180" y="48"/>
                    </a:lnTo>
                    <a:lnTo>
                      <a:pt x="192" y="198"/>
                    </a:lnTo>
                    <a:lnTo>
                      <a:pt x="192" y="216"/>
                    </a:lnTo>
                    <a:lnTo>
                      <a:pt x="198" y="240"/>
                    </a:lnTo>
                    <a:lnTo>
                      <a:pt x="180" y="276"/>
                    </a:lnTo>
                    <a:lnTo>
                      <a:pt x="180" y="300"/>
                    </a:lnTo>
                    <a:lnTo>
                      <a:pt x="174" y="312"/>
                    </a:lnTo>
                    <a:lnTo>
                      <a:pt x="180" y="324"/>
                    </a:lnTo>
                    <a:lnTo>
                      <a:pt x="156" y="330"/>
                    </a:lnTo>
                    <a:lnTo>
                      <a:pt x="162" y="348"/>
                    </a:lnTo>
                    <a:lnTo>
                      <a:pt x="132" y="342"/>
                    </a:lnTo>
                    <a:lnTo>
                      <a:pt x="126" y="354"/>
                    </a:lnTo>
                    <a:lnTo>
                      <a:pt x="126" y="36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68" name="Freeform 47"/>
              <p:cNvSpPr>
                <a:spLocks noChangeAspect="1"/>
              </p:cNvSpPr>
              <p:nvPr/>
            </p:nvSpPr>
            <p:spPr bwMode="auto">
              <a:xfrm>
                <a:off x="1700" y="1343"/>
                <a:ext cx="151" cy="264"/>
              </a:xfrm>
              <a:custGeom>
                <a:avLst/>
                <a:gdLst>
                  <a:gd name="T0" fmla="*/ 56 w 198"/>
                  <a:gd name="T1" fmla="*/ 136 h 366"/>
                  <a:gd name="T2" fmla="*/ 48 w 198"/>
                  <a:gd name="T3" fmla="*/ 128 h 366"/>
                  <a:gd name="T4" fmla="*/ 48 w 198"/>
                  <a:gd name="T5" fmla="*/ 119 h 366"/>
                  <a:gd name="T6" fmla="*/ 27 w 198"/>
                  <a:gd name="T7" fmla="*/ 105 h 366"/>
                  <a:gd name="T8" fmla="*/ 32 w 198"/>
                  <a:gd name="T9" fmla="*/ 92 h 366"/>
                  <a:gd name="T10" fmla="*/ 24 w 198"/>
                  <a:gd name="T11" fmla="*/ 88 h 366"/>
                  <a:gd name="T12" fmla="*/ 18 w 198"/>
                  <a:gd name="T13" fmla="*/ 90 h 366"/>
                  <a:gd name="T14" fmla="*/ 16 w 198"/>
                  <a:gd name="T15" fmla="*/ 82 h 366"/>
                  <a:gd name="T16" fmla="*/ 5 w 198"/>
                  <a:gd name="T17" fmla="*/ 74 h 366"/>
                  <a:gd name="T18" fmla="*/ 0 w 198"/>
                  <a:gd name="T19" fmla="*/ 68 h 366"/>
                  <a:gd name="T20" fmla="*/ 0 w 198"/>
                  <a:gd name="T21" fmla="*/ 52 h 366"/>
                  <a:gd name="T22" fmla="*/ 8 w 198"/>
                  <a:gd name="T23" fmla="*/ 48 h 366"/>
                  <a:gd name="T24" fmla="*/ 11 w 198"/>
                  <a:gd name="T25" fmla="*/ 40 h 366"/>
                  <a:gd name="T26" fmla="*/ 8 w 198"/>
                  <a:gd name="T27" fmla="*/ 29 h 366"/>
                  <a:gd name="T28" fmla="*/ 18 w 198"/>
                  <a:gd name="T29" fmla="*/ 27 h 366"/>
                  <a:gd name="T30" fmla="*/ 24 w 198"/>
                  <a:gd name="T31" fmla="*/ 20 h 366"/>
                  <a:gd name="T32" fmla="*/ 24 w 198"/>
                  <a:gd name="T33" fmla="*/ 12 h 366"/>
                  <a:gd name="T34" fmla="*/ 14 w 198"/>
                  <a:gd name="T35" fmla="*/ 4 h 366"/>
                  <a:gd name="T36" fmla="*/ 18 w 198"/>
                  <a:gd name="T37" fmla="*/ 2 h 366"/>
                  <a:gd name="T38" fmla="*/ 75 w 198"/>
                  <a:gd name="T39" fmla="*/ 0 h 366"/>
                  <a:gd name="T40" fmla="*/ 79 w 198"/>
                  <a:gd name="T41" fmla="*/ 18 h 366"/>
                  <a:gd name="T42" fmla="*/ 85 w 198"/>
                  <a:gd name="T43" fmla="*/ 74 h 366"/>
                  <a:gd name="T44" fmla="*/ 85 w 198"/>
                  <a:gd name="T45" fmla="*/ 82 h 366"/>
                  <a:gd name="T46" fmla="*/ 88 w 198"/>
                  <a:gd name="T47" fmla="*/ 90 h 366"/>
                  <a:gd name="T48" fmla="*/ 79 w 198"/>
                  <a:gd name="T49" fmla="*/ 104 h 366"/>
                  <a:gd name="T50" fmla="*/ 79 w 198"/>
                  <a:gd name="T51" fmla="*/ 113 h 366"/>
                  <a:gd name="T52" fmla="*/ 77 w 198"/>
                  <a:gd name="T53" fmla="*/ 117 h 366"/>
                  <a:gd name="T54" fmla="*/ 79 w 198"/>
                  <a:gd name="T55" fmla="*/ 122 h 366"/>
                  <a:gd name="T56" fmla="*/ 69 w 198"/>
                  <a:gd name="T57" fmla="*/ 124 h 366"/>
                  <a:gd name="T58" fmla="*/ 72 w 198"/>
                  <a:gd name="T59" fmla="*/ 131 h 366"/>
                  <a:gd name="T60" fmla="*/ 59 w 198"/>
                  <a:gd name="T61" fmla="*/ 128 h 366"/>
                  <a:gd name="T62" fmla="*/ 56 w 198"/>
                  <a:gd name="T63" fmla="*/ 133 h 366"/>
                  <a:gd name="T64" fmla="*/ 56 w 198"/>
                  <a:gd name="T65" fmla="*/ 136 h 366"/>
                  <a:gd name="T66" fmla="*/ 56 w 198"/>
                  <a:gd name="T67" fmla="*/ 137 h 36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w 198"/>
                  <a:gd name="T103" fmla="*/ 0 h 366"/>
                  <a:gd name="T104" fmla="*/ 198 w 198"/>
                  <a:gd name="T105" fmla="*/ 366 h 366"/>
                </a:gdLst>
                <a:ahLst/>
                <a:cxnLst>
                  <a:cxn ang="T68">
                    <a:pos x="T0" y="T1"/>
                  </a:cxn>
                  <a:cxn ang="T69">
                    <a:pos x="T2" y="T3"/>
                  </a:cxn>
                  <a:cxn ang="T70">
                    <a:pos x="T4" y="T5"/>
                  </a:cxn>
                  <a:cxn ang="T71">
                    <a:pos x="T6" y="T7"/>
                  </a:cxn>
                  <a:cxn ang="T72">
                    <a:pos x="T8" y="T9"/>
                  </a:cxn>
                  <a:cxn ang="T73">
                    <a:pos x="T10" y="T11"/>
                  </a:cxn>
                  <a:cxn ang="T74">
                    <a:pos x="T12" y="T13"/>
                  </a:cxn>
                  <a:cxn ang="T75">
                    <a:pos x="T14" y="T15"/>
                  </a:cxn>
                  <a:cxn ang="T76">
                    <a:pos x="T16" y="T17"/>
                  </a:cxn>
                  <a:cxn ang="T77">
                    <a:pos x="T18" y="T19"/>
                  </a:cxn>
                  <a:cxn ang="T78">
                    <a:pos x="T20" y="T21"/>
                  </a:cxn>
                  <a:cxn ang="T79">
                    <a:pos x="T22" y="T23"/>
                  </a:cxn>
                  <a:cxn ang="T80">
                    <a:pos x="T24" y="T25"/>
                  </a:cxn>
                  <a:cxn ang="T81">
                    <a:pos x="T26" y="T27"/>
                  </a:cxn>
                  <a:cxn ang="T82">
                    <a:pos x="T28" y="T29"/>
                  </a:cxn>
                  <a:cxn ang="T83">
                    <a:pos x="T30" y="T31"/>
                  </a:cxn>
                  <a:cxn ang="T84">
                    <a:pos x="T32" y="T33"/>
                  </a:cxn>
                  <a:cxn ang="T85">
                    <a:pos x="T34" y="T35"/>
                  </a:cxn>
                  <a:cxn ang="T86">
                    <a:pos x="T36" y="T37"/>
                  </a:cxn>
                  <a:cxn ang="T87">
                    <a:pos x="T38" y="T39"/>
                  </a:cxn>
                  <a:cxn ang="T88">
                    <a:pos x="T40" y="T41"/>
                  </a:cxn>
                  <a:cxn ang="T89">
                    <a:pos x="T42" y="T43"/>
                  </a:cxn>
                  <a:cxn ang="T90">
                    <a:pos x="T44" y="T45"/>
                  </a:cxn>
                  <a:cxn ang="T91">
                    <a:pos x="T46" y="T47"/>
                  </a:cxn>
                  <a:cxn ang="T92">
                    <a:pos x="T48" y="T49"/>
                  </a:cxn>
                  <a:cxn ang="T93">
                    <a:pos x="T50" y="T51"/>
                  </a:cxn>
                  <a:cxn ang="T94">
                    <a:pos x="T52" y="T53"/>
                  </a:cxn>
                  <a:cxn ang="T95">
                    <a:pos x="T54" y="T55"/>
                  </a:cxn>
                  <a:cxn ang="T96">
                    <a:pos x="T56" y="T57"/>
                  </a:cxn>
                  <a:cxn ang="T97">
                    <a:pos x="T58" y="T59"/>
                  </a:cxn>
                  <a:cxn ang="T98">
                    <a:pos x="T60" y="T61"/>
                  </a:cxn>
                  <a:cxn ang="T99">
                    <a:pos x="T62" y="T63"/>
                  </a:cxn>
                  <a:cxn ang="T100">
                    <a:pos x="T64" y="T65"/>
                  </a:cxn>
                  <a:cxn ang="T101">
                    <a:pos x="T66" y="T67"/>
                  </a:cxn>
                </a:cxnLst>
                <a:rect l="T102" t="T103" r="T104" b="T105"/>
                <a:pathLst>
                  <a:path w="198" h="366">
                    <a:moveTo>
                      <a:pt x="126" y="360"/>
                    </a:moveTo>
                    <a:lnTo>
                      <a:pt x="108" y="342"/>
                    </a:lnTo>
                    <a:lnTo>
                      <a:pt x="108" y="318"/>
                    </a:lnTo>
                    <a:lnTo>
                      <a:pt x="60" y="282"/>
                    </a:lnTo>
                    <a:lnTo>
                      <a:pt x="72" y="246"/>
                    </a:lnTo>
                    <a:lnTo>
                      <a:pt x="54" y="234"/>
                    </a:lnTo>
                    <a:lnTo>
                      <a:pt x="42" y="240"/>
                    </a:lnTo>
                    <a:lnTo>
                      <a:pt x="36" y="216"/>
                    </a:lnTo>
                    <a:lnTo>
                      <a:pt x="12" y="198"/>
                    </a:lnTo>
                    <a:lnTo>
                      <a:pt x="0" y="180"/>
                    </a:lnTo>
                    <a:lnTo>
                      <a:pt x="0" y="138"/>
                    </a:lnTo>
                    <a:lnTo>
                      <a:pt x="18" y="126"/>
                    </a:lnTo>
                    <a:lnTo>
                      <a:pt x="24" y="108"/>
                    </a:lnTo>
                    <a:lnTo>
                      <a:pt x="18" y="78"/>
                    </a:lnTo>
                    <a:lnTo>
                      <a:pt x="42" y="72"/>
                    </a:lnTo>
                    <a:lnTo>
                      <a:pt x="54" y="54"/>
                    </a:lnTo>
                    <a:lnTo>
                      <a:pt x="54" y="30"/>
                    </a:lnTo>
                    <a:lnTo>
                      <a:pt x="30" y="12"/>
                    </a:lnTo>
                    <a:lnTo>
                      <a:pt x="42" y="6"/>
                    </a:lnTo>
                    <a:lnTo>
                      <a:pt x="168" y="0"/>
                    </a:lnTo>
                    <a:lnTo>
                      <a:pt x="180" y="48"/>
                    </a:lnTo>
                    <a:lnTo>
                      <a:pt x="192" y="198"/>
                    </a:lnTo>
                    <a:lnTo>
                      <a:pt x="192" y="216"/>
                    </a:lnTo>
                    <a:lnTo>
                      <a:pt x="198" y="240"/>
                    </a:lnTo>
                    <a:lnTo>
                      <a:pt x="180" y="276"/>
                    </a:lnTo>
                    <a:lnTo>
                      <a:pt x="180" y="300"/>
                    </a:lnTo>
                    <a:lnTo>
                      <a:pt x="174" y="312"/>
                    </a:lnTo>
                    <a:lnTo>
                      <a:pt x="180" y="324"/>
                    </a:lnTo>
                    <a:lnTo>
                      <a:pt x="156" y="330"/>
                    </a:lnTo>
                    <a:lnTo>
                      <a:pt x="162" y="348"/>
                    </a:lnTo>
                    <a:lnTo>
                      <a:pt x="132" y="342"/>
                    </a:lnTo>
                    <a:lnTo>
                      <a:pt x="126" y="354"/>
                    </a:lnTo>
                    <a:lnTo>
                      <a:pt x="126" y="360"/>
                    </a:lnTo>
                    <a:lnTo>
                      <a:pt x="126" y="3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69" name="Freeform 48"/>
              <p:cNvSpPr>
                <a:spLocks noChangeAspect="1"/>
              </p:cNvSpPr>
              <p:nvPr/>
            </p:nvSpPr>
            <p:spPr bwMode="auto">
              <a:xfrm>
                <a:off x="1837" y="1369"/>
                <a:ext cx="114" cy="191"/>
              </a:xfrm>
              <a:custGeom>
                <a:avLst/>
                <a:gdLst>
                  <a:gd name="T0" fmla="*/ 0 w 150"/>
                  <a:gd name="T1" fmla="*/ 100 h 264"/>
                  <a:gd name="T2" fmla="*/ 0 w 150"/>
                  <a:gd name="T3" fmla="*/ 91 h 264"/>
                  <a:gd name="T4" fmla="*/ 8 w 150"/>
                  <a:gd name="T5" fmla="*/ 77 h 264"/>
                  <a:gd name="T6" fmla="*/ 5 w 150"/>
                  <a:gd name="T7" fmla="*/ 68 h 264"/>
                  <a:gd name="T8" fmla="*/ 5 w 150"/>
                  <a:gd name="T9" fmla="*/ 61 h 264"/>
                  <a:gd name="T10" fmla="*/ 0 w 150"/>
                  <a:gd name="T11" fmla="*/ 5 h 264"/>
                  <a:gd name="T12" fmla="*/ 8 w 150"/>
                  <a:gd name="T13" fmla="*/ 7 h 264"/>
                  <a:gd name="T14" fmla="*/ 16 w 150"/>
                  <a:gd name="T15" fmla="*/ 2 h 264"/>
                  <a:gd name="T16" fmla="*/ 58 w 150"/>
                  <a:gd name="T17" fmla="*/ 0 h 264"/>
                  <a:gd name="T18" fmla="*/ 66 w 150"/>
                  <a:gd name="T19" fmla="*/ 64 h 264"/>
                  <a:gd name="T20" fmla="*/ 66 w 150"/>
                  <a:gd name="T21" fmla="*/ 71 h 264"/>
                  <a:gd name="T22" fmla="*/ 52 w 150"/>
                  <a:gd name="T23" fmla="*/ 75 h 264"/>
                  <a:gd name="T24" fmla="*/ 55 w 150"/>
                  <a:gd name="T25" fmla="*/ 77 h 264"/>
                  <a:gd name="T26" fmla="*/ 45 w 150"/>
                  <a:gd name="T27" fmla="*/ 93 h 264"/>
                  <a:gd name="T28" fmla="*/ 40 w 150"/>
                  <a:gd name="T29" fmla="*/ 91 h 264"/>
                  <a:gd name="T30" fmla="*/ 37 w 150"/>
                  <a:gd name="T31" fmla="*/ 88 h 264"/>
                  <a:gd name="T32" fmla="*/ 29 w 150"/>
                  <a:gd name="T33" fmla="*/ 98 h 264"/>
                  <a:gd name="T34" fmla="*/ 27 w 150"/>
                  <a:gd name="T35" fmla="*/ 93 h 264"/>
                  <a:gd name="T36" fmla="*/ 21 w 150"/>
                  <a:gd name="T37" fmla="*/ 100 h 264"/>
                  <a:gd name="T38" fmla="*/ 8 w 150"/>
                  <a:gd name="T39" fmla="*/ 96 h 264"/>
                  <a:gd name="T40" fmla="*/ 8 w 150"/>
                  <a:gd name="T41" fmla="*/ 100 h 264"/>
                  <a:gd name="T42" fmla="*/ 3 w 150"/>
                  <a:gd name="T43" fmla="*/ 98 h 264"/>
                  <a:gd name="T44" fmla="*/ 0 w 150"/>
                  <a:gd name="T45" fmla="*/ 100 h 264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150"/>
                  <a:gd name="T70" fmla="*/ 0 h 264"/>
                  <a:gd name="T71" fmla="*/ 150 w 150"/>
                  <a:gd name="T72" fmla="*/ 264 h 264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150" h="264">
                    <a:moveTo>
                      <a:pt x="0" y="264"/>
                    </a:moveTo>
                    <a:lnTo>
                      <a:pt x="0" y="240"/>
                    </a:lnTo>
                    <a:lnTo>
                      <a:pt x="18" y="204"/>
                    </a:lnTo>
                    <a:lnTo>
                      <a:pt x="12" y="180"/>
                    </a:lnTo>
                    <a:lnTo>
                      <a:pt x="12" y="162"/>
                    </a:lnTo>
                    <a:lnTo>
                      <a:pt x="0" y="12"/>
                    </a:lnTo>
                    <a:lnTo>
                      <a:pt x="18" y="18"/>
                    </a:lnTo>
                    <a:lnTo>
                      <a:pt x="36" y="6"/>
                    </a:lnTo>
                    <a:lnTo>
                      <a:pt x="132" y="0"/>
                    </a:lnTo>
                    <a:lnTo>
                      <a:pt x="150" y="168"/>
                    </a:lnTo>
                    <a:lnTo>
                      <a:pt x="150" y="186"/>
                    </a:lnTo>
                    <a:lnTo>
                      <a:pt x="120" y="198"/>
                    </a:lnTo>
                    <a:lnTo>
                      <a:pt x="126" y="204"/>
                    </a:lnTo>
                    <a:lnTo>
                      <a:pt x="102" y="246"/>
                    </a:lnTo>
                    <a:lnTo>
                      <a:pt x="90" y="240"/>
                    </a:lnTo>
                    <a:lnTo>
                      <a:pt x="84" y="234"/>
                    </a:lnTo>
                    <a:lnTo>
                      <a:pt x="66" y="258"/>
                    </a:lnTo>
                    <a:lnTo>
                      <a:pt x="60" y="246"/>
                    </a:lnTo>
                    <a:lnTo>
                      <a:pt x="48" y="264"/>
                    </a:lnTo>
                    <a:lnTo>
                      <a:pt x="18" y="252"/>
                    </a:lnTo>
                    <a:lnTo>
                      <a:pt x="18" y="264"/>
                    </a:lnTo>
                    <a:lnTo>
                      <a:pt x="6" y="258"/>
                    </a:lnTo>
                    <a:lnTo>
                      <a:pt x="0" y="26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70" name="Freeform 49"/>
              <p:cNvSpPr>
                <a:spLocks noChangeAspect="1"/>
              </p:cNvSpPr>
              <p:nvPr/>
            </p:nvSpPr>
            <p:spPr bwMode="auto">
              <a:xfrm>
                <a:off x="1837" y="1369"/>
                <a:ext cx="114" cy="195"/>
              </a:xfrm>
              <a:custGeom>
                <a:avLst/>
                <a:gdLst>
                  <a:gd name="T0" fmla="*/ 0 w 150"/>
                  <a:gd name="T1" fmla="*/ 100 h 270"/>
                  <a:gd name="T2" fmla="*/ 0 w 150"/>
                  <a:gd name="T3" fmla="*/ 90 h 270"/>
                  <a:gd name="T4" fmla="*/ 8 w 150"/>
                  <a:gd name="T5" fmla="*/ 77 h 270"/>
                  <a:gd name="T6" fmla="*/ 5 w 150"/>
                  <a:gd name="T7" fmla="*/ 68 h 270"/>
                  <a:gd name="T8" fmla="*/ 5 w 150"/>
                  <a:gd name="T9" fmla="*/ 61 h 270"/>
                  <a:gd name="T10" fmla="*/ 0 w 150"/>
                  <a:gd name="T11" fmla="*/ 4 h 270"/>
                  <a:gd name="T12" fmla="*/ 8 w 150"/>
                  <a:gd name="T13" fmla="*/ 6 h 270"/>
                  <a:gd name="T14" fmla="*/ 16 w 150"/>
                  <a:gd name="T15" fmla="*/ 2 h 270"/>
                  <a:gd name="T16" fmla="*/ 58 w 150"/>
                  <a:gd name="T17" fmla="*/ 0 h 270"/>
                  <a:gd name="T18" fmla="*/ 66 w 150"/>
                  <a:gd name="T19" fmla="*/ 63 h 270"/>
                  <a:gd name="T20" fmla="*/ 66 w 150"/>
                  <a:gd name="T21" fmla="*/ 70 h 270"/>
                  <a:gd name="T22" fmla="*/ 52 w 150"/>
                  <a:gd name="T23" fmla="*/ 74 h 270"/>
                  <a:gd name="T24" fmla="*/ 55 w 150"/>
                  <a:gd name="T25" fmla="*/ 77 h 270"/>
                  <a:gd name="T26" fmla="*/ 45 w 150"/>
                  <a:gd name="T27" fmla="*/ 93 h 270"/>
                  <a:gd name="T28" fmla="*/ 40 w 150"/>
                  <a:gd name="T29" fmla="*/ 90 h 270"/>
                  <a:gd name="T30" fmla="*/ 37 w 150"/>
                  <a:gd name="T31" fmla="*/ 88 h 270"/>
                  <a:gd name="T32" fmla="*/ 29 w 150"/>
                  <a:gd name="T33" fmla="*/ 97 h 270"/>
                  <a:gd name="T34" fmla="*/ 27 w 150"/>
                  <a:gd name="T35" fmla="*/ 93 h 270"/>
                  <a:gd name="T36" fmla="*/ 21 w 150"/>
                  <a:gd name="T37" fmla="*/ 100 h 270"/>
                  <a:gd name="T38" fmla="*/ 8 w 150"/>
                  <a:gd name="T39" fmla="*/ 95 h 270"/>
                  <a:gd name="T40" fmla="*/ 8 w 150"/>
                  <a:gd name="T41" fmla="*/ 100 h 270"/>
                  <a:gd name="T42" fmla="*/ 3 w 150"/>
                  <a:gd name="T43" fmla="*/ 97 h 270"/>
                  <a:gd name="T44" fmla="*/ 0 w 150"/>
                  <a:gd name="T45" fmla="*/ 100 h 270"/>
                  <a:gd name="T46" fmla="*/ 0 w 150"/>
                  <a:gd name="T47" fmla="*/ 102 h 270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w 150"/>
                  <a:gd name="T73" fmla="*/ 0 h 270"/>
                  <a:gd name="T74" fmla="*/ 150 w 150"/>
                  <a:gd name="T75" fmla="*/ 270 h 270"/>
                </a:gdLst>
                <a:ahLst/>
                <a:cxnLst>
                  <a:cxn ang="T48">
                    <a:pos x="T0" y="T1"/>
                  </a:cxn>
                  <a:cxn ang="T49">
                    <a:pos x="T2" y="T3"/>
                  </a:cxn>
                  <a:cxn ang="T50">
                    <a:pos x="T4" y="T5"/>
                  </a:cxn>
                  <a:cxn ang="T51">
                    <a:pos x="T6" y="T7"/>
                  </a:cxn>
                  <a:cxn ang="T52">
                    <a:pos x="T8" y="T9"/>
                  </a:cxn>
                  <a:cxn ang="T53">
                    <a:pos x="T10" y="T11"/>
                  </a:cxn>
                  <a:cxn ang="T54">
                    <a:pos x="T12" y="T13"/>
                  </a:cxn>
                  <a:cxn ang="T55">
                    <a:pos x="T14" y="T15"/>
                  </a:cxn>
                  <a:cxn ang="T56">
                    <a:pos x="T16" y="T17"/>
                  </a:cxn>
                  <a:cxn ang="T57">
                    <a:pos x="T18" y="T19"/>
                  </a:cxn>
                  <a:cxn ang="T58">
                    <a:pos x="T20" y="T21"/>
                  </a:cxn>
                  <a:cxn ang="T59">
                    <a:pos x="T22" y="T23"/>
                  </a:cxn>
                  <a:cxn ang="T60">
                    <a:pos x="T24" y="T25"/>
                  </a:cxn>
                  <a:cxn ang="T61">
                    <a:pos x="T26" y="T27"/>
                  </a:cxn>
                  <a:cxn ang="T62">
                    <a:pos x="T28" y="T29"/>
                  </a:cxn>
                  <a:cxn ang="T63">
                    <a:pos x="T30" y="T31"/>
                  </a:cxn>
                  <a:cxn ang="T64">
                    <a:pos x="T32" y="T33"/>
                  </a:cxn>
                  <a:cxn ang="T65">
                    <a:pos x="T34" y="T35"/>
                  </a:cxn>
                  <a:cxn ang="T66">
                    <a:pos x="T36" y="T37"/>
                  </a:cxn>
                  <a:cxn ang="T67">
                    <a:pos x="T38" y="T39"/>
                  </a:cxn>
                  <a:cxn ang="T68">
                    <a:pos x="T40" y="T41"/>
                  </a:cxn>
                  <a:cxn ang="T69">
                    <a:pos x="T42" y="T43"/>
                  </a:cxn>
                  <a:cxn ang="T70">
                    <a:pos x="T44" y="T45"/>
                  </a:cxn>
                  <a:cxn ang="T71">
                    <a:pos x="T46" y="T47"/>
                  </a:cxn>
                </a:cxnLst>
                <a:rect l="T72" t="T73" r="T74" b="T75"/>
                <a:pathLst>
                  <a:path w="150" h="270">
                    <a:moveTo>
                      <a:pt x="0" y="264"/>
                    </a:moveTo>
                    <a:lnTo>
                      <a:pt x="0" y="240"/>
                    </a:lnTo>
                    <a:lnTo>
                      <a:pt x="18" y="204"/>
                    </a:lnTo>
                    <a:lnTo>
                      <a:pt x="12" y="180"/>
                    </a:lnTo>
                    <a:lnTo>
                      <a:pt x="12" y="162"/>
                    </a:lnTo>
                    <a:lnTo>
                      <a:pt x="0" y="12"/>
                    </a:lnTo>
                    <a:lnTo>
                      <a:pt x="18" y="18"/>
                    </a:lnTo>
                    <a:lnTo>
                      <a:pt x="36" y="6"/>
                    </a:lnTo>
                    <a:lnTo>
                      <a:pt x="132" y="0"/>
                    </a:lnTo>
                    <a:lnTo>
                      <a:pt x="150" y="168"/>
                    </a:lnTo>
                    <a:lnTo>
                      <a:pt x="150" y="186"/>
                    </a:lnTo>
                    <a:lnTo>
                      <a:pt x="120" y="198"/>
                    </a:lnTo>
                    <a:lnTo>
                      <a:pt x="126" y="204"/>
                    </a:lnTo>
                    <a:lnTo>
                      <a:pt x="102" y="246"/>
                    </a:lnTo>
                    <a:lnTo>
                      <a:pt x="90" y="240"/>
                    </a:lnTo>
                    <a:lnTo>
                      <a:pt x="84" y="234"/>
                    </a:lnTo>
                    <a:lnTo>
                      <a:pt x="66" y="258"/>
                    </a:lnTo>
                    <a:lnTo>
                      <a:pt x="60" y="246"/>
                    </a:lnTo>
                    <a:lnTo>
                      <a:pt x="48" y="264"/>
                    </a:lnTo>
                    <a:lnTo>
                      <a:pt x="18" y="252"/>
                    </a:lnTo>
                    <a:lnTo>
                      <a:pt x="18" y="264"/>
                    </a:lnTo>
                    <a:lnTo>
                      <a:pt x="6" y="258"/>
                    </a:lnTo>
                    <a:lnTo>
                      <a:pt x="0" y="264"/>
                    </a:lnTo>
                    <a:lnTo>
                      <a:pt x="0" y="27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71" name="Freeform 50"/>
              <p:cNvSpPr>
                <a:spLocks noChangeAspect="1"/>
              </p:cNvSpPr>
              <p:nvPr/>
            </p:nvSpPr>
            <p:spPr bwMode="auto">
              <a:xfrm>
                <a:off x="1507" y="1304"/>
                <a:ext cx="234" cy="148"/>
              </a:xfrm>
              <a:custGeom>
                <a:avLst/>
                <a:gdLst>
                  <a:gd name="T0" fmla="*/ 113 w 306"/>
                  <a:gd name="T1" fmla="*/ 78 h 204"/>
                  <a:gd name="T2" fmla="*/ 108 w 306"/>
                  <a:gd name="T3" fmla="*/ 71 h 204"/>
                  <a:gd name="T4" fmla="*/ 18 w 306"/>
                  <a:gd name="T5" fmla="*/ 73 h 204"/>
                  <a:gd name="T6" fmla="*/ 16 w 306"/>
                  <a:gd name="T7" fmla="*/ 57 h 204"/>
                  <a:gd name="T8" fmla="*/ 5 w 306"/>
                  <a:gd name="T9" fmla="*/ 28 h 204"/>
                  <a:gd name="T10" fmla="*/ 0 w 306"/>
                  <a:gd name="T11" fmla="*/ 20 h 204"/>
                  <a:gd name="T12" fmla="*/ 5 w 306"/>
                  <a:gd name="T13" fmla="*/ 12 h 204"/>
                  <a:gd name="T14" fmla="*/ 3 w 306"/>
                  <a:gd name="T15" fmla="*/ 5 h 204"/>
                  <a:gd name="T16" fmla="*/ 5 w 306"/>
                  <a:gd name="T17" fmla="*/ 2 h 204"/>
                  <a:gd name="T18" fmla="*/ 113 w 306"/>
                  <a:gd name="T19" fmla="*/ 0 h 204"/>
                  <a:gd name="T20" fmla="*/ 118 w 306"/>
                  <a:gd name="T21" fmla="*/ 7 h 204"/>
                  <a:gd name="T22" fmla="*/ 115 w 306"/>
                  <a:gd name="T23" fmla="*/ 12 h 204"/>
                  <a:gd name="T24" fmla="*/ 118 w 306"/>
                  <a:gd name="T25" fmla="*/ 18 h 204"/>
                  <a:gd name="T26" fmla="*/ 126 w 306"/>
                  <a:gd name="T27" fmla="*/ 25 h 204"/>
                  <a:gd name="T28" fmla="*/ 137 w 306"/>
                  <a:gd name="T29" fmla="*/ 32 h 204"/>
                  <a:gd name="T30" fmla="*/ 137 w 306"/>
                  <a:gd name="T31" fmla="*/ 41 h 204"/>
                  <a:gd name="T32" fmla="*/ 132 w 306"/>
                  <a:gd name="T33" fmla="*/ 48 h 204"/>
                  <a:gd name="T34" fmla="*/ 121 w 306"/>
                  <a:gd name="T35" fmla="*/ 51 h 204"/>
                  <a:gd name="T36" fmla="*/ 123 w 306"/>
                  <a:gd name="T37" fmla="*/ 62 h 204"/>
                  <a:gd name="T38" fmla="*/ 121 w 306"/>
                  <a:gd name="T39" fmla="*/ 69 h 204"/>
                  <a:gd name="T40" fmla="*/ 113 w 306"/>
                  <a:gd name="T41" fmla="*/ 73 h 204"/>
                  <a:gd name="T42" fmla="*/ 113 w 306"/>
                  <a:gd name="T43" fmla="*/ 78 h 204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306"/>
                  <a:gd name="T67" fmla="*/ 0 h 204"/>
                  <a:gd name="T68" fmla="*/ 306 w 306"/>
                  <a:gd name="T69" fmla="*/ 204 h 204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306" h="204">
                    <a:moveTo>
                      <a:pt x="252" y="204"/>
                    </a:moveTo>
                    <a:lnTo>
                      <a:pt x="240" y="186"/>
                    </a:lnTo>
                    <a:lnTo>
                      <a:pt x="42" y="192"/>
                    </a:lnTo>
                    <a:lnTo>
                      <a:pt x="36" y="150"/>
                    </a:lnTo>
                    <a:lnTo>
                      <a:pt x="12" y="72"/>
                    </a:lnTo>
                    <a:lnTo>
                      <a:pt x="0" y="54"/>
                    </a:lnTo>
                    <a:lnTo>
                      <a:pt x="12" y="30"/>
                    </a:lnTo>
                    <a:lnTo>
                      <a:pt x="6" y="12"/>
                    </a:lnTo>
                    <a:lnTo>
                      <a:pt x="12" y="6"/>
                    </a:lnTo>
                    <a:lnTo>
                      <a:pt x="252" y="0"/>
                    </a:lnTo>
                    <a:lnTo>
                      <a:pt x="264" y="18"/>
                    </a:lnTo>
                    <a:lnTo>
                      <a:pt x="258" y="30"/>
                    </a:lnTo>
                    <a:lnTo>
                      <a:pt x="264" y="48"/>
                    </a:lnTo>
                    <a:lnTo>
                      <a:pt x="282" y="66"/>
                    </a:lnTo>
                    <a:lnTo>
                      <a:pt x="306" y="84"/>
                    </a:lnTo>
                    <a:lnTo>
                      <a:pt x="306" y="108"/>
                    </a:lnTo>
                    <a:lnTo>
                      <a:pt x="294" y="126"/>
                    </a:lnTo>
                    <a:lnTo>
                      <a:pt x="270" y="132"/>
                    </a:lnTo>
                    <a:lnTo>
                      <a:pt x="276" y="162"/>
                    </a:lnTo>
                    <a:lnTo>
                      <a:pt x="270" y="180"/>
                    </a:lnTo>
                    <a:lnTo>
                      <a:pt x="252" y="192"/>
                    </a:lnTo>
                    <a:lnTo>
                      <a:pt x="252" y="20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72" name="Freeform 51"/>
              <p:cNvSpPr>
                <a:spLocks noChangeAspect="1"/>
              </p:cNvSpPr>
              <p:nvPr/>
            </p:nvSpPr>
            <p:spPr bwMode="auto">
              <a:xfrm>
                <a:off x="1507" y="1304"/>
                <a:ext cx="234" cy="152"/>
              </a:xfrm>
              <a:custGeom>
                <a:avLst/>
                <a:gdLst>
                  <a:gd name="T0" fmla="*/ 113 w 306"/>
                  <a:gd name="T1" fmla="*/ 77 h 210"/>
                  <a:gd name="T2" fmla="*/ 108 w 306"/>
                  <a:gd name="T3" fmla="*/ 71 h 210"/>
                  <a:gd name="T4" fmla="*/ 18 w 306"/>
                  <a:gd name="T5" fmla="*/ 73 h 210"/>
                  <a:gd name="T6" fmla="*/ 16 w 306"/>
                  <a:gd name="T7" fmla="*/ 57 h 210"/>
                  <a:gd name="T8" fmla="*/ 5 w 306"/>
                  <a:gd name="T9" fmla="*/ 28 h 210"/>
                  <a:gd name="T10" fmla="*/ 0 w 306"/>
                  <a:gd name="T11" fmla="*/ 20 h 210"/>
                  <a:gd name="T12" fmla="*/ 5 w 306"/>
                  <a:gd name="T13" fmla="*/ 12 h 210"/>
                  <a:gd name="T14" fmla="*/ 3 w 306"/>
                  <a:gd name="T15" fmla="*/ 5 h 210"/>
                  <a:gd name="T16" fmla="*/ 5 w 306"/>
                  <a:gd name="T17" fmla="*/ 2 h 210"/>
                  <a:gd name="T18" fmla="*/ 113 w 306"/>
                  <a:gd name="T19" fmla="*/ 0 h 210"/>
                  <a:gd name="T20" fmla="*/ 118 w 306"/>
                  <a:gd name="T21" fmla="*/ 7 h 210"/>
                  <a:gd name="T22" fmla="*/ 115 w 306"/>
                  <a:gd name="T23" fmla="*/ 12 h 210"/>
                  <a:gd name="T24" fmla="*/ 118 w 306"/>
                  <a:gd name="T25" fmla="*/ 18 h 210"/>
                  <a:gd name="T26" fmla="*/ 126 w 306"/>
                  <a:gd name="T27" fmla="*/ 25 h 210"/>
                  <a:gd name="T28" fmla="*/ 137 w 306"/>
                  <a:gd name="T29" fmla="*/ 32 h 210"/>
                  <a:gd name="T30" fmla="*/ 137 w 306"/>
                  <a:gd name="T31" fmla="*/ 41 h 210"/>
                  <a:gd name="T32" fmla="*/ 132 w 306"/>
                  <a:gd name="T33" fmla="*/ 48 h 210"/>
                  <a:gd name="T34" fmla="*/ 121 w 306"/>
                  <a:gd name="T35" fmla="*/ 50 h 210"/>
                  <a:gd name="T36" fmla="*/ 123 w 306"/>
                  <a:gd name="T37" fmla="*/ 62 h 210"/>
                  <a:gd name="T38" fmla="*/ 121 w 306"/>
                  <a:gd name="T39" fmla="*/ 68 h 210"/>
                  <a:gd name="T40" fmla="*/ 113 w 306"/>
                  <a:gd name="T41" fmla="*/ 73 h 210"/>
                  <a:gd name="T42" fmla="*/ 113 w 306"/>
                  <a:gd name="T43" fmla="*/ 77 h 210"/>
                  <a:gd name="T44" fmla="*/ 113 w 306"/>
                  <a:gd name="T45" fmla="*/ 80 h 210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306"/>
                  <a:gd name="T70" fmla="*/ 0 h 210"/>
                  <a:gd name="T71" fmla="*/ 306 w 306"/>
                  <a:gd name="T72" fmla="*/ 210 h 210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306" h="210">
                    <a:moveTo>
                      <a:pt x="252" y="204"/>
                    </a:moveTo>
                    <a:lnTo>
                      <a:pt x="240" y="186"/>
                    </a:lnTo>
                    <a:lnTo>
                      <a:pt x="42" y="192"/>
                    </a:lnTo>
                    <a:lnTo>
                      <a:pt x="36" y="150"/>
                    </a:lnTo>
                    <a:lnTo>
                      <a:pt x="12" y="72"/>
                    </a:lnTo>
                    <a:lnTo>
                      <a:pt x="0" y="54"/>
                    </a:lnTo>
                    <a:lnTo>
                      <a:pt x="12" y="30"/>
                    </a:lnTo>
                    <a:lnTo>
                      <a:pt x="6" y="12"/>
                    </a:lnTo>
                    <a:lnTo>
                      <a:pt x="12" y="6"/>
                    </a:lnTo>
                    <a:lnTo>
                      <a:pt x="252" y="0"/>
                    </a:lnTo>
                    <a:lnTo>
                      <a:pt x="264" y="18"/>
                    </a:lnTo>
                    <a:lnTo>
                      <a:pt x="258" y="30"/>
                    </a:lnTo>
                    <a:lnTo>
                      <a:pt x="264" y="48"/>
                    </a:lnTo>
                    <a:lnTo>
                      <a:pt x="282" y="66"/>
                    </a:lnTo>
                    <a:lnTo>
                      <a:pt x="306" y="84"/>
                    </a:lnTo>
                    <a:lnTo>
                      <a:pt x="306" y="108"/>
                    </a:lnTo>
                    <a:lnTo>
                      <a:pt x="294" y="126"/>
                    </a:lnTo>
                    <a:lnTo>
                      <a:pt x="270" y="132"/>
                    </a:lnTo>
                    <a:lnTo>
                      <a:pt x="276" y="162"/>
                    </a:lnTo>
                    <a:lnTo>
                      <a:pt x="270" y="180"/>
                    </a:lnTo>
                    <a:lnTo>
                      <a:pt x="252" y="192"/>
                    </a:lnTo>
                    <a:lnTo>
                      <a:pt x="252" y="204"/>
                    </a:lnTo>
                    <a:lnTo>
                      <a:pt x="252" y="21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73" name="Freeform 52"/>
              <p:cNvSpPr>
                <a:spLocks noChangeAspect="1"/>
              </p:cNvSpPr>
              <p:nvPr/>
            </p:nvSpPr>
            <p:spPr bwMode="auto">
              <a:xfrm>
                <a:off x="1297" y="1465"/>
                <a:ext cx="288" cy="142"/>
              </a:xfrm>
              <a:custGeom>
                <a:avLst/>
                <a:gdLst>
                  <a:gd name="T0" fmla="*/ 152 w 378"/>
                  <a:gd name="T1" fmla="*/ 2 h 198"/>
                  <a:gd name="T2" fmla="*/ 159 w 378"/>
                  <a:gd name="T3" fmla="*/ 6 h 198"/>
                  <a:gd name="T4" fmla="*/ 154 w 378"/>
                  <a:gd name="T5" fmla="*/ 14 h 198"/>
                  <a:gd name="T6" fmla="*/ 167 w 378"/>
                  <a:gd name="T7" fmla="*/ 22 h 198"/>
                  <a:gd name="T8" fmla="*/ 167 w 378"/>
                  <a:gd name="T9" fmla="*/ 73 h 198"/>
                  <a:gd name="T10" fmla="*/ 0 w 378"/>
                  <a:gd name="T11" fmla="*/ 71 h 198"/>
                  <a:gd name="T12" fmla="*/ 5 w 378"/>
                  <a:gd name="T13" fmla="*/ 0 h 198"/>
                  <a:gd name="T14" fmla="*/ 149 w 378"/>
                  <a:gd name="T15" fmla="*/ 2 h 198"/>
                  <a:gd name="T16" fmla="*/ 152 w 378"/>
                  <a:gd name="T17" fmla="*/ 2 h 198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378"/>
                  <a:gd name="T28" fmla="*/ 0 h 198"/>
                  <a:gd name="T29" fmla="*/ 378 w 378"/>
                  <a:gd name="T30" fmla="*/ 198 h 198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378" h="198">
                    <a:moveTo>
                      <a:pt x="342" y="6"/>
                    </a:moveTo>
                    <a:lnTo>
                      <a:pt x="360" y="18"/>
                    </a:lnTo>
                    <a:lnTo>
                      <a:pt x="348" y="36"/>
                    </a:lnTo>
                    <a:lnTo>
                      <a:pt x="378" y="60"/>
                    </a:lnTo>
                    <a:lnTo>
                      <a:pt x="378" y="198"/>
                    </a:lnTo>
                    <a:lnTo>
                      <a:pt x="0" y="192"/>
                    </a:lnTo>
                    <a:lnTo>
                      <a:pt x="12" y="0"/>
                    </a:lnTo>
                    <a:lnTo>
                      <a:pt x="336" y="6"/>
                    </a:lnTo>
                    <a:lnTo>
                      <a:pt x="342" y="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74" name="Freeform 53"/>
              <p:cNvSpPr>
                <a:spLocks noChangeAspect="1"/>
              </p:cNvSpPr>
              <p:nvPr/>
            </p:nvSpPr>
            <p:spPr bwMode="auto">
              <a:xfrm>
                <a:off x="1297" y="1465"/>
                <a:ext cx="288" cy="142"/>
              </a:xfrm>
              <a:custGeom>
                <a:avLst/>
                <a:gdLst>
                  <a:gd name="T0" fmla="*/ 152 w 378"/>
                  <a:gd name="T1" fmla="*/ 2 h 198"/>
                  <a:gd name="T2" fmla="*/ 159 w 378"/>
                  <a:gd name="T3" fmla="*/ 6 h 198"/>
                  <a:gd name="T4" fmla="*/ 154 w 378"/>
                  <a:gd name="T5" fmla="*/ 14 h 198"/>
                  <a:gd name="T6" fmla="*/ 167 w 378"/>
                  <a:gd name="T7" fmla="*/ 22 h 198"/>
                  <a:gd name="T8" fmla="*/ 167 w 378"/>
                  <a:gd name="T9" fmla="*/ 73 h 198"/>
                  <a:gd name="T10" fmla="*/ 0 w 378"/>
                  <a:gd name="T11" fmla="*/ 71 h 198"/>
                  <a:gd name="T12" fmla="*/ 5 w 378"/>
                  <a:gd name="T13" fmla="*/ 0 h 198"/>
                  <a:gd name="T14" fmla="*/ 149 w 378"/>
                  <a:gd name="T15" fmla="*/ 2 h 198"/>
                  <a:gd name="T16" fmla="*/ 152 w 378"/>
                  <a:gd name="T17" fmla="*/ 2 h 198"/>
                  <a:gd name="T18" fmla="*/ 152 w 378"/>
                  <a:gd name="T19" fmla="*/ 4 h 19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78"/>
                  <a:gd name="T31" fmla="*/ 0 h 198"/>
                  <a:gd name="T32" fmla="*/ 378 w 378"/>
                  <a:gd name="T33" fmla="*/ 198 h 19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78" h="198">
                    <a:moveTo>
                      <a:pt x="342" y="6"/>
                    </a:moveTo>
                    <a:lnTo>
                      <a:pt x="360" y="18"/>
                    </a:lnTo>
                    <a:lnTo>
                      <a:pt x="348" y="36"/>
                    </a:lnTo>
                    <a:lnTo>
                      <a:pt x="378" y="60"/>
                    </a:lnTo>
                    <a:lnTo>
                      <a:pt x="378" y="198"/>
                    </a:lnTo>
                    <a:lnTo>
                      <a:pt x="0" y="192"/>
                    </a:lnTo>
                    <a:lnTo>
                      <a:pt x="12" y="0"/>
                    </a:lnTo>
                    <a:lnTo>
                      <a:pt x="336" y="6"/>
                    </a:lnTo>
                    <a:lnTo>
                      <a:pt x="342" y="6"/>
                    </a:lnTo>
                    <a:lnTo>
                      <a:pt x="342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75" name="Freeform 54"/>
              <p:cNvSpPr>
                <a:spLocks noChangeAspect="1"/>
              </p:cNvSpPr>
              <p:nvPr/>
            </p:nvSpPr>
            <p:spPr bwMode="auto">
              <a:xfrm>
                <a:off x="1787" y="1486"/>
                <a:ext cx="283" cy="139"/>
              </a:xfrm>
              <a:custGeom>
                <a:avLst/>
                <a:gdLst>
                  <a:gd name="T0" fmla="*/ 129 w 372"/>
                  <a:gd name="T1" fmla="*/ 59 h 192"/>
                  <a:gd name="T2" fmla="*/ 32 w 372"/>
                  <a:gd name="T3" fmla="*/ 66 h 192"/>
                  <a:gd name="T4" fmla="*/ 32 w 372"/>
                  <a:gd name="T5" fmla="*/ 71 h 192"/>
                  <a:gd name="T6" fmla="*/ 0 w 372"/>
                  <a:gd name="T7" fmla="*/ 73 h 192"/>
                  <a:gd name="T8" fmla="*/ 3 w 372"/>
                  <a:gd name="T9" fmla="*/ 71 h 192"/>
                  <a:gd name="T10" fmla="*/ 5 w 372"/>
                  <a:gd name="T11" fmla="*/ 71 h 192"/>
                  <a:gd name="T12" fmla="*/ 5 w 372"/>
                  <a:gd name="T13" fmla="*/ 59 h 192"/>
                  <a:gd name="T14" fmla="*/ 8 w 372"/>
                  <a:gd name="T15" fmla="*/ 54 h 192"/>
                  <a:gd name="T16" fmla="*/ 21 w 372"/>
                  <a:gd name="T17" fmla="*/ 57 h 192"/>
                  <a:gd name="T18" fmla="*/ 18 w 372"/>
                  <a:gd name="T19" fmla="*/ 51 h 192"/>
                  <a:gd name="T20" fmla="*/ 29 w 372"/>
                  <a:gd name="T21" fmla="*/ 48 h 192"/>
                  <a:gd name="T22" fmla="*/ 27 w 372"/>
                  <a:gd name="T23" fmla="*/ 43 h 192"/>
                  <a:gd name="T24" fmla="*/ 29 w 372"/>
                  <a:gd name="T25" fmla="*/ 39 h 192"/>
                  <a:gd name="T26" fmla="*/ 32 w 372"/>
                  <a:gd name="T27" fmla="*/ 37 h 192"/>
                  <a:gd name="T28" fmla="*/ 37 w 372"/>
                  <a:gd name="T29" fmla="*/ 39 h 192"/>
                  <a:gd name="T30" fmla="*/ 37 w 372"/>
                  <a:gd name="T31" fmla="*/ 34 h 192"/>
                  <a:gd name="T32" fmla="*/ 50 w 372"/>
                  <a:gd name="T33" fmla="*/ 39 h 192"/>
                  <a:gd name="T34" fmla="*/ 56 w 372"/>
                  <a:gd name="T35" fmla="*/ 32 h 192"/>
                  <a:gd name="T36" fmla="*/ 58 w 372"/>
                  <a:gd name="T37" fmla="*/ 37 h 192"/>
                  <a:gd name="T38" fmla="*/ 66 w 372"/>
                  <a:gd name="T39" fmla="*/ 28 h 192"/>
                  <a:gd name="T40" fmla="*/ 69 w 372"/>
                  <a:gd name="T41" fmla="*/ 30 h 192"/>
                  <a:gd name="T42" fmla="*/ 74 w 372"/>
                  <a:gd name="T43" fmla="*/ 32 h 192"/>
                  <a:gd name="T44" fmla="*/ 84 w 372"/>
                  <a:gd name="T45" fmla="*/ 16 h 192"/>
                  <a:gd name="T46" fmla="*/ 82 w 372"/>
                  <a:gd name="T47" fmla="*/ 14 h 192"/>
                  <a:gd name="T48" fmla="*/ 95 w 372"/>
                  <a:gd name="T49" fmla="*/ 9 h 192"/>
                  <a:gd name="T50" fmla="*/ 95 w 372"/>
                  <a:gd name="T51" fmla="*/ 2 h 192"/>
                  <a:gd name="T52" fmla="*/ 103 w 372"/>
                  <a:gd name="T53" fmla="*/ 0 h 192"/>
                  <a:gd name="T54" fmla="*/ 108 w 372"/>
                  <a:gd name="T55" fmla="*/ 7 h 192"/>
                  <a:gd name="T56" fmla="*/ 122 w 372"/>
                  <a:gd name="T57" fmla="*/ 12 h 192"/>
                  <a:gd name="T58" fmla="*/ 137 w 372"/>
                  <a:gd name="T59" fmla="*/ 7 h 192"/>
                  <a:gd name="T60" fmla="*/ 145 w 372"/>
                  <a:gd name="T61" fmla="*/ 14 h 192"/>
                  <a:gd name="T62" fmla="*/ 151 w 372"/>
                  <a:gd name="T63" fmla="*/ 25 h 192"/>
                  <a:gd name="T64" fmla="*/ 164 w 372"/>
                  <a:gd name="T65" fmla="*/ 32 h 192"/>
                  <a:gd name="T66" fmla="*/ 140 w 372"/>
                  <a:gd name="T67" fmla="*/ 54 h 192"/>
                  <a:gd name="T68" fmla="*/ 129 w 372"/>
                  <a:gd name="T69" fmla="*/ 59 h 192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w 372"/>
                  <a:gd name="T106" fmla="*/ 0 h 192"/>
                  <a:gd name="T107" fmla="*/ 372 w 372"/>
                  <a:gd name="T108" fmla="*/ 192 h 192"/>
                </a:gdLst>
                <a:ahLst/>
                <a:cxnLst>
                  <a:cxn ang="T70">
                    <a:pos x="T0" y="T1"/>
                  </a:cxn>
                  <a:cxn ang="T71">
                    <a:pos x="T2" y="T3"/>
                  </a:cxn>
                  <a:cxn ang="T72">
                    <a:pos x="T4" y="T5"/>
                  </a:cxn>
                  <a:cxn ang="T73">
                    <a:pos x="T6" y="T7"/>
                  </a:cxn>
                  <a:cxn ang="T74">
                    <a:pos x="T8" y="T9"/>
                  </a:cxn>
                  <a:cxn ang="T75">
                    <a:pos x="T10" y="T11"/>
                  </a:cxn>
                  <a:cxn ang="T76">
                    <a:pos x="T12" y="T13"/>
                  </a:cxn>
                  <a:cxn ang="T77">
                    <a:pos x="T14" y="T15"/>
                  </a:cxn>
                  <a:cxn ang="T78">
                    <a:pos x="T16" y="T17"/>
                  </a:cxn>
                  <a:cxn ang="T79">
                    <a:pos x="T18" y="T19"/>
                  </a:cxn>
                  <a:cxn ang="T80">
                    <a:pos x="T20" y="T21"/>
                  </a:cxn>
                  <a:cxn ang="T81">
                    <a:pos x="T22" y="T23"/>
                  </a:cxn>
                  <a:cxn ang="T82">
                    <a:pos x="T24" y="T25"/>
                  </a:cxn>
                  <a:cxn ang="T83">
                    <a:pos x="T26" y="T27"/>
                  </a:cxn>
                  <a:cxn ang="T84">
                    <a:pos x="T28" y="T29"/>
                  </a:cxn>
                  <a:cxn ang="T85">
                    <a:pos x="T30" y="T31"/>
                  </a:cxn>
                  <a:cxn ang="T86">
                    <a:pos x="T32" y="T33"/>
                  </a:cxn>
                  <a:cxn ang="T87">
                    <a:pos x="T34" y="T35"/>
                  </a:cxn>
                  <a:cxn ang="T88">
                    <a:pos x="T36" y="T37"/>
                  </a:cxn>
                  <a:cxn ang="T89">
                    <a:pos x="T38" y="T39"/>
                  </a:cxn>
                  <a:cxn ang="T90">
                    <a:pos x="T40" y="T41"/>
                  </a:cxn>
                  <a:cxn ang="T91">
                    <a:pos x="T42" y="T43"/>
                  </a:cxn>
                  <a:cxn ang="T92">
                    <a:pos x="T44" y="T45"/>
                  </a:cxn>
                  <a:cxn ang="T93">
                    <a:pos x="T46" y="T47"/>
                  </a:cxn>
                  <a:cxn ang="T94">
                    <a:pos x="T48" y="T49"/>
                  </a:cxn>
                  <a:cxn ang="T95">
                    <a:pos x="T50" y="T51"/>
                  </a:cxn>
                  <a:cxn ang="T96">
                    <a:pos x="T52" y="T53"/>
                  </a:cxn>
                  <a:cxn ang="T97">
                    <a:pos x="T54" y="T55"/>
                  </a:cxn>
                  <a:cxn ang="T98">
                    <a:pos x="T56" y="T57"/>
                  </a:cxn>
                  <a:cxn ang="T99">
                    <a:pos x="T58" y="T59"/>
                  </a:cxn>
                  <a:cxn ang="T100">
                    <a:pos x="T60" y="T61"/>
                  </a:cxn>
                  <a:cxn ang="T101">
                    <a:pos x="T62" y="T63"/>
                  </a:cxn>
                  <a:cxn ang="T102">
                    <a:pos x="T64" y="T65"/>
                  </a:cxn>
                  <a:cxn ang="T103">
                    <a:pos x="T66" y="T67"/>
                  </a:cxn>
                  <a:cxn ang="T104">
                    <a:pos x="T68" y="T69"/>
                  </a:cxn>
                </a:cxnLst>
                <a:rect l="T105" t="T106" r="T107" b="T108"/>
                <a:pathLst>
                  <a:path w="372" h="192">
                    <a:moveTo>
                      <a:pt x="294" y="156"/>
                    </a:moveTo>
                    <a:lnTo>
                      <a:pt x="72" y="174"/>
                    </a:lnTo>
                    <a:lnTo>
                      <a:pt x="72" y="186"/>
                    </a:lnTo>
                    <a:lnTo>
                      <a:pt x="0" y="192"/>
                    </a:lnTo>
                    <a:lnTo>
                      <a:pt x="6" y="186"/>
                    </a:lnTo>
                    <a:lnTo>
                      <a:pt x="12" y="186"/>
                    </a:lnTo>
                    <a:lnTo>
                      <a:pt x="12" y="156"/>
                    </a:lnTo>
                    <a:lnTo>
                      <a:pt x="18" y="144"/>
                    </a:lnTo>
                    <a:lnTo>
                      <a:pt x="48" y="150"/>
                    </a:lnTo>
                    <a:lnTo>
                      <a:pt x="42" y="132"/>
                    </a:lnTo>
                    <a:lnTo>
                      <a:pt x="66" y="126"/>
                    </a:lnTo>
                    <a:lnTo>
                      <a:pt x="60" y="114"/>
                    </a:lnTo>
                    <a:lnTo>
                      <a:pt x="66" y="102"/>
                    </a:lnTo>
                    <a:lnTo>
                      <a:pt x="72" y="96"/>
                    </a:lnTo>
                    <a:lnTo>
                      <a:pt x="84" y="102"/>
                    </a:lnTo>
                    <a:lnTo>
                      <a:pt x="84" y="90"/>
                    </a:lnTo>
                    <a:lnTo>
                      <a:pt x="114" y="102"/>
                    </a:lnTo>
                    <a:lnTo>
                      <a:pt x="126" y="84"/>
                    </a:lnTo>
                    <a:lnTo>
                      <a:pt x="132" y="96"/>
                    </a:lnTo>
                    <a:lnTo>
                      <a:pt x="150" y="72"/>
                    </a:lnTo>
                    <a:lnTo>
                      <a:pt x="156" y="78"/>
                    </a:lnTo>
                    <a:lnTo>
                      <a:pt x="168" y="84"/>
                    </a:lnTo>
                    <a:lnTo>
                      <a:pt x="192" y="42"/>
                    </a:lnTo>
                    <a:lnTo>
                      <a:pt x="186" y="36"/>
                    </a:lnTo>
                    <a:lnTo>
                      <a:pt x="216" y="24"/>
                    </a:lnTo>
                    <a:lnTo>
                      <a:pt x="216" y="6"/>
                    </a:lnTo>
                    <a:lnTo>
                      <a:pt x="234" y="0"/>
                    </a:lnTo>
                    <a:lnTo>
                      <a:pt x="246" y="18"/>
                    </a:lnTo>
                    <a:lnTo>
                      <a:pt x="276" y="30"/>
                    </a:lnTo>
                    <a:lnTo>
                      <a:pt x="312" y="18"/>
                    </a:lnTo>
                    <a:lnTo>
                      <a:pt x="330" y="36"/>
                    </a:lnTo>
                    <a:lnTo>
                      <a:pt x="342" y="66"/>
                    </a:lnTo>
                    <a:lnTo>
                      <a:pt x="372" y="84"/>
                    </a:lnTo>
                    <a:lnTo>
                      <a:pt x="318" y="144"/>
                    </a:lnTo>
                    <a:lnTo>
                      <a:pt x="294" y="15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76" name="Freeform 55"/>
              <p:cNvSpPr>
                <a:spLocks noChangeAspect="1"/>
              </p:cNvSpPr>
              <p:nvPr/>
            </p:nvSpPr>
            <p:spPr bwMode="auto">
              <a:xfrm>
                <a:off x="1787" y="1486"/>
                <a:ext cx="283" cy="139"/>
              </a:xfrm>
              <a:custGeom>
                <a:avLst/>
                <a:gdLst>
                  <a:gd name="T0" fmla="*/ 129 w 372"/>
                  <a:gd name="T1" fmla="*/ 59 h 192"/>
                  <a:gd name="T2" fmla="*/ 32 w 372"/>
                  <a:gd name="T3" fmla="*/ 66 h 192"/>
                  <a:gd name="T4" fmla="*/ 32 w 372"/>
                  <a:gd name="T5" fmla="*/ 71 h 192"/>
                  <a:gd name="T6" fmla="*/ 0 w 372"/>
                  <a:gd name="T7" fmla="*/ 73 h 192"/>
                  <a:gd name="T8" fmla="*/ 3 w 372"/>
                  <a:gd name="T9" fmla="*/ 71 h 192"/>
                  <a:gd name="T10" fmla="*/ 5 w 372"/>
                  <a:gd name="T11" fmla="*/ 71 h 192"/>
                  <a:gd name="T12" fmla="*/ 5 w 372"/>
                  <a:gd name="T13" fmla="*/ 59 h 192"/>
                  <a:gd name="T14" fmla="*/ 8 w 372"/>
                  <a:gd name="T15" fmla="*/ 54 h 192"/>
                  <a:gd name="T16" fmla="*/ 21 w 372"/>
                  <a:gd name="T17" fmla="*/ 57 h 192"/>
                  <a:gd name="T18" fmla="*/ 18 w 372"/>
                  <a:gd name="T19" fmla="*/ 51 h 192"/>
                  <a:gd name="T20" fmla="*/ 29 w 372"/>
                  <a:gd name="T21" fmla="*/ 48 h 192"/>
                  <a:gd name="T22" fmla="*/ 27 w 372"/>
                  <a:gd name="T23" fmla="*/ 43 h 192"/>
                  <a:gd name="T24" fmla="*/ 29 w 372"/>
                  <a:gd name="T25" fmla="*/ 39 h 192"/>
                  <a:gd name="T26" fmla="*/ 32 w 372"/>
                  <a:gd name="T27" fmla="*/ 37 h 192"/>
                  <a:gd name="T28" fmla="*/ 37 w 372"/>
                  <a:gd name="T29" fmla="*/ 39 h 192"/>
                  <a:gd name="T30" fmla="*/ 37 w 372"/>
                  <a:gd name="T31" fmla="*/ 34 h 192"/>
                  <a:gd name="T32" fmla="*/ 50 w 372"/>
                  <a:gd name="T33" fmla="*/ 39 h 192"/>
                  <a:gd name="T34" fmla="*/ 56 w 372"/>
                  <a:gd name="T35" fmla="*/ 32 h 192"/>
                  <a:gd name="T36" fmla="*/ 58 w 372"/>
                  <a:gd name="T37" fmla="*/ 37 h 192"/>
                  <a:gd name="T38" fmla="*/ 66 w 372"/>
                  <a:gd name="T39" fmla="*/ 28 h 192"/>
                  <a:gd name="T40" fmla="*/ 69 w 372"/>
                  <a:gd name="T41" fmla="*/ 30 h 192"/>
                  <a:gd name="T42" fmla="*/ 74 w 372"/>
                  <a:gd name="T43" fmla="*/ 32 h 192"/>
                  <a:gd name="T44" fmla="*/ 84 w 372"/>
                  <a:gd name="T45" fmla="*/ 16 h 192"/>
                  <a:gd name="T46" fmla="*/ 82 w 372"/>
                  <a:gd name="T47" fmla="*/ 14 h 192"/>
                  <a:gd name="T48" fmla="*/ 95 w 372"/>
                  <a:gd name="T49" fmla="*/ 9 h 192"/>
                  <a:gd name="T50" fmla="*/ 95 w 372"/>
                  <a:gd name="T51" fmla="*/ 2 h 192"/>
                  <a:gd name="T52" fmla="*/ 103 w 372"/>
                  <a:gd name="T53" fmla="*/ 0 h 192"/>
                  <a:gd name="T54" fmla="*/ 108 w 372"/>
                  <a:gd name="T55" fmla="*/ 7 h 192"/>
                  <a:gd name="T56" fmla="*/ 122 w 372"/>
                  <a:gd name="T57" fmla="*/ 12 h 192"/>
                  <a:gd name="T58" fmla="*/ 137 w 372"/>
                  <a:gd name="T59" fmla="*/ 7 h 192"/>
                  <a:gd name="T60" fmla="*/ 145 w 372"/>
                  <a:gd name="T61" fmla="*/ 14 h 192"/>
                  <a:gd name="T62" fmla="*/ 151 w 372"/>
                  <a:gd name="T63" fmla="*/ 25 h 192"/>
                  <a:gd name="T64" fmla="*/ 164 w 372"/>
                  <a:gd name="T65" fmla="*/ 32 h 192"/>
                  <a:gd name="T66" fmla="*/ 140 w 372"/>
                  <a:gd name="T67" fmla="*/ 54 h 192"/>
                  <a:gd name="T68" fmla="*/ 129 w 372"/>
                  <a:gd name="T69" fmla="*/ 59 h 192"/>
                  <a:gd name="T70" fmla="*/ 129 w 372"/>
                  <a:gd name="T71" fmla="*/ 62 h 192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w 372"/>
                  <a:gd name="T109" fmla="*/ 0 h 192"/>
                  <a:gd name="T110" fmla="*/ 372 w 372"/>
                  <a:gd name="T111" fmla="*/ 192 h 192"/>
                </a:gdLst>
                <a:ahLst/>
                <a:cxnLst>
                  <a:cxn ang="T72">
                    <a:pos x="T0" y="T1"/>
                  </a:cxn>
                  <a:cxn ang="T73">
                    <a:pos x="T2" y="T3"/>
                  </a:cxn>
                  <a:cxn ang="T74">
                    <a:pos x="T4" y="T5"/>
                  </a:cxn>
                  <a:cxn ang="T75">
                    <a:pos x="T6" y="T7"/>
                  </a:cxn>
                  <a:cxn ang="T76">
                    <a:pos x="T8" y="T9"/>
                  </a:cxn>
                  <a:cxn ang="T77">
                    <a:pos x="T10" y="T11"/>
                  </a:cxn>
                  <a:cxn ang="T78">
                    <a:pos x="T12" y="T13"/>
                  </a:cxn>
                  <a:cxn ang="T79">
                    <a:pos x="T14" y="T15"/>
                  </a:cxn>
                  <a:cxn ang="T80">
                    <a:pos x="T16" y="T17"/>
                  </a:cxn>
                  <a:cxn ang="T81">
                    <a:pos x="T18" y="T19"/>
                  </a:cxn>
                  <a:cxn ang="T82">
                    <a:pos x="T20" y="T21"/>
                  </a:cxn>
                  <a:cxn ang="T83">
                    <a:pos x="T22" y="T23"/>
                  </a:cxn>
                  <a:cxn ang="T84">
                    <a:pos x="T24" y="T25"/>
                  </a:cxn>
                  <a:cxn ang="T85">
                    <a:pos x="T26" y="T27"/>
                  </a:cxn>
                  <a:cxn ang="T86">
                    <a:pos x="T28" y="T29"/>
                  </a:cxn>
                  <a:cxn ang="T87">
                    <a:pos x="T30" y="T31"/>
                  </a:cxn>
                  <a:cxn ang="T88">
                    <a:pos x="T32" y="T33"/>
                  </a:cxn>
                  <a:cxn ang="T89">
                    <a:pos x="T34" y="T35"/>
                  </a:cxn>
                  <a:cxn ang="T90">
                    <a:pos x="T36" y="T37"/>
                  </a:cxn>
                  <a:cxn ang="T91">
                    <a:pos x="T38" y="T39"/>
                  </a:cxn>
                  <a:cxn ang="T92">
                    <a:pos x="T40" y="T41"/>
                  </a:cxn>
                  <a:cxn ang="T93">
                    <a:pos x="T42" y="T43"/>
                  </a:cxn>
                  <a:cxn ang="T94">
                    <a:pos x="T44" y="T45"/>
                  </a:cxn>
                  <a:cxn ang="T95">
                    <a:pos x="T46" y="T47"/>
                  </a:cxn>
                  <a:cxn ang="T96">
                    <a:pos x="T48" y="T49"/>
                  </a:cxn>
                  <a:cxn ang="T97">
                    <a:pos x="T50" y="T51"/>
                  </a:cxn>
                  <a:cxn ang="T98">
                    <a:pos x="T52" y="T53"/>
                  </a:cxn>
                  <a:cxn ang="T99">
                    <a:pos x="T54" y="T55"/>
                  </a:cxn>
                  <a:cxn ang="T100">
                    <a:pos x="T56" y="T57"/>
                  </a:cxn>
                  <a:cxn ang="T101">
                    <a:pos x="T58" y="T59"/>
                  </a:cxn>
                  <a:cxn ang="T102">
                    <a:pos x="T60" y="T61"/>
                  </a:cxn>
                  <a:cxn ang="T103">
                    <a:pos x="T62" y="T63"/>
                  </a:cxn>
                  <a:cxn ang="T104">
                    <a:pos x="T64" y="T65"/>
                  </a:cxn>
                  <a:cxn ang="T105">
                    <a:pos x="T66" y="T67"/>
                  </a:cxn>
                  <a:cxn ang="T106">
                    <a:pos x="T68" y="T69"/>
                  </a:cxn>
                  <a:cxn ang="T107">
                    <a:pos x="T70" y="T71"/>
                  </a:cxn>
                </a:cxnLst>
                <a:rect l="T108" t="T109" r="T110" b="T111"/>
                <a:pathLst>
                  <a:path w="372" h="192">
                    <a:moveTo>
                      <a:pt x="294" y="156"/>
                    </a:moveTo>
                    <a:lnTo>
                      <a:pt x="72" y="174"/>
                    </a:lnTo>
                    <a:lnTo>
                      <a:pt x="72" y="186"/>
                    </a:lnTo>
                    <a:lnTo>
                      <a:pt x="0" y="192"/>
                    </a:lnTo>
                    <a:lnTo>
                      <a:pt x="6" y="186"/>
                    </a:lnTo>
                    <a:lnTo>
                      <a:pt x="12" y="186"/>
                    </a:lnTo>
                    <a:lnTo>
                      <a:pt x="12" y="156"/>
                    </a:lnTo>
                    <a:lnTo>
                      <a:pt x="18" y="144"/>
                    </a:lnTo>
                    <a:lnTo>
                      <a:pt x="48" y="150"/>
                    </a:lnTo>
                    <a:lnTo>
                      <a:pt x="42" y="132"/>
                    </a:lnTo>
                    <a:lnTo>
                      <a:pt x="66" y="126"/>
                    </a:lnTo>
                    <a:lnTo>
                      <a:pt x="60" y="114"/>
                    </a:lnTo>
                    <a:lnTo>
                      <a:pt x="66" y="102"/>
                    </a:lnTo>
                    <a:lnTo>
                      <a:pt x="72" y="96"/>
                    </a:lnTo>
                    <a:lnTo>
                      <a:pt x="84" y="102"/>
                    </a:lnTo>
                    <a:lnTo>
                      <a:pt x="84" y="90"/>
                    </a:lnTo>
                    <a:lnTo>
                      <a:pt x="114" y="102"/>
                    </a:lnTo>
                    <a:lnTo>
                      <a:pt x="126" y="84"/>
                    </a:lnTo>
                    <a:lnTo>
                      <a:pt x="132" y="96"/>
                    </a:lnTo>
                    <a:lnTo>
                      <a:pt x="150" y="72"/>
                    </a:lnTo>
                    <a:lnTo>
                      <a:pt x="156" y="78"/>
                    </a:lnTo>
                    <a:lnTo>
                      <a:pt x="168" y="84"/>
                    </a:lnTo>
                    <a:lnTo>
                      <a:pt x="192" y="42"/>
                    </a:lnTo>
                    <a:lnTo>
                      <a:pt x="186" y="36"/>
                    </a:lnTo>
                    <a:lnTo>
                      <a:pt x="216" y="24"/>
                    </a:lnTo>
                    <a:lnTo>
                      <a:pt x="216" y="6"/>
                    </a:lnTo>
                    <a:lnTo>
                      <a:pt x="234" y="0"/>
                    </a:lnTo>
                    <a:lnTo>
                      <a:pt x="246" y="18"/>
                    </a:lnTo>
                    <a:lnTo>
                      <a:pt x="276" y="30"/>
                    </a:lnTo>
                    <a:lnTo>
                      <a:pt x="312" y="18"/>
                    </a:lnTo>
                    <a:lnTo>
                      <a:pt x="330" y="36"/>
                    </a:lnTo>
                    <a:lnTo>
                      <a:pt x="342" y="66"/>
                    </a:lnTo>
                    <a:lnTo>
                      <a:pt x="372" y="84"/>
                    </a:lnTo>
                    <a:lnTo>
                      <a:pt x="318" y="144"/>
                    </a:lnTo>
                    <a:lnTo>
                      <a:pt x="294" y="156"/>
                    </a:lnTo>
                    <a:lnTo>
                      <a:pt x="294" y="16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77" name="Freeform 56"/>
              <p:cNvSpPr>
                <a:spLocks noChangeAspect="1"/>
              </p:cNvSpPr>
              <p:nvPr/>
            </p:nvSpPr>
            <p:spPr bwMode="auto">
              <a:xfrm>
                <a:off x="1608" y="1794"/>
                <a:ext cx="220" cy="177"/>
              </a:xfrm>
              <a:custGeom>
                <a:avLst/>
                <a:gdLst>
                  <a:gd name="T0" fmla="*/ 115 w 288"/>
                  <a:gd name="T1" fmla="*/ 65 h 246"/>
                  <a:gd name="T2" fmla="*/ 96 w 288"/>
                  <a:gd name="T3" fmla="*/ 60 h 246"/>
                  <a:gd name="T4" fmla="*/ 91 w 288"/>
                  <a:gd name="T5" fmla="*/ 65 h 246"/>
                  <a:gd name="T6" fmla="*/ 102 w 288"/>
                  <a:gd name="T7" fmla="*/ 68 h 246"/>
                  <a:gd name="T8" fmla="*/ 110 w 288"/>
                  <a:gd name="T9" fmla="*/ 65 h 246"/>
                  <a:gd name="T10" fmla="*/ 107 w 288"/>
                  <a:gd name="T11" fmla="*/ 69 h 246"/>
                  <a:gd name="T12" fmla="*/ 112 w 288"/>
                  <a:gd name="T13" fmla="*/ 71 h 246"/>
                  <a:gd name="T14" fmla="*/ 115 w 288"/>
                  <a:gd name="T15" fmla="*/ 68 h 246"/>
                  <a:gd name="T16" fmla="*/ 123 w 288"/>
                  <a:gd name="T17" fmla="*/ 65 h 246"/>
                  <a:gd name="T18" fmla="*/ 123 w 288"/>
                  <a:gd name="T19" fmla="*/ 69 h 246"/>
                  <a:gd name="T20" fmla="*/ 112 w 288"/>
                  <a:gd name="T21" fmla="*/ 78 h 246"/>
                  <a:gd name="T22" fmla="*/ 115 w 288"/>
                  <a:gd name="T23" fmla="*/ 83 h 246"/>
                  <a:gd name="T24" fmla="*/ 128 w 288"/>
                  <a:gd name="T25" fmla="*/ 87 h 246"/>
                  <a:gd name="T26" fmla="*/ 125 w 288"/>
                  <a:gd name="T27" fmla="*/ 91 h 246"/>
                  <a:gd name="T28" fmla="*/ 123 w 288"/>
                  <a:gd name="T29" fmla="*/ 89 h 246"/>
                  <a:gd name="T30" fmla="*/ 120 w 288"/>
                  <a:gd name="T31" fmla="*/ 91 h 246"/>
                  <a:gd name="T32" fmla="*/ 118 w 288"/>
                  <a:gd name="T33" fmla="*/ 85 h 246"/>
                  <a:gd name="T34" fmla="*/ 102 w 288"/>
                  <a:gd name="T35" fmla="*/ 81 h 246"/>
                  <a:gd name="T36" fmla="*/ 105 w 288"/>
                  <a:gd name="T37" fmla="*/ 87 h 246"/>
                  <a:gd name="T38" fmla="*/ 99 w 288"/>
                  <a:gd name="T39" fmla="*/ 89 h 246"/>
                  <a:gd name="T40" fmla="*/ 96 w 288"/>
                  <a:gd name="T41" fmla="*/ 85 h 246"/>
                  <a:gd name="T42" fmla="*/ 93 w 288"/>
                  <a:gd name="T43" fmla="*/ 87 h 246"/>
                  <a:gd name="T44" fmla="*/ 91 w 288"/>
                  <a:gd name="T45" fmla="*/ 85 h 246"/>
                  <a:gd name="T46" fmla="*/ 88 w 288"/>
                  <a:gd name="T47" fmla="*/ 89 h 246"/>
                  <a:gd name="T48" fmla="*/ 82 w 288"/>
                  <a:gd name="T49" fmla="*/ 91 h 246"/>
                  <a:gd name="T50" fmla="*/ 78 w 288"/>
                  <a:gd name="T51" fmla="*/ 89 h 246"/>
                  <a:gd name="T52" fmla="*/ 73 w 288"/>
                  <a:gd name="T53" fmla="*/ 83 h 246"/>
                  <a:gd name="T54" fmla="*/ 64 w 288"/>
                  <a:gd name="T55" fmla="*/ 81 h 246"/>
                  <a:gd name="T56" fmla="*/ 64 w 288"/>
                  <a:gd name="T57" fmla="*/ 76 h 246"/>
                  <a:gd name="T58" fmla="*/ 56 w 288"/>
                  <a:gd name="T59" fmla="*/ 76 h 246"/>
                  <a:gd name="T60" fmla="*/ 56 w 288"/>
                  <a:gd name="T61" fmla="*/ 73 h 246"/>
                  <a:gd name="T62" fmla="*/ 48 w 288"/>
                  <a:gd name="T63" fmla="*/ 76 h 246"/>
                  <a:gd name="T64" fmla="*/ 53 w 288"/>
                  <a:gd name="T65" fmla="*/ 81 h 246"/>
                  <a:gd name="T66" fmla="*/ 46 w 288"/>
                  <a:gd name="T67" fmla="*/ 83 h 246"/>
                  <a:gd name="T68" fmla="*/ 24 w 288"/>
                  <a:gd name="T69" fmla="*/ 76 h 246"/>
                  <a:gd name="T70" fmla="*/ 8 w 288"/>
                  <a:gd name="T71" fmla="*/ 78 h 246"/>
                  <a:gd name="T72" fmla="*/ 5 w 288"/>
                  <a:gd name="T73" fmla="*/ 76 h 246"/>
                  <a:gd name="T74" fmla="*/ 11 w 288"/>
                  <a:gd name="T75" fmla="*/ 71 h 246"/>
                  <a:gd name="T76" fmla="*/ 11 w 288"/>
                  <a:gd name="T77" fmla="*/ 58 h 246"/>
                  <a:gd name="T78" fmla="*/ 16 w 288"/>
                  <a:gd name="T79" fmla="*/ 47 h 246"/>
                  <a:gd name="T80" fmla="*/ 3 w 288"/>
                  <a:gd name="T81" fmla="*/ 24 h 246"/>
                  <a:gd name="T82" fmla="*/ 0 w 288"/>
                  <a:gd name="T83" fmla="*/ 0 h 246"/>
                  <a:gd name="T84" fmla="*/ 73 w 288"/>
                  <a:gd name="T85" fmla="*/ 0 h 246"/>
                  <a:gd name="T86" fmla="*/ 73 w 288"/>
                  <a:gd name="T87" fmla="*/ 9 h 246"/>
                  <a:gd name="T88" fmla="*/ 75 w 288"/>
                  <a:gd name="T89" fmla="*/ 6 h 246"/>
                  <a:gd name="T90" fmla="*/ 73 w 288"/>
                  <a:gd name="T91" fmla="*/ 12 h 246"/>
                  <a:gd name="T92" fmla="*/ 78 w 288"/>
                  <a:gd name="T93" fmla="*/ 14 h 246"/>
                  <a:gd name="T94" fmla="*/ 73 w 288"/>
                  <a:gd name="T95" fmla="*/ 18 h 246"/>
                  <a:gd name="T96" fmla="*/ 75 w 288"/>
                  <a:gd name="T97" fmla="*/ 18 h 246"/>
                  <a:gd name="T98" fmla="*/ 64 w 288"/>
                  <a:gd name="T99" fmla="*/ 31 h 246"/>
                  <a:gd name="T100" fmla="*/ 61 w 288"/>
                  <a:gd name="T101" fmla="*/ 47 h 246"/>
                  <a:gd name="T102" fmla="*/ 107 w 288"/>
                  <a:gd name="T103" fmla="*/ 45 h 246"/>
                  <a:gd name="T104" fmla="*/ 107 w 288"/>
                  <a:gd name="T105" fmla="*/ 54 h 246"/>
                  <a:gd name="T106" fmla="*/ 112 w 288"/>
                  <a:gd name="T107" fmla="*/ 63 h 246"/>
                  <a:gd name="T108" fmla="*/ 115 w 288"/>
                  <a:gd name="T109" fmla="*/ 65 h 24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w 288"/>
                  <a:gd name="T166" fmla="*/ 0 h 246"/>
                  <a:gd name="T167" fmla="*/ 288 w 288"/>
                  <a:gd name="T168" fmla="*/ 246 h 246"/>
                </a:gdLst>
                <a:ahLst/>
                <a:cxnLst>
                  <a:cxn ang="T110">
                    <a:pos x="T0" y="T1"/>
                  </a:cxn>
                  <a:cxn ang="T111">
                    <a:pos x="T2" y="T3"/>
                  </a:cxn>
                  <a:cxn ang="T112">
                    <a:pos x="T4" y="T5"/>
                  </a:cxn>
                  <a:cxn ang="T113">
                    <a:pos x="T6" y="T7"/>
                  </a:cxn>
                  <a:cxn ang="T114">
                    <a:pos x="T8" y="T9"/>
                  </a:cxn>
                  <a:cxn ang="T115">
                    <a:pos x="T10" y="T11"/>
                  </a:cxn>
                  <a:cxn ang="T116">
                    <a:pos x="T12" y="T13"/>
                  </a:cxn>
                  <a:cxn ang="T117">
                    <a:pos x="T14" y="T15"/>
                  </a:cxn>
                  <a:cxn ang="T118">
                    <a:pos x="T16" y="T17"/>
                  </a:cxn>
                  <a:cxn ang="T119">
                    <a:pos x="T18" y="T19"/>
                  </a:cxn>
                  <a:cxn ang="T120">
                    <a:pos x="T20" y="T21"/>
                  </a:cxn>
                  <a:cxn ang="T121">
                    <a:pos x="T22" y="T23"/>
                  </a:cxn>
                  <a:cxn ang="T122">
                    <a:pos x="T24" y="T25"/>
                  </a:cxn>
                  <a:cxn ang="T123">
                    <a:pos x="T26" y="T27"/>
                  </a:cxn>
                  <a:cxn ang="T124">
                    <a:pos x="T28" y="T29"/>
                  </a:cxn>
                  <a:cxn ang="T125">
                    <a:pos x="T30" y="T31"/>
                  </a:cxn>
                  <a:cxn ang="T126">
                    <a:pos x="T32" y="T33"/>
                  </a:cxn>
                  <a:cxn ang="T127">
                    <a:pos x="T34" y="T35"/>
                  </a:cxn>
                  <a:cxn ang="T128">
                    <a:pos x="T36" y="T37"/>
                  </a:cxn>
                  <a:cxn ang="T129">
                    <a:pos x="T38" y="T39"/>
                  </a:cxn>
                  <a:cxn ang="T130">
                    <a:pos x="T40" y="T41"/>
                  </a:cxn>
                  <a:cxn ang="T131">
                    <a:pos x="T42" y="T43"/>
                  </a:cxn>
                  <a:cxn ang="T132">
                    <a:pos x="T44" y="T45"/>
                  </a:cxn>
                  <a:cxn ang="T133">
                    <a:pos x="T46" y="T47"/>
                  </a:cxn>
                  <a:cxn ang="T134">
                    <a:pos x="T48" y="T49"/>
                  </a:cxn>
                  <a:cxn ang="T135">
                    <a:pos x="T50" y="T51"/>
                  </a:cxn>
                  <a:cxn ang="T136">
                    <a:pos x="T52" y="T53"/>
                  </a:cxn>
                  <a:cxn ang="T137">
                    <a:pos x="T54" y="T55"/>
                  </a:cxn>
                  <a:cxn ang="T138">
                    <a:pos x="T56" y="T57"/>
                  </a:cxn>
                  <a:cxn ang="T139">
                    <a:pos x="T58" y="T59"/>
                  </a:cxn>
                  <a:cxn ang="T140">
                    <a:pos x="T60" y="T61"/>
                  </a:cxn>
                  <a:cxn ang="T141">
                    <a:pos x="T62" y="T63"/>
                  </a:cxn>
                  <a:cxn ang="T142">
                    <a:pos x="T64" y="T65"/>
                  </a:cxn>
                  <a:cxn ang="T143">
                    <a:pos x="T66" y="T67"/>
                  </a:cxn>
                  <a:cxn ang="T144">
                    <a:pos x="T68" y="T69"/>
                  </a:cxn>
                  <a:cxn ang="T145">
                    <a:pos x="T70" y="T71"/>
                  </a:cxn>
                  <a:cxn ang="T146">
                    <a:pos x="T72" y="T73"/>
                  </a:cxn>
                  <a:cxn ang="T147">
                    <a:pos x="T74" y="T75"/>
                  </a:cxn>
                  <a:cxn ang="T148">
                    <a:pos x="T76" y="T77"/>
                  </a:cxn>
                  <a:cxn ang="T149">
                    <a:pos x="T78" y="T79"/>
                  </a:cxn>
                  <a:cxn ang="T150">
                    <a:pos x="T80" y="T81"/>
                  </a:cxn>
                  <a:cxn ang="T151">
                    <a:pos x="T82" y="T83"/>
                  </a:cxn>
                  <a:cxn ang="T152">
                    <a:pos x="T84" y="T85"/>
                  </a:cxn>
                  <a:cxn ang="T153">
                    <a:pos x="T86" y="T87"/>
                  </a:cxn>
                  <a:cxn ang="T154">
                    <a:pos x="T88" y="T89"/>
                  </a:cxn>
                  <a:cxn ang="T155">
                    <a:pos x="T90" y="T91"/>
                  </a:cxn>
                  <a:cxn ang="T156">
                    <a:pos x="T92" y="T93"/>
                  </a:cxn>
                  <a:cxn ang="T157">
                    <a:pos x="T94" y="T95"/>
                  </a:cxn>
                  <a:cxn ang="T158">
                    <a:pos x="T96" y="T97"/>
                  </a:cxn>
                  <a:cxn ang="T159">
                    <a:pos x="T98" y="T99"/>
                  </a:cxn>
                  <a:cxn ang="T160">
                    <a:pos x="T100" y="T101"/>
                  </a:cxn>
                  <a:cxn ang="T161">
                    <a:pos x="T102" y="T103"/>
                  </a:cxn>
                  <a:cxn ang="T162">
                    <a:pos x="T104" y="T105"/>
                  </a:cxn>
                  <a:cxn ang="T163">
                    <a:pos x="T106" y="T107"/>
                  </a:cxn>
                  <a:cxn ang="T164">
                    <a:pos x="T108" y="T109"/>
                  </a:cxn>
                </a:cxnLst>
                <a:rect l="T165" t="T166" r="T167" b="T168"/>
                <a:pathLst>
                  <a:path w="288" h="246">
                    <a:moveTo>
                      <a:pt x="258" y="174"/>
                    </a:moveTo>
                    <a:lnTo>
                      <a:pt x="216" y="162"/>
                    </a:lnTo>
                    <a:lnTo>
                      <a:pt x="204" y="174"/>
                    </a:lnTo>
                    <a:lnTo>
                      <a:pt x="228" y="180"/>
                    </a:lnTo>
                    <a:lnTo>
                      <a:pt x="246" y="174"/>
                    </a:lnTo>
                    <a:lnTo>
                      <a:pt x="240" y="186"/>
                    </a:lnTo>
                    <a:lnTo>
                      <a:pt x="252" y="192"/>
                    </a:lnTo>
                    <a:lnTo>
                      <a:pt x="258" y="180"/>
                    </a:lnTo>
                    <a:lnTo>
                      <a:pt x="276" y="174"/>
                    </a:lnTo>
                    <a:lnTo>
                      <a:pt x="276" y="186"/>
                    </a:lnTo>
                    <a:lnTo>
                      <a:pt x="252" y="210"/>
                    </a:lnTo>
                    <a:lnTo>
                      <a:pt x="258" y="222"/>
                    </a:lnTo>
                    <a:lnTo>
                      <a:pt x="288" y="234"/>
                    </a:lnTo>
                    <a:lnTo>
                      <a:pt x="282" y="246"/>
                    </a:lnTo>
                    <a:lnTo>
                      <a:pt x="276" y="240"/>
                    </a:lnTo>
                    <a:lnTo>
                      <a:pt x="270" y="246"/>
                    </a:lnTo>
                    <a:lnTo>
                      <a:pt x="264" y="228"/>
                    </a:lnTo>
                    <a:lnTo>
                      <a:pt x="228" y="216"/>
                    </a:lnTo>
                    <a:lnTo>
                      <a:pt x="234" y="234"/>
                    </a:lnTo>
                    <a:lnTo>
                      <a:pt x="222" y="240"/>
                    </a:lnTo>
                    <a:lnTo>
                      <a:pt x="216" y="228"/>
                    </a:lnTo>
                    <a:lnTo>
                      <a:pt x="210" y="234"/>
                    </a:lnTo>
                    <a:lnTo>
                      <a:pt x="204" y="228"/>
                    </a:lnTo>
                    <a:lnTo>
                      <a:pt x="198" y="240"/>
                    </a:lnTo>
                    <a:lnTo>
                      <a:pt x="186" y="246"/>
                    </a:lnTo>
                    <a:lnTo>
                      <a:pt x="174" y="240"/>
                    </a:lnTo>
                    <a:lnTo>
                      <a:pt x="162" y="222"/>
                    </a:lnTo>
                    <a:lnTo>
                      <a:pt x="144" y="216"/>
                    </a:lnTo>
                    <a:lnTo>
                      <a:pt x="144" y="204"/>
                    </a:lnTo>
                    <a:lnTo>
                      <a:pt x="126" y="204"/>
                    </a:lnTo>
                    <a:lnTo>
                      <a:pt x="126" y="198"/>
                    </a:lnTo>
                    <a:lnTo>
                      <a:pt x="108" y="204"/>
                    </a:lnTo>
                    <a:lnTo>
                      <a:pt x="120" y="216"/>
                    </a:lnTo>
                    <a:lnTo>
                      <a:pt x="102" y="222"/>
                    </a:lnTo>
                    <a:lnTo>
                      <a:pt x="54" y="204"/>
                    </a:lnTo>
                    <a:lnTo>
                      <a:pt x="18" y="210"/>
                    </a:lnTo>
                    <a:lnTo>
                      <a:pt x="12" y="204"/>
                    </a:lnTo>
                    <a:lnTo>
                      <a:pt x="24" y="192"/>
                    </a:lnTo>
                    <a:lnTo>
                      <a:pt x="24" y="156"/>
                    </a:lnTo>
                    <a:lnTo>
                      <a:pt x="36" y="126"/>
                    </a:lnTo>
                    <a:lnTo>
                      <a:pt x="6" y="66"/>
                    </a:lnTo>
                    <a:lnTo>
                      <a:pt x="0" y="0"/>
                    </a:lnTo>
                    <a:lnTo>
                      <a:pt x="162" y="0"/>
                    </a:lnTo>
                    <a:lnTo>
                      <a:pt x="162" y="24"/>
                    </a:lnTo>
                    <a:lnTo>
                      <a:pt x="168" y="18"/>
                    </a:lnTo>
                    <a:lnTo>
                      <a:pt x="162" y="30"/>
                    </a:lnTo>
                    <a:lnTo>
                      <a:pt x="174" y="36"/>
                    </a:lnTo>
                    <a:lnTo>
                      <a:pt x="162" y="48"/>
                    </a:lnTo>
                    <a:lnTo>
                      <a:pt x="168" y="48"/>
                    </a:lnTo>
                    <a:lnTo>
                      <a:pt x="144" y="84"/>
                    </a:lnTo>
                    <a:lnTo>
                      <a:pt x="138" y="126"/>
                    </a:lnTo>
                    <a:lnTo>
                      <a:pt x="240" y="120"/>
                    </a:lnTo>
                    <a:lnTo>
                      <a:pt x="240" y="144"/>
                    </a:lnTo>
                    <a:lnTo>
                      <a:pt x="252" y="168"/>
                    </a:lnTo>
                    <a:lnTo>
                      <a:pt x="258" y="17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78" name="Freeform 57"/>
              <p:cNvSpPr>
                <a:spLocks noChangeAspect="1"/>
              </p:cNvSpPr>
              <p:nvPr/>
            </p:nvSpPr>
            <p:spPr bwMode="auto">
              <a:xfrm>
                <a:off x="1608" y="1794"/>
                <a:ext cx="220" cy="177"/>
              </a:xfrm>
              <a:custGeom>
                <a:avLst/>
                <a:gdLst>
                  <a:gd name="T0" fmla="*/ 115 w 288"/>
                  <a:gd name="T1" fmla="*/ 65 h 246"/>
                  <a:gd name="T2" fmla="*/ 96 w 288"/>
                  <a:gd name="T3" fmla="*/ 60 h 246"/>
                  <a:gd name="T4" fmla="*/ 91 w 288"/>
                  <a:gd name="T5" fmla="*/ 65 h 246"/>
                  <a:gd name="T6" fmla="*/ 102 w 288"/>
                  <a:gd name="T7" fmla="*/ 68 h 246"/>
                  <a:gd name="T8" fmla="*/ 110 w 288"/>
                  <a:gd name="T9" fmla="*/ 65 h 246"/>
                  <a:gd name="T10" fmla="*/ 107 w 288"/>
                  <a:gd name="T11" fmla="*/ 69 h 246"/>
                  <a:gd name="T12" fmla="*/ 112 w 288"/>
                  <a:gd name="T13" fmla="*/ 71 h 246"/>
                  <a:gd name="T14" fmla="*/ 115 w 288"/>
                  <a:gd name="T15" fmla="*/ 68 h 246"/>
                  <a:gd name="T16" fmla="*/ 123 w 288"/>
                  <a:gd name="T17" fmla="*/ 65 h 246"/>
                  <a:gd name="T18" fmla="*/ 123 w 288"/>
                  <a:gd name="T19" fmla="*/ 69 h 246"/>
                  <a:gd name="T20" fmla="*/ 112 w 288"/>
                  <a:gd name="T21" fmla="*/ 78 h 246"/>
                  <a:gd name="T22" fmla="*/ 115 w 288"/>
                  <a:gd name="T23" fmla="*/ 83 h 246"/>
                  <a:gd name="T24" fmla="*/ 128 w 288"/>
                  <a:gd name="T25" fmla="*/ 87 h 246"/>
                  <a:gd name="T26" fmla="*/ 125 w 288"/>
                  <a:gd name="T27" fmla="*/ 91 h 246"/>
                  <a:gd name="T28" fmla="*/ 123 w 288"/>
                  <a:gd name="T29" fmla="*/ 89 h 246"/>
                  <a:gd name="T30" fmla="*/ 120 w 288"/>
                  <a:gd name="T31" fmla="*/ 91 h 246"/>
                  <a:gd name="T32" fmla="*/ 118 w 288"/>
                  <a:gd name="T33" fmla="*/ 85 h 246"/>
                  <a:gd name="T34" fmla="*/ 102 w 288"/>
                  <a:gd name="T35" fmla="*/ 81 h 246"/>
                  <a:gd name="T36" fmla="*/ 105 w 288"/>
                  <a:gd name="T37" fmla="*/ 87 h 246"/>
                  <a:gd name="T38" fmla="*/ 99 w 288"/>
                  <a:gd name="T39" fmla="*/ 89 h 246"/>
                  <a:gd name="T40" fmla="*/ 96 w 288"/>
                  <a:gd name="T41" fmla="*/ 85 h 246"/>
                  <a:gd name="T42" fmla="*/ 93 w 288"/>
                  <a:gd name="T43" fmla="*/ 87 h 246"/>
                  <a:gd name="T44" fmla="*/ 91 w 288"/>
                  <a:gd name="T45" fmla="*/ 85 h 246"/>
                  <a:gd name="T46" fmla="*/ 88 w 288"/>
                  <a:gd name="T47" fmla="*/ 89 h 246"/>
                  <a:gd name="T48" fmla="*/ 82 w 288"/>
                  <a:gd name="T49" fmla="*/ 91 h 246"/>
                  <a:gd name="T50" fmla="*/ 78 w 288"/>
                  <a:gd name="T51" fmla="*/ 89 h 246"/>
                  <a:gd name="T52" fmla="*/ 73 w 288"/>
                  <a:gd name="T53" fmla="*/ 83 h 246"/>
                  <a:gd name="T54" fmla="*/ 64 w 288"/>
                  <a:gd name="T55" fmla="*/ 81 h 246"/>
                  <a:gd name="T56" fmla="*/ 64 w 288"/>
                  <a:gd name="T57" fmla="*/ 76 h 246"/>
                  <a:gd name="T58" fmla="*/ 56 w 288"/>
                  <a:gd name="T59" fmla="*/ 76 h 246"/>
                  <a:gd name="T60" fmla="*/ 56 w 288"/>
                  <a:gd name="T61" fmla="*/ 73 h 246"/>
                  <a:gd name="T62" fmla="*/ 48 w 288"/>
                  <a:gd name="T63" fmla="*/ 76 h 246"/>
                  <a:gd name="T64" fmla="*/ 53 w 288"/>
                  <a:gd name="T65" fmla="*/ 81 h 246"/>
                  <a:gd name="T66" fmla="*/ 46 w 288"/>
                  <a:gd name="T67" fmla="*/ 83 h 246"/>
                  <a:gd name="T68" fmla="*/ 24 w 288"/>
                  <a:gd name="T69" fmla="*/ 76 h 246"/>
                  <a:gd name="T70" fmla="*/ 8 w 288"/>
                  <a:gd name="T71" fmla="*/ 78 h 246"/>
                  <a:gd name="T72" fmla="*/ 5 w 288"/>
                  <a:gd name="T73" fmla="*/ 76 h 246"/>
                  <a:gd name="T74" fmla="*/ 11 w 288"/>
                  <a:gd name="T75" fmla="*/ 71 h 246"/>
                  <a:gd name="T76" fmla="*/ 11 w 288"/>
                  <a:gd name="T77" fmla="*/ 58 h 246"/>
                  <a:gd name="T78" fmla="*/ 16 w 288"/>
                  <a:gd name="T79" fmla="*/ 47 h 246"/>
                  <a:gd name="T80" fmla="*/ 3 w 288"/>
                  <a:gd name="T81" fmla="*/ 24 h 246"/>
                  <a:gd name="T82" fmla="*/ 0 w 288"/>
                  <a:gd name="T83" fmla="*/ 0 h 246"/>
                  <a:gd name="T84" fmla="*/ 73 w 288"/>
                  <a:gd name="T85" fmla="*/ 0 h 246"/>
                  <a:gd name="T86" fmla="*/ 73 w 288"/>
                  <a:gd name="T87" fmla="*/ 9 h 246"/>
                  <a:gd name="T88" fmla="*/ 75 w 288"/>
                  <a:gd name="T89" fmla="*/ 6 h 246"/>
                  <a:gd name="T90" fmla="*/ 73 w 288"/>
                  <a:gd name="T91" fmla="*/ 12 h 246"/>
                  <a:gd name="T92" fmla="*/ 78 w 288"/>
                  <a:gd name="T93" fmla="*/ 14 h 246"/>
                  <a:gd name="T94" fmla="*/ 73 w 288"/>
                  <a:gd name="T95" fmla="*/ 18 h 246"/>
                  <a:gd name="T96" fmla="*/ 75 w 288"/>
                  <a:gd name="T97" fmla="*/ 18 h 246"/>
                  <a:gd name="T98" fmla="*/ 64 w 288"/>
                  <a:gd name="T99" fmla="*/ 31 h 246"/>
                  <a:gd name="T100" fmla="*/ 61 w 288"/>
                  <a:gd name="T101" fmla="*/ 47 h 246"/>
                  <a:gd name="T102" fmla="*/ 107 w 288"/>
                  <a:gd name="T103" fmla="*/ 45 h 246"/>
                  <a:gd name="T104" fmla="*/ 107 w 288"/>
                  <a:gd name="T105" fmla="*/ 54 h 246"/>
                  <a:gd name="T106" fmla="*/ 112 w 288"/>
                  <a:gd name="T107" fmla="*/ 63 h 246"/>
                  <a:gd name="T108" fmla="*/ 115 w 288"/>
                  <a:gd name="T109" fmla="*/ 65 h 246"/>
                  <a:gd name="T110" fmla="*/ 115 w 288"/>
                  <a:gd name="T111" fmla="*/ 68 h 24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w 288"/>
                  <a:gd name="T169" fmla="*/ 0 h 246"/>
                  <a:gd name="T170" fmla="*/ 288 w 288"/>
                  <a:gd name="T171" fmla="*/ 246 h 246"/>
                </a:gdLst>
                <a:ahLst/>
                <a:cxnLst>
                  <a:cxn ang="T112">
                    <a:pos x="T0" y="T1"/>
                  </a:cxn>
                  <a:cxn ang="T113">
                    <a:pos x="T2" y="T3"/>
                  </a:cxn>
                  <a:cxn ang="T114">
                    <a:pos x="T4" y="T5"/>
                  </a:cxn>
                  <a:cxn ang="T115">
                    <a:pos x="T6" y="T7"/>
                  </a:cxn>
                  <a:cxn ang="T116">
                    <a:pos x="T8" y="T9"/>
                  </a:cxn>
                  <a:cxn ang="T117">
                    <a:pos x="T10" y="T11"/>
                  </a:cxn>
                  <a:cxn ang="T118">
                    <a:pos x="T12" y="T13"/>
                  </a:cxn>
                  <a:cxn ang="T119">
                    <a:pos x="T14" y="T15"/>
                  </a:cxn>
                  <a:cxn ang="T120">
                    <a:pos x="T16" y="T17"/>
                  </a:cxn>
                  <a:cxn ang="T121">
                    <a:pos x="T18" y="T19"/>
                  </a:cxn>
                  <a:cxn ang="T122">
                    <a:pos x="T20" y="T21"/>
                  </a:cxn>
                  <a:cxn ang="T123">
                    <a:pos x="T22" y="T23"/>
                  </a:cxn>
                  <a:cxn ang="T124">
                    <a:pos x="T24" y="T25"/>
                  </a:cxn>
                  <a:cxn ang="T125">
                    <a:pos x="T26" y="T27"/>
                  </a:cxn>
                  <a:cxn ang="T126">
                    <a:pos x="T28" y="T29"/>
                  </a:cxn>
                  <a:cxn ang="T127">
                    <a:pos x="T30" y="T31"/>
                  </a:cxn>
                  <a:cxn ang="T128">
                    <a:pos x="T32" y="T33"/>
                  </a:cxn>
                  <a:cxn ang="T129">
                    <a:pos x="T34" y="T35"/>
                  </a:cxn>
                  <a:cxn ang="T130">
                    <a:pos x="T36" y="T37"/>
                  </a:cxn>
                  <a:cxn ang="T131">
                    <a:pos x="T38" y="T39"/>
                  </a:cxn>
                  <a:cxn ang="T132">
                    <a:pos x="T40" y="T41"/>
                  </a:cxn>
                  <a:cxn ang="T133">
                    <a:pos x="T42" y="T43"/>
                  </a:cxn>
                  <a:cxn ang="T134">
                    <a:pos x="T44" y="T45"/>
                  </a:cxn>
                  <a:cxn ang="T135">
                    <a:pos x="T46" y="T47"/>
                  </a:cxn>
                  <a:cxn ang="T136">
                    <a:pos x="T48" y="T49"/>
                  </a:cxn>
                  <a:cxn ang="T137">
                    <a:pos x="T50" y="T51"/>
                  </a:cxn>
                  <a:cxn ang="T138">
                    <a:pos x="T52" y="T53"/>
                  </a:cxn>
                  <a:cxn ang="T139">
                    <a:pos x="T54" y="T55"/>
                  </a:cxn>
                  <a:cxn ang="T140">
                    <a:pos x="T56" y="T57"/>
                  </a:cxn>
                  <a:cxn ang="T141">
                    <a:pos x="T58" y="T59"/>
                  </a:cxn>
                  <a:cxn ang="T142">
                    <a:pos x="T60" y="T61"/>
                  </a:cxn>
                  <a:cxn ang="T143">
                    <a:pos x="T62" y="T63"/>
                  </a:cxn>
                  <a:cxn ang="T144">
                    <a:pos x="T64" y="T65"/>
                  </a:cxn>
                  <a:cxn ang="T145">
                    <a:pos x="T66" y="T67"/>
                  </a:cxn>
                  <a:cxn ang="T146">
                    <a:pos x="T68" y="T69"/>
                  </a:cxn>
                  <a:cxn ang="T147">
                    <a:pos x="T70" y="T71"/>
                  </a:cxn>
                  <a:cxn ang="T148">
                    <a:pos x="T72" y="T73"/>
                  </a:cxn>
                  <a:cxn ang="T149">
                    <a:pos x="T74" y="T75"/>
                  </a:cxn>
                  <a:cxn ang="T150">
                    <a:pos x="T76" y="T77"/>
                  </a:cxn>
                  <a:cxn ang="T151">
                    <a:pos x="T78" y="T79"/>
                  </a:cxn>
                  <a:cxn ang="T152">
                    <a:pos x="T80" y="T81"/>
                  </a:cxn>
                  <a:cxn ang="T153">
                    <a:pos x="T82" y="T83"/>
                  </a:cxn>
                  <a:cxn ang="T154">
                    <a:pos x="T84" y="T85"/>
                  </a:cxn>
                  <a:cxn ang="T155">
                    <a:pos x="T86" y="T87"/>
                  </a:cxn>
                  <a:cxn ang="T156">
                    <a:pos x="T88" y="T89"/>
                  </a:cxn>
                  <a:cxn ang="T157">
                    <a:pos x="T90" y="T91"/>
                  </a:cxn>
                  <a:cxn ang="T158">
                    <a:pos x="T92" y="T93"/>
                  </a:cxn>
                  <a:cxn ang="T159">
                    <a:pos x="T94" y="T95"/>
                  </a:cxn>
                  <a:cxn ang="T160">
                    <a:pos x="T96" y="T97"/>
                  </a:cxn>
                  <a:cxn ang="T161">
                    <a:pos x="T98" y="T99"/>
                  </a:cxn>
                  <a:cxn ang="T162">
                    <a:pos x="T100" y="T101"/>
                  </a:cxn>
                  <a:cxn ang="T163">
                    <a:pos x="T102" y="T103"/>
                  </a:cxn>
                  <a:cxn ang="T164">
                    <a:pos x="T104" y="T105"/>
                  </a:cxn>
                  <a:cxn ang="T165">
                    <a:pos x="T106" y="T107"/>
                  </a:cxn>
                  <a:cxn ang="T166">
                    <a:pos x="T108" y="T109"/>
                  </a:cxn>
                  <a:cxn ang="T167">
                    <a:pos x="T110" y="T111"/>
                  </a:cxn>
                </a:cxnLst>
                <a:rect l="T168" t="T169" r="T170" b="T171"/>
                <a:pathLst>
                  <a:path w="288" h="246">
                    <a:moveTo>
                      <a:pt x="258" y="174"/>
                    </a:moveTo>
                    <a:lnTo>
                      <a:pt x="216" y="162"/>
                    </a:lnTo>
                    <a:lnTo>
                      <a:pt x="204" y="174"/>
                    </a:lnTo>
                    <a:lnTo>
                      <a:pt x="228" y="180"/>
                    </a:lnTo>
                    <a:lnTo>
                      <a:pt x="246" y="174"/>
                    </a:lnTo>
                    <a:lnTo>
                      <a:pt x="240" y="186"/>
                    </a:lnTo>
                    <a:lnTo>
                      <a:pt x="252" y="192"/>
                    </a:lnTo>
                    <a:lnTo>
                      <a:pt x="258" y="180"/>
                    </a:lnTo>
                    <a:lnTo>
                      <a:pt x="276" y="174"/>
                    </a:lnTo>
                    <a:lnTo>
                      <a:pt x="276" y="186"/>
                    </a:lnTo>
                    <a:lnTo>
                      <a:pt x="252" y="210"/>
                    </a:lnTo>
                    <a:lnTo>
                      <a:pt x="258" y="222"/>
                    </a:lnTo>
                    <a:lnTo>
                      <a:pt x="288" y="234"/>
                    </a:lnTo>
                    <a:lnTo>
                      <a:pt x="282" y="246"/>
                    </a:lnTo>
                    <a:lnTo>
                      <a:pt x="276" y="240"/>
                    </a:lnTo>
                    <a:lnTo>
                      <a:pt x="270" y="246"/>
                    </a:lnTo>
                    <a:lnTo>
                      <a:pt x="264" y="228"/>
                    </a:lnTo>
                    <a:lnTo>
                      <a:pt x="228" y="216"/>
                    </a:lnTo>
                    <a:lnTo>
                      <a:pt x="234" y="234"/>
                    </a:lnTo>
                    <a:lnTo>
                      <a:pt x="222" y="240"/>
                    </a:lnTo>
                    <a:lnTo>
                      <a:pt x="216" y="228"/>
                    </a:lnTo>
                    <a:lnTo>
                      <a:pt x="210" y="234"/>
                    </a:lnTo>
                    <a:lnTo>
                      <a:pt x="204" y="228"/>
                    </a:lnTo>
                    <a:lnTo>
                      <a:pt x="198" y="240"/>
                    </a:lnTo>
                    <a:lnTo>
                      <a:pt x="186" y="246"/>
                    </a:lnTo>
                    <a:lnTo>
                      <a:pt x="174" y="240"/>
                    </a:lnTo>
                    <a:lnTo>
                      <a:pt x="162" y="222"/>
                    </a:lnTo>
                    <a:lnTo>
                      <a:pt x="144" y="216"/>
                    </a:lnTo>
                    <a:lnTo>
                      <a:pt x="144" y="204"/>
                    </a:lnTo>
                    <a:lnTo>
                      <a:pt x="126" y="204"/>
                    </a:lnTo>
                    <a:lnTo>
                      <a:pt x="126" y="198"/>
                    </a:lnTo>
                    <a:lnTo>
                      <a:pt x="108" y="204"/>
                    </a:lnTo>
                    <a:lnTo>
                      <a:pt x="120" y="216"/>
                    </a:lnTo>
                    <a:lnTo>
                      <a:pt x="102" y="222"/>
                    </a:lnTo>
                    <a:lnTo>
                      <a:pt x="54" y="204"/>
                    </a:lnTo>
                    <a:lnTo>
                      <a:pt x="18" y="210"/>
                    </a:lnTo>
                    <a:lnTo>
                      <a:pt x="12" y="204"/>
                    </a:lnTo>
                    <a:lnTo>
                      <a:pt x="24" y="192"/>
                    </a:lnTo>
                    <a:lnTo>
                      <a:pt x="24" y="156"/>
                    </a:lnTo>
                    <a:lnTo>
                      <a:pt x="36" y="126"/>
                    </a:lnTo>
                    <a:lnTo>
                      <a:pt x="6" y="66"/>
                    </a:lnTo>
                    <a:lnTo>
                      <a:pt x="0" y="0"/>
                    </a:lnTo>
                    <a:lnTo>
                      <a:pt x="162" y="0"/>
                    </a:lnTo>
                    <a:lnTo>
                      <a:pt x="162" y="24"/>
                    </a:lnTo>
                    <a:lnTo>
                      <a:pt x="168" y="18"/>
                    </a:lnTo>
                    <a:lnTo>
                      <a:pt x="162" y="30"/>
                    </a:lnTo>
                    <a:lnTo>
                      <a:pt x="174" y="36"/>
                    </a:lnTo>
                    <a:lnTo>
                      <a:pt x="162" y="48"/>
                    </a:lnTo>
                    <a:lnTo>
                      <a:pt x="168" y="48"/>
                    </a:lnTo>
                    <a:lnTo>
                      <a:pt x="144" y="84"/>
                    </a:lnTo>
                    <a:lnTo>
                      <a:pt x="138" y="126"/>
                    </a:lnTo>
                    <a:lnTo>
                      <a:pt x="240" y="120"/>
                    </a:lnTo>
                    <a:lnTo>
                      <a:pt x="240" y="144"/>
                    </a:lnTo>
                    <a:lnTo>
                      <a:pt x="252" y="168"/>
                    </a:lnTo>
                    <a:lnTo>
                      <a:pt x="258" y="174"/>
                    </a:lnTo>
                    <a:lnTo>
                      <a:pt x="258" y="18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79" name="Freeform 58"/>
              <p:cNvSpPr>
                <a:spLocks noChangeAspect="1"/>
              </p:cNvSpPr>
              <p:nvPr/>
            </p:nvSpPr>
            <p:spPr bwMode="auto">
              <a:xfrm>
                <a:off x="2381" y="1006"/>
                <a:ext cx="142" cy="212"/>
              </a:xfrm>
              <a:custGeom>
                <a:avLst/>
                <a:gdLst>
                  <a:gd name="T0" fmla="*/ 24 w 186"/>
                  <a:gd name="T1" fmla="*/ 110 h 294"/>
                  <a:gd name="T2" fmla="*/ 21 w 186"/>
                  <a:gd name="T3" fmla="*/ 110 h 294"/>
                  <a:gd name="T4" fmla="*/ 16 w 186"/>
                  <a:gd name="T5" fmla="*/ 103 h 294"/>
                  <a:gd name="T6" fmla="*/ 0 w 186"/>
                  <a:gd name="T7" fmla="*/ 61 h 294"/>
                  <a:gd name="T8" fmla="*/ 5 w 186"/>
                  <a:gd name="T9" fmla="*/ 61 h 294"/>
                  <a:gd name="T10" fmla="*/ 5 w 186"/>
                  <a:gd name="T11" fmla="*/ 56 h 294"/>
                  <a:gd name="T12" fmla="*/ 8 w 186"/>
                  <a:gd name="T13" fmla="*/ 56 h 294"/>
                  <a:gd name="T14" fmla="*/ 5 w 186"/>
                  <a:gd name="T15" fmla="*/ 54 h 294"/>
                  <a:gd name="T16" fmla="*/ 11 w 186"/>
                  <a:gd name="T17" fmla="*/ 43 h 294"/>
                  <a:gd name="T18" fmla="*/ 11 w 186"/>
                  <a:gd name="T19" fmla="*/ 22 h 294"/>
                  <a:gd name="T20" fmla="*/ 18 w 186"/>
                  <a:gd name="T21" fmla="*/ 2 h 294"/>
                  <a:gd name="T22" fmla="*/ 21 w 186"/>
                  <a:gd name="T23" fmla="*/ 2 h 294"/>
                  <a:gd name="T24" fmla="*/ 27 w 186"/>
                  <a:gd name="T25" fmla="*/ 6 h 294"/>
                  <a:gd name="T26" fmla="*/ 40 w 186"/>
                  <a:gd name="T27" fmla="*/ 0 h 294"/>
                  <a:gd name="T28" fmla="*/ 50 w 186"/>
                  <a:gd name="T29" fmla="*/ 6 h 294"/>
                  <a:gd name="T30" fmla="*/ 61 w 186"/>
                  <a:gd name="T31" fmla="*/ 36 h 294"/>
                  <a:gd name="T32" fmla="*/ 67 w 186"/>
                  <a:gd name="T33" fmla="*/ 36 h 294"/>
                  <a:gd name="T34" fmla="*/ 69 w 186"/>
                  <a:gd name="T35" fmla="*/ 45 h 294"/>
                  <a:gd name="T36" fmla="*/ 78 w 186"/>
                  <a:gd name="T37" fmla="*/ 45 h 294"/>
                  <a:gd name="T38" fmla="*/ 80 w 186"/>
                  <a:gd name="T39" fmla="*/ 52 h 294"/>
                  <a:gd name="T40" fmla="*/ 82 w 186"/>
                  <a:gd name="T41" fmla="*/ 52 h 294"/>
                  <a:gd name="T42" fmla="*/ 80 w 186"/>
                  <a:gd name="T43" fmla="*/ 58 h 294"/>
                  <a:gd name="T44" fmla="*/ 69 w 186"/>
                  <a:gd name="T45" fmla="*/ 63 h 294"/>
                  <a:gd name="T46" fmla="*/ 67 w 186"/>
                  <a:gd name="T47" fmla="*/ 70 h 294"/>
                  <a:gd name="T48" fmla="*/ 61 w 186"/>
                  <a:gd name="T49" fmla="*/ 65 h 294"/>
                  <a:gd name="T50" fmla="*/ 59 w 186"/>
                  <a:gd name="T51" fmla="*/ 70 h 294"/>
                  <a:gd name="T52" fmla="*/ 56 w 186"/>
                  <a:gd name="T53" fmla="*/ 68 h 294"/>
                  <a:gd name="T54" fmla="*/ 56 w 186"/>
                  <a:gd name="T55" fmla="*/ 72 h 294"/>
                  <a:gd name="T56" fmla="*/ 50 w 186"/>
                  <a:gd name="T57" fmla="*/ 72 h 294"/>
                  <a:gd name="T58" fmla="*/ 53 w 186"/>
                  <a:gd name="T59" fmla="*/ 70 h 294"/>
                  <a:gd name="T60" fmla="*/ 50 w 186"/>
                  <a:gd name="T61" fmla="*/ 68 h 294"/>
                  <a:gd name="T62" fmla="*/ 46 w 186"/>
                  <a:gd name="T63" fmla="*/ 83 h 294"/>
                  <a:gd name="T64" fmla="*/ 43 w 186"/>
                  <a:gd name="T65" fmla="*/ 81 h 294"/>
                  <a:gd name="T66" fmla="*/ 43 w 186"/>
                  <a:gd name="T67" fmla="*/ 88 h 294"/>
                  <a:gd name="T68" fmla="*/ 35 w 186"/>
                  <a:gd name="T69" fmla="*/ 88 h 294"/>
                  <a:gd name="T70" fmla="*/ 37 w 186"/>
                  <a:gd name="T71" fmla="*/ 92 h 294"/>
                  <a:gd name="T72" fmla="*/ 35 w 186"/>
                  <a:gd name="T73" fmla="*/ 88 h 294"/>
                  <a:gd name="T74" fmla="*/ 29 w 186"/>
                  <a:gd name="T75" fmla="*/ 90 h 294"/>
                  <a:gd name="T76" fmla="*/ 24 w 186"/>
                  <a:gd name="T77" fmla="*/ 110 h 294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w 186"/>
                  <a:gd name="T118" fmla="*/ 0 h 294"/>
                  <a:gd name="T119" fmla="*/ 186 w 186"/>
                  <a:gd name="T120" fmla="*/ 294 h 294"/>
                </a:gdLst>
                <a:ahLst/>
                <a:cxnLst>
                  <a:cxn ang="T78">
                    <a:pos x="T0" y="T1"/>
                  </a:cxn>
                  <a:cxn ang="T79">
                    <a:pos x="T2" y="T3"/>
                  </a:cxn>
                  <a:cxn ang="T80">
                    <a:pos x="T4" y="T5"/>
                  </a:cxn>
                  <a:cxn ang="T81">
                    <a:pos x="T6" y="T7"/>
                  </a:cxn>
                  <a:cxn ang="T82">
                    <a:pos x="T8" y="T9"/>
                  </a:cxn>
                  <a:cxn ang="T83">
                    <a:pos x="T10" y="T11"/>
                  </a:cxn>
                  <a:cxn ang="T84">
                    <a:pos x="T12" y="T13"/>
                  </a:cxn>
                  <a:cxn ang="T85">
                    <a:pos x="T14" y="T15"/>
                  </a:cxn>
                  <a:cxn ang="T86">
                    <a:pos x="T16" y="T17"/>
                  </a:cxn>
                  <a:cxn ang="T87">
                    <a:pos x="T18" y="T19"/>
                  </a:cxn>
                  <a:cxn ang="T88">
                    <a:pos x="T20" y="T21"/>
                  </a:cxn>
                  <a:cxn ang="T89">
                    <a:pos x="T22" y="T23"/>
                  </a:cxn>
                  <a:cxn ang="T90">
                    <a:pos x="T24" y="T25"/>
                  </a:cxn>
                  <a:cxn ang="T91">
                    <a:pos x="T26" y="T27"/>
                  </a:cxn>
                  <a:cxn ang="T92">
                    <a:pos x="T28" y="T29"/>
                  </a:cxn>
                  <a:cxn ang="T93">
                    <a:pos x="T30" y="T31"/>
                  </a:cxn>
                  <a:cxn ang="T94">
                    <a:pos x="T32" y="T33"/>
                  </a:cxn>
                  <a:cxn ang="T95">
                    <a:pos x="T34" y="T35"/>
                  </a:cxn>
                  <a:cxn ang="T96">
                    <a:pos x="T36" y="T37"/>
                  </a:cxn>
                  <a:cxn ang="T97">
                    <a:pos x="T38" y="T39"/>
                  </a:cxn>
                  <a:cxn ang="T98">
                    <a:pos x="T40" y="T41"/>
                  </a:cxn>
                  <a:cxn ang="T99">
                    <a:pos x="T42" y="T43"/>
                  </a:cxn>
                  <a:cxn ang="T100">
                    <a:pos x="T44" y="T45"/>
                  </a:cxn>
                  <a:cxn ang="T101">
                    <a:pos x="T46" y="T47"/>
                  </a:cxn>
                  <a:cxn ang="T102">
                    <a:pos x="T48" y="T49"/>
                  </a:cxn>
                  <a:cxn ang="T103">
                    <a:pos x="T50" y="T51"/>
                  </a:cxn>
                  <a:cxn ang="T104">
                    <a:pos x="T52" y="T53"/>
                  </a:cxn>
                  <a:cxn ang="T105">
                    <a:pos x="T54" y="T55"/>
                  </a:cxn>
                  <a:cxn ang="T106">
                    <a:pos x="T56" y="T57"/>
                  </a:cxn>
                  <a:cxn ang="T107">
                    <a:pos x="T58" y="T59"/>
                  </a:cxn>
                  <a:cxn ang="T108">
                    <a:pos x="T60" y="T61"/>
                  </a:cxn>
                  <a:cxn ang="T109">
                    <a:pos x="T62" y="T63"/>
                  </a:cxn>
                  <a:cxn ang="T110">
                    <a:pos x="T64" y="T65"/>
                  </a:cxn>
                  <a:cxn ang="T111">
                    <a:pos x="T66" y="T67"/>
                  </a:cxn>
                  <a:cxn ang="T112">
                    <a:pos x="T68" y="T69"/>
                  </a:cxn>
                  <a:cxn ang="T113">
                    <a:pos x="T70" y="T71"/>
                  </a:cxn>
                  <a:cxn ang="T114">
                    <a:pos x="T72" y="T73"/>
                  </a:cxn>
                  <a:cxn ang="T115">
                    <a:pos x="T74" y="T75"/>
                  </a:cxn>
                  <a:cxn ang="T116">
                    <a:pos x="T76" y="T77"/>
                  </a:cxn>
                </a:cxnLst>
                <a:rect l="T117" t="T118" r="T119" b="T120"/>
                <a:pathLst>
                  <a:path w="186" h="294">
                    <a:moveTo>
                      <a:pt x="54" y="294"/>
                    </a:moveTo>
                    <a:lnTo>
                      <a:pt x="48" y="294"/>
                    </a:lnTo>
                    <a:lnTo>
                      <a:pt x="36" y="276"/>
                    </a:lnTo>
                    <a:lnTo>
                      <a:pt x="0" y="162"/>
                    </a:lnTo>
                    <a:lnTo>
                      <a:pt x="12" y="162"/>
                    </a:lnTo>
                    <a:lnTo>
                      <a:pt x="12" y="150"/>
                    </a:lnTo>
                    <a:lnTo>
                      <a:pt x="18" y="150"/>
                    </a:lnTo>
                    <a:lnTo>
                      <a:pt x="12" y="144"/>
                    </a:lnTo>
                    <a:lnTo>
                      <a:pt x="24" y="114"/>
                    </a:lnTo>
                    <a:lnTo>
                      <a:pt x="24" y="60"/>
                    </a:lnTo>
                    <a:lnTo>
                      <a:pt x="42" y="6"/>
                    </a:lnTo>
                    <a:lnTo>
                      <a:pt x="48" y="6"/>
                    </a:lnTo>
                    <a:lnTo>
                      <a:pt x="60" y="18"/>
                    </a:lnTo>
                    <a:lnTo>
                      <a:pt x="90" y="0"/>
                    </a:lnTo>
                    <a:lnTo>
                      <a:pt x="114" y="18"/>
                    </a:lnTo>
                    <a:lnTo>
                      <a:pt x="138" y="96"/>
                    </a:lnTo>
                    <a:lnTo>
                      <a:pt x="150" y="96"/>
                    </a:lnTo>
                    <a:lnTo>
                      <a:pt x="156" y="120"/>
                    </a:lnTo>
                    <a:lnTo>
                      <a:pt x="174" y="120"/>
                    </a:lnTo>
                    <a:lnTo>
                      <a:pt x="180" y="138"/>
                    </a:lnTo>
                    <a:lnTo>
                      <a:pt x="186" y="138"/>
                    </a:lnTo>
                    <a:lnTo>
                      <a:pt x="180" y="156"/>
                    </a:lnTo>
                    <a:lnTo>
                      <a:pt x="156" y="168"/>
                    </a:lnTo>
                    <a:lnTo>
                      <a:pt x="150" y="186"/>
                    </a:lnTo>
                    <a:lnTo>
                      <a:pt x="138" y="174"/>
                    </a:lnTo>
                    <a:lnTo>
                      <a:pt x="132" y="186"/>
                    </a:lnTo>
                    <a:lnTo>
                      <a:pt x="126" y="180"/>
                    </a:lnTo>
                    <a:lnTo>
                      <a:pt x="126" y="192"/>
                    </a:lnTo>
                    <a:lnTo>
                      <a:pt x="114" y="192"/>
                    </a:lnTo>
                    <a:lnTo>
                      <a:pt x="120" y="186"/>
                    </a:lnTo>
                    <a:lnTo>
                      <a:pt x="114" y="180"/>
                    </a:lnTo>
                    <a:lnTo>
                      <a:pt x="102" y="222"/>
                    </a:lnTo>
                    <a:lnTo>
                      <a:pt x="96" y="216"/>
                    </a:lnTo>
                    <a:lnTo>
                      <a:pt x="96" y="234"/>
                    </a:lnTo>
                    <a:lnTo>
                      <a:pt x="78" y="234"/>
                    </a:lnTo>
                    <a:lnTo>
                      <a:pt x="84" y="246"/>
                    </a:lnTo>
                    <a:lnTo>
                      <a:pt x="78" y="234"/>
                    </a:lnTo>
                    <a:lnTo>
                      <a:pt x="66" y="240"/>
                    </a:lnTo>
                    <a:lnTo>
                      <a:pt x="54" y="29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80" name="Freeform 59"/>
              <p:cNvSpPr>
                <a:spLocks noChangeAspect="1"/>
              </p:cNvSpPr>
              <p:nvPr/>
            </p:nvSpPr>
            <p:spPr bwMode="auto">
              <a:xfrm>
                <a:off x="2381" y="1006"/>
                <a:ext cx="142" cy="216"/>
              </a:xfrm>
              <a:custGeom>
                <a:avLst/>
                <a:gdLst>
                  <a:gd name="T0" fmla="*/ 24 w 186"/>
                  <a:gd name="T1" fmla="*/ 110 h 300"/>
                  <a:gd name="T2" fmla="*/ 21 w 186"/>
                  <a:gd name="T3" fmla="*/ 110 h 300"/>
                  <a:gd name="T4" fmla="*/ 16 w 186"/>
                  <a:gd name="T5" fmla="*/ 103 h 300"/>
                  <a:gd name="T6" fmla="*/ 0 w 186"/>
                  <a:gd name="T7" fmla="*/ 60 h 300"/>
                  <a:gd name="T8" fmla="*/ 5 w 186"/>
                  <a:gd name="T9" fmla="*/ 60 h 300"/>
                  <a:gd name="T10" fmla="*/ 5 w 186"/>
                  <a:gd name="T11" fmla="*/ 56 h 300"/>
                  <a:gd name="T12" fmla="*/ 8 w 186"/>
                  <a:gd name="T13" fmla="*/ 56 h 300"/>
                  <a:gd name="T14" fmla="*/ 5 w 186"/>
                  <a:gd name="T15" fmla="*/ 54 h 300"/>
                  <a:gd name="T16" fmla="*/ 11 w 186"/>
                  <a:gd name="T17" fmla="*/ 42 h 300"/>
                  <a:gd name="T18" fmla="*/ 11 w 186"/>
                  <a:gd name="T19" fmla="*/ 22 h 300"/>
                  <a:gd name="T20" fmla="*/ 18 w 186"/>
                  <a:gd name="T21" fmla="*/ 2 h 300"/>
                  <a:gd name="T22" fmla="*/ 21 w 186"/>
                  <a:gd name="T23" fmla="*/ 2 h 300"/>
                  <a:gd name="T24" fmla="*/ 27 w 186"/>
                  <a:gd name="T25" fmla="*/ 6 h 300"/>
                  <a:gd name="T26" fmla="*/ 40 w 186"/>
                  <a:gd name="T27" fmla="*/ 0 h 300"/>
                  <a:gd name="T28" fmla="*/ 50 w 186"/>
                  <a:gd name="T29" fmla="*/ 6 h 300"/>
                  <a:gd name="T30" fmla="*/ 61 w 186"/>
                  <a:gd name="T31" fmla="*/ 36 h 300"/>
                  <a:gd name="T32" fmla="*/ 67 w 186"/>
                  <a:gd name="T33" fmla="*/ 36 h 300"/>
                  <a:gd name="T34" fmla="*/ 69 w 186"/>
                  <a:gd name="T35" fmla="*/ 45 h 300"/>
                  <a:gd name="T36" fmla="*/ 78 w 186"/>
                  <a:gd name="T37" fmla="*/ 45 h 300"/>
                  <a:gd name="T38" fmla="*/ 80 w 186"/>
                  <a:gd name="T39" fmla="*/ 51 h 300"/>
                  <a:gd name="T40" fmla="*/ 82 w 186"/>
                  <a:gd name="T41" fmla="*/ 51 h 300"/>
                  <a:gd name="T42" fmla="*/ 80 w 186"/>
                  <a:gd name="T43" fmla="*/ 58 h 300"/>
                  <a:gd name="T44" fmla="*/ 69 w 186"/>
                  <a:gd name="T45" fmla="*/ 63 h 300"/>
                  <a:gd name="T46" fmla="*/ 67 w 186"/>
                  <a:gd name="T47" fmla="*/ 69 h 300"/>
                  <a:gd name="T48" fmla="*/ 61 w 186"/>
                  <a:gd name="T49" fmla="*/ 65 h 300"/>
                  <a:gd name="T50" fmla="*/ 59 w 186"/>
                  <a:gd name="T51" fmla="*/ 69 h 300"/>
                  <a:gd name="T52" fmla="*/ 56 w 186"/>
                  <a:gd name="T53" fmla="*/ 68 h 300"/>
                  <a:gd name="T54" fmla="*/ 56 w 186"/>
                  <a:gd name="T55" fmla="*/ 71 h 300"/>
                  <a:gd name="T56" fmla="*/ 50 w 186"/>
                  <a:gd name="T57" fmla="*/ 71 h 300"/>
                  <a:gd name="T58" fmla="*/ 53 w 186"/>
                  <a:gd name="T59" fmla="*/ 69 h 300"/>
                  <a:gd name="T60" fmla="*/ 50 w 186"/>
                  <a:gd name="T61" fmla="*/ 68 h 300"/>
                  <a:gd name="T62" fmla="*/ 46 w 186"/>
                  <a:gd name="T63" fmla="*/ 83 h 300"/>
                  <a:gd name="T64" fmla="*/ 43 w 186"/>
                  <a:gd name="T65" fmla="*/ 81 h 300"/>
                  <a:gd name="T66" fmla="*/ 43 w 186"/>
                  <a:gd name="T67" fmla="*/ 87 h 300"/>
                  <a:gd name="T68" fmla="*/ 35 w 186"/>
                  <a:gd name="T69" fmla="*/ 87 h 300"/>
                  <a:gd name="T70" fmla="*/ 37 w 186"/>
                  <a:gd name="T71" fmla="*/ 91 h 300"/>
                  <a:gd name="T72" fmla="*/ 35 w 186"/>
                  <a:gd name="T73" fmla="*/ 87 h 300"/>
                  <a:gd name="T74" fmla="*/ 29 w 186"/>
                  <a:gd name="T75" fmla="*/ 90 h 300"/>
                  <a:gd name="T76" fmla="*/ 24 w 186"/>
                  <a:gd name="T77" fmla="*/ 110 h 300"/>
                  <a:gd name="T78" fmla="*/ 24 w 186"/>
                  <a:gd name="T79" fmla="*/ 112 h 300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w 186"/>
                  <a:gd name="T121" fmla="*/ 0 h 300"/>
                  <a:gd name="T122" fmla="*/ 186 w 186"/>
                  <a:gd name="T123" fmla="*/ 300 h 300"/>
                </a:gdLst>
                <a:ahLst/>
                <a:cxnLst>
                  <a:cxn ang="T80">
                    <a:pos x="T0" y="T1"/>
                  </a:cxn>
                  <a:cxn ang="T81">
                    <a:pos x="T2" y="T3"/>
                  </a:cxn>
                  <a:cxn ang="T82">
                    <a:pos x="T4" y="T5"/>
                  </a:cxn>
                  <a:cxn ang="T83">
                    <a:pos x="T6" y="T7"/>
                  </a:cxn>
                  <a:cxn ang="T84">
                    <a:pos x="T8" y="T9"/>
                  </a:cxn>
                  <a:cxn ang="T85">
                    <a:pos x="T10" y="T11"/>
                  </a:cxn>
                  <a:cxn ang="T86">
                    <a:pos x="T12" y="T13"/>
                  </a:cxn>
                  <a:cxn ang="T87">
                    <a:pos x="T14" y="T15"/>
                  </a:cxn>
                  <a:cxn ang="T88">
                    <a:pos x="T16" y="T17"/>
                  </a:cxn>
                  <a:cxn ang="T89">
                    <a:pos x="T18" y="T19"/>
                  </a:cxn>
                  <a:cxn ang="T90">
                    <a:pos x="T20" y="T21"/>
                  </a:cxn>
                  <a:cxn ang="T91">
                    <a:pos x="T22" y="T23"/>
                  </a:cxn>
                  <a:cxn ang="T92">
                    <a:pos x="T24" y="T25"/>
                  </a:cxn>
                  <a:cxn ang="T93">
                    <a:pos x="T26" y="T27"/>
                  </a:cxn>
                  <a:cxn ang="T94">
                    <a:pos x="T28" y="T29"/>
                  </a:cxn>
                  <a:cxn ang="T95">
                    <a:pos x="T30" y="T31"/>
                  </a:cxn>
                  <a:cxn ang="T96">
                    <a:pos x="T32" y="T33"/>
                  </a:cxn>
                  <a:cxn ang="T97">
                    <a:pos x="T34" y="T35"/>
                  </a:cxn>
                  <a:cxn ang="T98">
                    <a:pos x="T36" y="T37"/>
                  </a:cxn>
                  <a:cxn ang="T99">
                    <a:pos x="T38" y="T39"/>
                  </a:cxn>
                  <a:cxn ang="T100">
                    <a:pos x="T40" y="T41"/>
                  </a:cxn>
                  <a:cxn ang="T101">
                    <a:pos x="T42" y="T43"/>
                  </a:cxn>
                  <a:cxn ang="T102">
                    <a:pos x="T44" y="T45"/>
                  </a:cxn>
                  <a:cxn ang="T103">
                    <a:pos x="T46" y="T47"/>
                  </a:cxn>
                  <a:cxn ang="T104">
                    <a:pos x="T48" y="T49"/>
                  </a:cxn>
                  <a:cxn ang="T105">
                    <a:pos x="T50" y="T51"/>
                  </a:cxn>
                  <a:cxn ang="T106">
                    <a:pos x="T52" y="T53"/>
                  </a:cxn>
                  <a:cxn ang="T107">
                    <a:pos x="T54" y="T55"/>
                  </a:cxn>
                  <a:cxn ang="T108">
                    <a:pos x="T56" y="T57"/>
                  </a:cxn>
                  <a:cxn ang="T109">
                    <a:pos x="T58" y="T59"/>
                  </a:cxn>
                  <a:cxn ang="T110">
                    <a:pos x="T60" y="T61"/>
                  </a:cxn>
                  <a:cxn ang="T111">
                    <a:pos x="T62" y="T63"/>
                  </a:cxn>
                  <a:cxn ang="T112">
                    <a:pos x="T64" y="T65"/>
                  </a:cxn>
                  <a:cxn ang="T113">
                    <a:pos x="T66" y="T67"/>
                  </a:cxn>
                  <a:cxn ang="T114">
                    <a:pos x="T68" y="T69"/>
                  </a:cxn>
                  <a:cxn ang="T115">
                    <a:pos x="T70" y="T71"/>
                  </a:cxn>
                  <a:cxn ang="T116">
                    <a:pos x="T72" y="T73"/>
                  </a:cxn>
                  <a:cxn ang="T117">
                    <a:pos x="T74" y="T75"/>
                  </a:cxn>
                  <a:cxn ang="T118">
                    <a:pos x="T76" y="T77"/>
                  </a:cxn>
                  <a:cxn ang="T119">
                    <a:pos x="T78" y="T79"/>
                  </a:cxn>
                </a:cxnLst>
                <a:rect l="T120" t="T121" r="T122" b="T123"/>
                <a:pathLst>
                  <a:path w="186" h="300">
                    <a:moveTo>
                      <a:pt x="54" y="294"/>
                    </a:moveTo>
                    <a:lnTo>
                      <a:pt x="48" y="294"/>
                    </a:lnTo>
                    <a:lnTo>
                      <a:pt x="36" y="276"/>
                    </a:lnTo>
                    <a:lnTo>
                      <a:pt x="0" y="162"/>
                    </a:lnTo>
                    <a:lnTo>
                      <a:pt x="12" y="162"/>
                    </a:lnTo>
                    <a:lnTo>
                      <a:pt x="12" y="150"/>
                    </a:lnTo>
                    <a:lnTo>
                      <a:pt x="18" y="150"/>
                    </a:lnTo>
                    <a:lnTo>
                      <a:pt x="12" y="144"/>
                    </a:lnTo>
                    <a:lnTo>
                      <a:pt x="24" y="114"/>
                    </a:lnTo>
                    <a:lnTo>
                      <a:pt x="24" y="60"/>
                    </a:lnTo>
                    <a:lnTo>
                      <a:pt x="42" y="6"/>
                    </a:lnTo>
                    <a:lnTo>
                      <a:pt x="48" y="6"/>
                    </a:lnTo>
                    <a:lnTo>
                      <a:pt x="60" y="18"/>
                    </a:lnTo>
                    <a:lnTo>
                      <a:pt x="90" y="0"/>
                    </a:lnTo>
                    <a:lnTo>
                      <a:pt x="114" y="18"/>
                    </a:lnTo>
                    <a:lnTo>
                      <a:pt x="138" y="96"/>
                    </a:lnTo>
                    <a:lnTo>
                      <a:pt x="150" y="96"/>
                    </a:lnTo>
                    <a:lnTo>
                      <a:pt x="156" y="120"/>
                    </a:lnTo>
                    <a:lnTo>
                      <a:pt x="174" y="120"/>
                    </a:lnTo>
                    <a:lnTo>
                      <a:pt x="180" y="138"/>
                    </a:lnTo>
                    <a:lnTo>
                      <a:pt x="186" y="138"/>
                    </a:lnTo>
                    <a:lnTo>
                      <a:pt x="180" y="156"/>
                    </a:lnTo>
                    <a:lnTo>
                      <a:pt x="156" y="168"/>
                    </a:lnTo>
                    <a:lnTo>
                      <a:pt x="150" y="186"/>
                    </a:lnTo>
                    <a:lnTo>
                      <a:pt x="138" y="174"/>
                    </a:lnTo>
                    <a:lnTo>
                      <a:pt x="132" y="186"/>
                    </a:lnTo>
                    <a:lnTo>
                      <a:pt x="126" y="180"/>
                    </a:lnTo>
                    <a:lnTo>
                      <a:pt x="126" y="192"/>
                    </a:lnTo>
                    <a:lnTo>
                      <a:pt x="114" y="192"/>
                    </a:lnTo>
                    <a:lnTo>
                      <a:pt x="120" y="186"/>
                    </a:lnTo>
                    <a:lnTo>
                      <a:pt x="114" y="180"/>
                    </a:lnTo>
                    <a:lnTo>
                      <a:pt x="102" y="222"/>
                    </a:lnTo>
                    <a:lnTo>
                      <a:pt x="96" y="216"/>
                    </a:lnTo>
                    <a:lnTo>
                      <a:pt x="96" y="234"/>
                    </a:lnTo>
                    <a:lnTo>
                      <a:pt x="78" y="234"/>
                    </a:lnTo>
                    <a:lnTo>
                      <a:pt x="84" y="246"/>
                    </a:lnTo>
                    <a:lnTo>
                      <a:pt x="78" y="234"/>
                    </a:lnTo>
                    <a:lnTo>
                      <a:pt x="66" y="240"/>
                    </a:lnTo>
                    <a:lnTo>
                      <a:pt x="54" y="294"/>
                    </a:lnTo>
                    <a:lnTo>
                      <a:pt x="54" y="30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81" name="Freeform 60"/>
              <p:cNvSpPr>
                <a:spLocks noChangeAspect="1"/>
              </p:cNvSpPr>
              <p:nvPr/>
            </p:nvSpPr>
            <p:spPr bwMode="auto">
              <a:xfrm>
                <a:off x="2144" y="1408"/>
                <a:ext cx="178" cy="83"/>
              </a:xfrm>
              <a:custGeom>
                <a:avLst/>
                <a:gdLst>
                  <a:gd name="T0" fmla="*/ 79 w 234"/>
                  <a:gd name="T1" fmla="*/ 0 h 114"/>
                  <a:gd name="T2" fmla="*/ 90 w 234"/>
                  <a:gd name="T3" fmla="*/ 31 h 114"/>
                  <a:gd name="T4" fmla="*/ 103 w 234"/>
                  <a:gd name="T5" fmla="*/ 28 h 114"/>
                  <a:gd name="T6" fmla="*/ 100 w 234"/>
                  <a:gd name="T7" fmla="*/ 39 h 114"/>
                  <a:gd name="T8" fmla="*/ 100 w 234"/>
                  <a:gd name="T9" fmla="*/ 35 h 114"/>
                  <a:gd name="T10" fmla="*/ 98 w 234"/>
                  <a:gd name="T11" fmla="*/ 39 h 114"/>
                  <a:gd name="T12" fmla="*/ 93 w 234"/>
                  <a:gd name="T13" fmla="*/ 42 h 114"/>
                  <a:gd name="T14" fmla="*/ 87 w 234"/>
                  <a:gd name="T15" fmla="*/ 44 h 114"/>
                  <a:gd name="T16" fmla="*/ 84 w 234"/>
                  <a:gd name="T17" fmla="*/ 35 h 114"/>
                  <a:gd name="T18" fmla="*/ 81 w 234"/>
                  <a:gd name="T19" fmla="*/ 37 h 114"/>
                  <a:gd name="T20" fmla="*/ 76 w 234"/>
                  <a:gd name="T21" fmla="*/ 35 h 114"/>
                  <a:gd name="T22" fmla="*/ 76 w 234"/>
                  <a:gd name="T23" fmla="*/ 31 h 114"/>
                  <a:gd name="T24" fmla="*/ 79 w 234"/>
                  <a:gd name="T25" fmla="*/ 31 h 114"/>
                  <a:gd name="T26" fmla="*/ 76 w 234"/>
                  <a:gd name="T27" fmla="*/ 25 h 114"/>
                  <a:gd name="T28" fmla="*/ 76 w 234"/>
                  <a:gd name="T29" fmla="*/ 25 h 114"/>
                  <a:gd name="T30" fmla="*/ 76 w 234"/>
                  <a:gd name="T31" fmla="*/ 17 h 114"/>
                  <a:gd name="T32" fmla="*/ 72 w 234"/>
                  <a:gd name="T33" fmla="*/ 17 h 114"/>
                  <a:gd name="T34" fmla="*/ 79 w 234"/>
                  <a:gd name="T35" fmla="*/ 7 h 114"/>
                  <a:gd name="T36" fmla="*/ 76 w 234"/>
                  <a:gd name="T37" fmla="*/ 5 h 114"/>
                  <a:gd name="T38" fmla="*/ 69 w 234"/>
                  <a:gd name="T39" fmla="*/ 17 h 114"/>
                  <a:gd name="T40" fmla="*/ 64 w 234"/>
                  <a:gd name="T41" fmla="*/ 17 h 114"/>
                  <a:gd name="T42" fmla="*/ 69 w 234"/>
                  <a:gd name="T43" fmla="*/ 18 h 114"/>
                  <a:gd name="T44" fmla="*/ 69 w 234"/>
                  <a:gd name="T45" fmla="*/ 28 h 114"/>
                  <a:gd name="T46" fmla="*/ 74 w 234"/>
                  <a:gd name="T47" fmla="*/ 37 h 114"/>
                  <a:gd name="T48" fmla="*/ 69 w 234"/>
                  <a:gd name="T49" fmla="*/ 35 h 114"/>
                  <a:gd name="T50" fmla="*/ 74 w 234"/>
                  <a:gd name="T51" fmla="*/ 37 h 114"/>
                  <a:gd name="T52" fmla="*/ 76 w 234"/>
                  <a:gd name="T53" fmla="*/ 44 h 114"/>
                  <a:gd name="T54" fmla="*/ 58 w 234"/>
                  <a:gd name="T55" fmla="*/ 39 h 114"/>
                  <a:gd name="T56" fmla="*/ 56 w 234"/>
                  <a:gd name="T57" fmla="*/ 39 h 114"/>
                  <a:gd name="T58" fmla="*/ 52 w 234"/>
                  <a:gd name="T59" fmla="*/ 37 h 114"/>
                  <a:gd name="T60" fmla="*/ 58 w 234"/>
                  <a:gd name="T61" fmla="*/ 28 h 114"/>
                  <a:gd name="T62" fmla="*/ 61 w 234"/>
                  <a:gd name="T63" fmla="*/ 25 h 114"/>
                  <a:gd name="T64" fmla="*/ 56 w 234"/>
                  <a:gd name="T65" fmla="*/ 25 h 114"/>
                  <a:gd name="T66" fmla="*/ 40 w 234"/>
                  <a:gd name="T67" fmla="*/ 18 h 114"/>
                  <a:gd name="T68" fmla="*/ 37 w 234"/>
                  <a:gd name="T69" fmla="*/ 12 h 114"/>
                  <a:gd name="T70" fmla="*/ 29 w 234"/>
                  <a:gd name="T71" fmla="*/ 12 h 114"/>
                  <a:gd name="T72" fmla="*/ 24 w 234"/>
                  <a:gd name="T73" fmla="*/ 17 h 114"/>
                  <a:gd name="T74" fmla="*/ 16 w 234"/>
                  <a:gd name="T75" fmla="*/ 14 h 114"/>
                  <a:gd name="T76" fmla="*/ 3 w 234"/>
                  <a:gd name="T77" fmla="*/ 25 h 114"/>
                  <a:gd name="T78" fmla="*/ 0 w 234"/>
                  <a:gd name="T79" fmla="*/ 14 h 114"/>
                  <a:gd name="T80" fmla="*/ 72 w 234"/>
                  <a:gd name="T81" fmla="*/ 2 h 114"/>
                  <a:gd name="T82" fmla="*/ 79 w 234"/>
                  <a:gd name="T83" fmla="*/ 0 h 114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234"/>
                  <a:gd name="T127" fmla="*/ 0 h 114"/>
                  <a:gd name="T128" fmla="*/ 234 w 234"/>
                  <a:gd name="T129" fmla="*/ 114 h 114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234" h="114">
                    <a:moveTo>
                      <a:pt x="180" y="0"/>
                    </a:moveTo>
                    <a:lnTo>
                      <a:pt x="204" y="78"/>
                    </a:lnTo>
                    <a:lnTo>
                      <a:pt x="234" y="72"/>
                    </a:lnTo>
                    <a:lnTo>
                      <a:pt x="228" y="102"/>
                    </a:lnTo>
                    <a:lnTo>
                      <a:pt x="228" y="90"/>
                    </a:lnTo>
                    <a:lnTo>
                      <a:pt x="222" y="102"/>
                    </a:lnTo>
                    <a:lnTo>
                      <a:pt x="210" y="108"/>
                    </a:lnTo>
                    <a:lnTo>
                      <a:pt x="198" y="114"/>
                    </a:lnTo>
                    <a:lnTo>
                      <a:pt x="192" y="90"/>
                    </a:lnTo>
                    <a:lnTo>
                      <a:pt x="186" y="96"/>
                    </a:lnTo>
                    <a:lnTo>
                      <a:pt x="174" y="90"/>
                    </a:lnTo>
                    <a:lnTo>
                      <a:pt x="174" y="78"/>
                    </a:lnTo>
                    <a:lnTo>
                      <a:pt x="180" y="78"/>
                    </a:lnTo>
                    <a:lnTo>
                      <a:pt x="174" y="66"/>
                    </a:lnTo>
                    <a:lnTo>
                      <a:pt x="174" y="42"/>
                    </a:lnTo>
                    <a:lnTo>
                      <a:pt x="162" y="42"/>
                    </a:lnTo>
                    <a:lnTo>
                      <a:pt x="180" y="18"/>
                    </a:lnTo>
                    <a:lnTo>
                      <a:pt x="174" y="12"/>
                    </a:lnTo>
                    <a:lnTo>
                      <a:pt x="156" y="42"/>
                    </a:lnTo>
                    <a:lnTo>
                      <a:pt x="144" y="42"/>
                    </a:lnTo>
                    <a:lnTo>
                      <a:pt x="156" y="48"/>
                    </a:lnTo>
                    <a:lnTo>
                      <a:pt x="156" y="72"/>
                    </a:lnTo>
                    <a:lnTo>
                      <a:pt x="168" y="96"/>
                    </a:lnTo>
                    <a:lnTo>
                      <a:pt x="156" y="90"/>
                    </a:lnTo>
                    <a:lnTo>
                      <a:pt x="168" y="96"/>
                    </a:lnTo>
                    <a:lnTo>
                      <a:pt x="174" y="114"/>
                    </a:lnTo>
                    <a:lnTo>
                      <a:pt x="132" y="102"/>
                    </a:lnTo>
                    <a:lnTo>
                      <a:pt x="126" y="102"/>
                    </a:lnTo>
                    <a:lnTo>
                      <a:pt x="120" y="96"/>
                    </a:lnTo>
                    <a:lnTo>
                      <a:pt x="132" y="72"/>
                    </a:lnTo>
                    <a:lnTo>
                      <a:pt x="138" y="66"/>
                    </a:lnTo>
                    <a:lnTo>
                      <a:pt x="126" y="66"/>
                    </a:lnTo>
                    <a:lnTo>
                      <a:pt x="90" y="48"/>
                    </a:lnTo>
                    <a:lnTo>
                      <a:pt x="84" y="30"/>
                    </a:lnTo>
                    <a:lnTo>
                      <a:pt x="66" y="30"/>
                    </a:lnTo>
                    <a:lnTo>
                      <a:pt x="54" y="42"/>
                    </a:lnTo>
                    <a:lnTo>
                      <a:pt x="36" y="36"/>
                    </a:lnTo>
                    <a:lnTo>
                      <a:pt x="6" y="66"/>
                    </a:lnTo>
                    <a:lnTo>
                      <a:pt x="0" y="36"/>
                    </a:lnTo>
                    <a:lnTo>
                      <a:pt x="162" y="6"/>
                    </a:lnTo>
                    <a:lnTo>
                      <a:pt x="180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82" name="Freeform 61"/>
              <p:cNvSpPr>
                <a:spLocks noChangeAspect="1"/>
              </p:cNvSpPr>
              <p:nvPr/>
            </p:nvSpPr>
            <p:spPr bwMode="auto">
              <a:xfrm>
                <a:off x="2144" y="1408"/>
                <a:ext cx="178" cy="83"/>
              </a:xfrm>
              <a:custGeom>
                <a:avLst/>
                <a:gdLst>
                  <a:gd name="T0" fmla="*/ 79 w 234"/>
                  <a:gd name="T1" fmla="*/ 0 h 114"/>
                  <a:gd name="T2" fmla="*/ 90 w 234"/>
                  <a:gd name="T3" fmla="*/ 31 h 114"/>
                  <a:gd name="T4" fmla="*/ 103 w 234"/>
                  <a:gd name="T5" fmla="*/ 28 h 114"/>
                  <a:gd name="T6" fmla="*/ 100 w 234"/>
                  <a:gd name="T7" fmla="*/ 39 h 114"/>
                  <a:gd name="T8" fmla="*/ 100 w 234"/>
                  <a:gd name="T9" fmla="*/ 35 h 114"/>
                  <a:gd name="T10" fmla="*/ 98 w 234"/>
                  <a:gd name="T11" fmla="*/ 39 h 114"/>
                  <a:gd name="T12" fmla="*/ 93 w 234"/>
                  <a:gd name="T13" fmla="*/ 42 h 114"/>
                  <a:gd name="T14" fmla="*/ 87 w 234"/>
                  <a:gd name="T15" fmla="*/ 44 h 114"/>
                  <a:gd name="T16" fmla="*/ 84 w 234"/>
                  <a:gd name="T17" fmla="*/ 35 h 114"/>
                  <a:gd name="T18" fmla="*/ 81 w 234"/>
                  <a:gd name="T19" fmla="*/ 37 h 114"/>
                  <a:gd name="T20" fmla="*/ 76 w 234"/>
                  <a:gd name="T21" fmla="*/ 35 h 114"/>
                  <a:gd name="T22" fmla="*/ 76 w 234"/>
                  <a:gd name="T23" fmla="*/ 31 h 114"/>
                  <a:gd name="T24" fmla="*/ 79 w 234"/>
                  <a:gd name="T25" fmla="*/ 31 h 114"/>
                  <a:gd name="T26" fmla="*/ 76 w 234"/>
                  <a:gd name="T27" fmla="*/ 25 h 114"/>
                  <a:gd name="T28" fmla="*/ 74 w 234"/>
                  <a:gd name="T29" fmla="*/ 25 h 114"/>
                  <a:gd name="T30" fmla="*/ 76 w 234"/>
                  <a:gd name="T31" fmla="*/ 25 h 114"/>
                  <a:gd name="T32" fmla="*/ 76 w 234"/>
                  <a:gd name="T33" fmla="*/ 17 h 114"/>
                  <a:gd name="T34" fmla="*/ 72 w 234"/>
                  <a:gd name="T35" fmla="*/ 17 h 114"/>
                  <a:gd name="T36" fmla="*/ 79 w 234"/>
                  <a:gd name="T37" fmla="*/ 7 h 114"/>
                  <a:gd name="T38" fmla="*/ 76 w 234"/>
                  <a:gd name="T39" fmla="*/ 5 h 114"/>
                  <a:gd name="T40" fmla="*/ 69 w 234"/>
                  <a:gd name="T41" fmla="*/ 17 h 114"/>
                  <a:gd name="T42" fmla="*/ 64 w 234"/>
                  <a:gd name="T43" fmla="*/ 17 h 114"/>
                  <a:gd name="T44" fmla="*/ 69 w 234"/>
                  <a:gd name="T45" fmla="*/ 18 h 114"/>
                  <a:gd name="T46" fmla="*/ 69 w 234"/>
                  <a:gd name="T47" fmla="*/ 28 h 114"/>
                  <a:gd name="T48" fmla="*/ 74 w 234"/>
                  <a:gd name="T49" fmla="*/ 37 h 114"/>
                  <a:gd name="T50" fmla="*/ 69 w 234"/>
                  <a:gd name="T51" fmla="*/ 35 h 114"/>
                  <a:gd name="T52" fmla="*/ 74 w 234"/>
                  <a:gd name="T53" fmla="*/ 37 h 114"/>
                  <a:gd name="T54" fmla="*/ 76 w 234"/>
                  <a:gd name="T55" fmla="*/ 44 h 114"/>
                  <a:gd name="T56" fmla="*/ 58 w 234"/>
                  <a:gd name="T57" fmla="*/ 39 h 114"/>
                  <a:gd name="T58" fmla="*/ 56 w 234"/>
                  <a:gd name="T59" fmla="*/ 39 h 114"/>
                  <a:gd name="T60" fmla="*/ 52 w 234"/>
                  <a:gd name="T61" fmla="*/ 37 h 114"/>
                  <a:gd name="T62" fmla="*/ 58 w 234"/>
                  <a:gd name="T63" fmla="*/ 28 h 114"/>
                  <a:gd name="T64" fmla="*/ 61 w 234"/>
                  <a:gd name="T65" fmla="*/ 25 h 114"/>
                  <a:gd name="T66" fmla="*/ 56 w 234"/>
                  <a:gd name="T67" fmla="*/ 25 h 114"/>
                  <a:gd name="T68" fmla="*/ 40 w 234"/>
                  <a:gd name="T69" fmla="*/ 18 h 114"/>
                  <a:gd name="T70" fmla="*/ 37 w 234"/>
                  <a:gd name="T71" fmla="*/ 12 h 114"/>
                  <a:gd name="T72" fmla="*/ 29 w 234"/>
                  <a:gd name="T73" fmla="*/ 12 h 114"/>
                  <a:gd name="T74" fmla="*/ 24 w 234"/>
                  <a:gd name="T75" fmla="*/ 17 h 114"/>
                  <a:gd name="T76" fmla="*/ 16 w 234"/>
                  <a:gd name="T77" fmla="*/ 14 h 114"/>
                  <a:gd name="T78" fmla="*/ 3 w 234"/>
                  <a:gd name="T79" fmla="*/ 25 h 114"/>
                  <a:gd name="T80" fmla="*/ 0 w 234"/>
                  <a:gd name="T81" fmla="*/ 14 h 114"/>
                  <a:gd name="T82" fmla="*/ 72 w 234"/>
                  <a:gd name="T83" fmla="*/ 2 h 114"/>
                  <a:gd name="T84" fmla="*/ 79 w 234"/>
                  <a:gd name="T85" fmla="*/ 0 h 114"/>
                  <a:gd name="T86" fmla="*/ 79 w 234"/>
                  <a:gd name="T87" fmla="*/ 2 h 114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w 234"/>
                  <a:gd name="T133" fmla="*/ 0 h 114"/>
                  <a:gd name="T134" fmla="*/ 234 w 234"/>
                  <a:gd name="T135" fmla="*/ 114 h 114"/>
                </a:gdLst>
                <a:ahLst/>
                <a:cxnLst>
                  <a:cxn ang="T88">
                    <a:pos x="T0" y="T1"/>
                  </a:cxn>
                  <a:cxn ang="T89">
                    <a:pos x="T2" y="T3"/>
                  </a:cxn>
                  <a:cxn ang="T90">
                    <a:pos x="T4" y="T5"/>
                  </a:cxn>
                  <a:cxn ang="T91">
                    <a:pos x="T6" y="T7"/>
                  </a:cxn>
                  <a:cxn ang="T92">
                    <a:pos x="T8" y="T9"/>
                  </a:cxn>
                  <a:cxn ang="T93">
                    <a:pos x="T10" y="T11"/>
                  </a:cxn>
                  <a:cxn ang="T94">
                    <a:pos x="T12" y="T13"/>
                  </a:cxn>
                  <a:cxn ang="T95">
                    <a:pos x="T14" y="T15"/>
                  </a:cxn>
                  <a:cxn ang="T96">
                    <a:pos x="T16" y="T17"/>
                  </a:cxn>
                  <a:cxn ang="T97">
                    <a:pos x="T18" y="T19"/>
                  </a:cxn>
                  <a:cxn ang="T98">
                    <a:pos x="T20" y="T21"/>
                  </a:cxn>
                  <a:cxn ang="T99">
                    <a:pos x="T22" y="T23"/>
                  </a:cxn>
                  <a:cxn ang="T100">
                    <a:pos x="T24" y="T25"/>
                  </a:cxn>
                  <a:cxn ang="T101">
                    <a:pos x="T26" y="T27"/>
                  </a:cxn>
                  <a:cxn ang="T102">
                    <a:pos x="T28" y="T29"/>
                  </a:cxn>
                  <a:cxn ang="T103">
                    <a:pos x="T30" y="T31"/>
                  </a:cxn>
                  <a:cxn ang="T104">
                    <a:pos x="T32" y="T33"/>
                  </a:cxn>
                  <a:cxn ang="T105">
                    <a:pos x="T34" y="T35"/>
                  </a:cxn>
                  <a:cxn ang="T106">
                    <a:pos x="T36" y="T37"/>
                  </a:cxn>
                  <a:cxn ang="T107">
                    <a:pos x="T38" y="T39"/>
                  </a:cxn>
                  <a:cxn ang="T108">
                    <a:pos x="T40" y="T41"/>
                  </a:cxn>
                  <a:cxn ang="T109">
                    <a:pos x="T42" y="T43"/>
                  </a:cxn>
                  <a:cxn ang="T110">
                    <a:pos x="T44" y="T45"/>
                  </a:cxn>
                  <a:cxn ang="T111">
                    <a:pos x="T46" y="T47"/>
                  </a:cxn>
                  <a:cxn ang="T112">
                    <a:pos x="T48" y="T49"/>
                  </a:cxn>
                  <a:cxn ang="T113">
                    <a:pos x="T50" y="T51"/>
                  </a:cxn>
                  <a:cxn ang="T114">
                    <a:pos x="T52" y="T53"/>
                  </a:cxn>
                  <a:cxn ang="T115">
                    <a:pos x="T54" y="T55"/>
                  </a:cxn>
                  <a:cxn ang="T116">
                    <a:pos x="T56" y="T57"/>
                  </a:cxn>
                  <a:cxn ang="T117">
                    <a:pos x="T58" y="T59"/>
                  </a:cxn>
                  <a:cxn ang="T118">
                    <a:pos x="T60" y="T61"/>
                  </a:cxn>
                  <a:cxn ang="T119">
                    <a:pos x="T62" y="T63"/>
                  </a:cxn>
                  <a:cxn ang="T120">
                    <a:pos x="T64" y="T65"/>
                  </a:cxn>
                  <a:cxn ang="T121">
                    <a:pos x="T66" y="T67"/>
                  </a:cxn>
                  <a:cxn ang="T122">
                    <a:pos x="T68" y="T69"/>
                  </a:cxn>
                  <a:cxn ang="T123">
                    <a:pos x="T70" y="T71"/>
                  </a:cxn>
                  <a:cxn ang="T124">
                    <a:pos x="T72" y="T73"/>
                  </a:cxn>
                  <a:cxn ang="T125">
                    <a:pos x="T74" y="T75"/>
                  </a:cxn>
                  <a:cxn ang="T126">
                    <a:pos x="T76" y="T77"/>
                  </a:cxn>
                  <a:cxn ang="T127">
                    <a:pos x="T78" y="T79"/>
                  </a:cxn>
                  <a:cxn ang="T128">
                    <a:pos x="T80" y="T81"/>
                  </a:cxn>
                  <a:cxn ang="T129">
                    <a:pos x="T82" y="T83"/>
                  </a:cxn>
                  <a:cxn ang="T130">
                    <a:pos x="T84" y="T85"/>
                  </a:cxn>
                  <a:cxn ang="T131">
                    <a:pos x="T86" y="T87"/>
                  </a:cxn>
                </a:cxnLst>
                <a:rect l="T132" t="T133" r="T134" b="T135"/>
                <a:pathLst>
                  <a:path w="234" h="114">
                    <a:moveTo>
                      <a:pt x="180" y="0"/>
                    </a:moveTo>
                    <a:lnTo>
                      <a:pt x="204" y="78"/>
                    </a:lnTo>
                    <a:lnTo>
                      <a:pt x="234" y="72"/>
                    </a:lnTo>
                    <a:lnTo>
                      <a:pt x="228" y="102"/>
                    </a:lnTo>
                    <a:lnTo>
                      <a:pt x="228" y="90"/>
                    </a:lnTo>
                    <a:lnTo>
                      <a:pt x="222" y="102"/>
                    </a:lnTo>
                    <a:lnTo>
                      <a:pt x="210" y="108"/>
                    </a:lnTo>
                    <a:lnTo>
                      <a:pt x="198" y="114"/>
                    </a:lnTo>
                    <a:lnTo>
                      <a:pt x="192" y="90"/>
                    </a:lnTo>
                    <a:lnTo>
                      <a:pt x="186" y="96"/>
                    </a:lnTo>
                    <a:lnTo>
                      <a:pt x="174" y="90"/>
                    </a:lnTo>
                    <a:lnTo>
                      <a:pt x="174" y="78"/>
                    </a:lnTo>
                    <a:lnTo>
                      <a:pt x="180" y="78"/>
                    </a:lnTo>
                    <a:lnTo>
                      <a:pt x="174" y="66"/>
                    </a:lnTo>
                    <a:lnTo>
                      <a:pt x="168" y="66"/>
                    </a:lnTo>
                    <a:lnTo>
                      <a:pt x="174" y="66"/>
                    </a:lnTo>
                    <a:lnTo>
                      <a:pt x="174" y="42"/>
                    </a:lnTo>
                    <a:lnTo>
                      <a:pt x="162" y="42"/>
                    </a:lnTo>
                    <a:lnTo>
                      <a:pt x="180" y="18"/>
                    </a:lnTo>
                    <a:lnTo>
                      <a:pt x="174" y="12"/>
                    </a:lnTo>
                    <a:lnTo>
                      <a:pt x="156" y="42"/>
                    </a:lnTo>
                    <a:lnTo>
                      <a:pt x="144" y="42"/>
                    </a:lnTo>
                    <a:lnTo>
                      <a:pt x="156" y="48"/>
                    </a:lnTo>
                    <a:lnTo>
                      <a:pt x="156" y="72"/>
                    </a:lnTo>
                    <a:lnTo>
                      <a:pt x="168" y="96"/>
                    </a:lnTo>
                    <a:lnTo>
                      <a:pt x="156" y="90"/>
                    </a:lnTo>
                    <a:lnTo>
                      <a:pt x="168" y="96"/>
                    </a:lnTo>
                    <a:lnTo>
                      <a:pt x="174" y="114"/>
                    </a:lnTo>
                    <a:lnTo>
                      <a:pt x="132" y="102"/>
                    </a:lnTo>
                    <a:lnTo>
                      <a:pt x="126" y="102"/>
                    </a:lnTo>
                    <a:lnTo>
                      <a:pt x="120" y="96"/>
                    </a:lnTo>
                    <a:lnTo>
                      <a:pt x="132" y="72"/>
                    </a:lnTo>
                    <a:lnTo>
                      <a:pt x="138" y="66"/>
                    </a:lnTo>
                    <a:lnTo>
                      <a:pt x="126" y="66"/>
                    </a:lnTo>
                    <a:lnTo>
                      <a:pt x="90" y="48"/>
                    </a:lnTo>
                    <a:lnTo>
                      <a:pt x="84" y="30"/>
                    </a:lnTo>
                    <a:lnTo>
                      <a:pt x="66" y="30"/>
                    </a:lnTo>
                    <a:lnTo>
                      <a:pt x="54" y="42"/>
                    </a:lnTo>
                    <a:lnTo>
                      <a:pt x="36" y="36"/>
                    </a:lnTo>
                    <a:lnTo>
                      <a:pt x="6" y="66"/>
                    </a:lnTo>
                    <a:lnTo>
                      <a:pt x="0" y="36"/>
                    </a:lnTo>
                    <a:lnTo>
                      <a:pt x="162" y="6"/>
                    </a:lnTo>
                    <a:lnTo>
                      <a:pt x="180" y="0"/>
                    </a:lnTo>
                    <a:lnTo>
                      <a:pt x="18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83" name="Freeform 62"/>
              <p:cNvSpPr>
                <a:spLocks noChangeAspect="1"/>
              </p:cNvSpPr>
              <p:nvPr/>
            </p:nvSpPr>
            <p:spPr bwMode="auto">
              <a:xfrm>
                <a:off x="2336" y="1226"/>
                <a:ext cx="132" cy="65"/>
              </a:xfrm>
              <a:custGeom>
                <a:avLst/>
                <a:gdLst>
                  <a:gd name="T0" fmla="*/ 15 w 174"/>
                  <a:gd name="T1" fmla="*/ 12 h 90"/>
                  <a:gd name="T2" fmla="*/ 39 w 174"/>
                  <a:gd name="T3" fmla="*/ 7 h 90"/>
                  <a:gd name="T4" fmla="*/ 47 w 174"/>
                  <a:gd name="T5" fmla="*/ 0 h 90"/>
                  <a:gd name="T6" fmla="*/ 52 w 174"/>
                  <a:gd name="T7" fmla="*/ 7 h 90"/>
                  <a:gd name="T8" fmla="*/ 49 w 174"/>
                  <a:gd name="T9" fmla="*/ 16 h 90"/>
                  <a:gd name="T10" fmla="*/ 55 w 174"/>
                  <a:gd name="T11" fmla="*/ 16 h 90"/>
                  <a:gd name="T12" fmla="*/ 65 w 174"/>
                  <a:gd name="T13" fmla="*/ 25 h 90"/>
                  <a:gd name="T14" fmla="*/ 73 w 174"/>
                  <a:gd name="T15" fmla="*/ 22 h 90"/>
                  <a:gd name="T16" fmla="*/ 65 w 174"/>
                  <a:gd name="T17" fmla="*/ 18 h 90"/>
                  <a:gd name="T18" fmla="*/ 71 w 174"/>
                  <a:gd name="T19" fmla="*/ 16 h 90"/>
                  <a:gd name="T20" fmla="*/ 76 w 174"/>
                  <a:gd name="T21" fmla="*/ 25 h 90"/>
                  <a:gd name="T22" fmla="*/ 61 w 174"/>
                  <a:gd name="T23" fmla="*/ 32 h 90"/>
                  <a:gd name="T24" fmla="*/ 61 w 174"/>
                  <a:gd name="T25" fmla="*/ 27 h 90"/>
                  <a:gd name="T26" fmla="*/ 52 w 174"/>
                  <a:gd name="T27" fmla="*/ 34 h 90"/>
                  <a:gd name="T28" fmla="*/ 52 w 174"/>
                  <a:gd name="T29" fmla="*/ 32 h 90"/>
                  <a:gd name="T30" fmla="*/ 44 w 174"/>
                  <a:gd name="T31" fmla="*/ 22 h 90"/>
                  <a:gd name="T32" fmla="*/ 37 w 174"/>
                  <a:gd name="T33" fmla="*/ 25 h 90"/>
                  <a:gd name="T34" fmla="*/ 34 w 174"/>
                  <a:gd name="T35" fmla="*/ 25 h 90"/>
                  <a:gd name="T36" fmla="*/ 0 w 174"/>
                  <a:gd name="T37" fmla="*/ 32 h 90"/>
                  <a:gd name="T38" fmla="*/ 0 w 174"/>
                  <a:gd name="T39" fmla="*/ 14 h 90"/>
                  <a:gd name="T40" fmla="*/ 8 w 174"/>
                  <a:gd name="T41" fmla="*/ 14 h 90"/>
                  <a:gd name="T42" fmla="*/ 15 w 174"/>
                  <a:gd name="T43" fmla="*/ 12 h 90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174"/>
                  <a:gd name="T67" fmla="*/ 0 h 90"/>
                  <a:gd name="T68" fmla="*/ 174 w 174"/>
                  <a:gd name="T69" fmla="*/ 90 h 90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174" h="90">
                    <a:moveTo>
                      <a:pt x="36" y="30"/>
                    </a:moveTo>
                    <a:lnTo>
                      <a:pt x="90" y="18"/>
                    </a:lnTo>
                    <a:lnTo>
                      <a:pt x="108" y="0"/>
                    </a:lnTo>
                    <a:lnTo>
                      <a:pt x="120" y="18"/>
                    </a:lnTo>
                    <a:lnTo>
                      <a:pt x="114" y="42"/>
                    </a:lnTo>
                    <a:lnTo>
                      <a:pt x="126" y="42"/>
                    </a:lnTo>
                    <a:lnTo>
                      <a:pt x="150" y="66"/>
                    </a:lnTo>
                    <a:lnTo>
                      <a:pt x="168" y="60"/>
                    </a:lnTo>
                    <a:lnTo>
                      <a:pt x="150" y="48"/>
                    </a:lnTo>
                    <a:lnTo>
                      <a:pt x="162" y="42"/>
                    </a:lnTo>
                    <a:lnTo>
                      <a:pt x="174" y="66"/>
                    </a:lnTo>
                    <a:lnTo>
                      <a:pt x="138" y="84"/>
                    </a:lnTo>
                    <a:lnTo>
                      <a:pt x="138" y="72"/>
                    </a:lnTo>
                    <a:lnTo>
                      <a:pt x="120" y="90"/>
                    </a:lnTo>
                    <a:lnTo>
                      <a:pt x="120" y="84"/>
                    </a:lnTo>
                    <a:lnTo>
                      <a:pt x="102" y="60"/>
                    </a:lnTo>
                    <a:lnTo>
                      <a:pt x="84" y="66"/>
                    </a:lnTo>
                    <a:lnTo>
                      <a:pt x="78" y="66"/>
                    </a:lnTo>
                    <a:lnTo>
                      <a:pt x="0" y="84"/>
                    </a:lnTo>
                    <a:lnTo>
                      <a:pt x="0" y="36"/>
                    </a:lnTo>
                    <a:lnTo>
                      <a:pt x="18" y="36"/>
                    </a:lnTo>
                    <a:lnTo>
                      <a:pt x="36" y="3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84" name="Freeform 63"/>
              <p:cNvSpPr>
                <a:spLocks noChangeAspect="1"/>
              </p:cNvSpPr>
              <p:nvPr/>
            </p:nvSpPr>
            <p:spPr bwMode="auto">
              <a:xfrm>
                <a:off x="2336" y="1226"/>
                <a:ext cx="132" cy="65"/>
              </a:xfrm>
              <a:custGeom>
                <a:avLst/>
                <a:gdLst>
                  <a:gd name="T0" fmla="*/ 15 w 174"/>
                  <a:gd name="T1" fmla="*/ 12 h 90"/>
                  <a:gd name="T2" fmla="*/ 39 w 174"/>
                  <a:gd name="T3" fmla="*/ 7 h 90"/>
                  <a:gd name="T4" fmla="*/ 47 w 174"/>
                  <a:gd name="T5" fmla="*/ 0 h 90"/>
                  <a:gd name="T6" fmla="*/ 52 w 174"/>
                  <a:gd name="T7" fmla="*/ 7 h 90"/>
                  <a:gd name="T8" fmla="*/ 49 w 174"/>
                  <a:gd name="T9" fmla="*/ 16 h 90"/>
                  <a:gd name="T10" fmla="*/ 55 w 174"/>
                  <a:gd name="T11" fmla="*/ 16 h 90"/>
                  <a:gd name="T12" fmla="*/ 65 w 174"/>
                  <a:gd name="T13" fmla="*/ 25 h 90"/>
                  <a:gd name="T14" fmla="*/ 73 w 174"/>
                  <a:gd name="T15" fmla="*/ 22 h 90"/>
                  <a:gd name="T16" fmla="*/ 65 w 174"/>
                  <a:gd name="T17" fmla="*/ 18 h 90"/>
                  <a:gd name="T18" fmla="*/ 71 w 174"/>
                  <a:gd name="T19" fmla="*/ 16 h 90"/>
                  <a:gd name="T20" fmla="*/ 76 w 174"/>
                  <a:gd name="T21" fmla="*/ 25 h 90"/>
                  <a:gd name="T22" fmla="*/ 61 w 174"/>
                  <a:gd name="T23" fmla="*/ 32 h 90"/>
                  <a:gd name="T24" fmla="*/ 61 w 174"/>
                  <a:gd name="T25" fmla="*/ 27 h 90"/>
                  <a:gd name="T26" fmla="*/ 52 w 174"/>
                  <a:gd name="T27" fmla="*/ 34 h 90"/>
                  <a:gd name="T28" fmla="*/ 52 w 174"/>
                  <a:gd name="T29" fmla="*/ 32 h 90"/>
                  <a:gd name="T30" fmla="*/ 44 w 174"/>
                  <a:gd name="T31" fmla="*/ 22 h 90"/>
                  <a:gd name="T32" fmla="*/ 37 w 174"/>
                  <a:gd name="T33" fmla="*/ 25 h 90"/>
                  <a:gd name="T34" fmla="*/ 34 w 174"/>
                  <a:gd name="T35" fmla="*/ 25 h 90"/>
                  <a:gd name="T36" fmla="*/ 0 w 174"/>
                  <a:gd name="T37" fmla="*/ 32 h 90"/>
                  <a:gd name="T38" fmla="*/ 0 w 174"/>
                  <a:gd name="T39" fmla="*/ 14 h 90"/>
                  <a:gd name="T40" fmla="*/ 8 w 174"/>
                  <a:gd name="T41" fmla="*/ 14 h 90"/>
                  <a:gd name="T42" fmla="*/ 15 w 174"/>
                  <a:gd name="T43" fmla="*/ 12 h 90"/>
                  <a:gd name="T44" fmla="*/ 15 w 174"/>
                  <a:gd name="T45" fmla="*/ 14 h 90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174"/>
                  <a:gd name="T70" fmla="*/ 0 h 90"/>
                  <a:gd name="T71" fmla="*/ 174 w 174"/>
                  <a:gd name="T72" fmla="*/ 90 h 90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174" h="90">
                    <a:moveTo>
                      <a:pt x="36" y="30"/>
                    </a:moveTo>
                    <a:lnTo>
                      <a:pt x="90" y="18"/>
                    </a:lnTo>
                    <a:lnTo>
                      <a:pt x="108" y="0"/>
                    </a:lnTo>
                    <a:lnTo>
                      <a:pt x="120" y="18"/>
                    </a:lnTo>
                    <a:lnTo>
                      <a:pt x="114" y="42"/>
                    </a:lnTo>
                    <a:lnTo>
                      <a:pt x="126" y="42"/>
                    </a:lnTo>
                    <a:lnTo>
                      <a:pt x="150" y="66"/>
                    </a:lnTo>
                    <a:lnTo>
                      <a:pt x="168" y="60"/>
                    </a:lnTo>
                    <a:lnTo>
                      <a:pt x="150" y="48"/>
                    </a:lnTo>
                    <a:lnTo>
                      <a:pt x="162" y="42"/>
                    </a:lnTo>
                    <a:lnTo>
                      <a:pt x="174" y="66"/>
                    </a:lnTo>
                    <a:lnTo>
                      <a:pt x="138" y="84"/>
                    </a:lnTo>
                    <a:lnTo>
                      <a:pt x="138" y="72"/>
                    </a:lnTo>
                    <a:lnTo>
                      <a:pt x="120" y="90"/>
                    </a:lnTo>
                    <a:lnTo>
                      <a:pt x="120" y="84"/>
                    </a:lnTo>
                    <a:lnTo>
                      <a:pt x="102" y="60"/>
                    </a:lnTo>
                    <a:lnTo>
                      <a:pt x="84" y="66"/>
                    </a:lnTo>
                    <a:lnTo>
                      <a:pt x="78" y="66"/>
                    </a:lnTo>
                    <a:lnTo>
                      <a:pt x="0" y="84"/>
                    </a:lnTo>
                    <a:lnTo>
                      <a:pt x="0" y="36"/>
                    </a:lnTo>
                    <a:lnTo>
                      <a:pt x="18" y="36"/>
                    </a:lnTo>
                    <a:lnTo>
                      <a:pt x="36" y="30"/>
                    </a:lnTo>
                    <a:lnTo>
                      <a:pt x="36" y="3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85" name="Freeform 64"/>
              <p:cNvSpPr>
                <a:spLocks noChangeAspect="1"/>
              </p:cNvSpPr>
              <p:nvPr/>
            </p:nvSpPr>
            <p:spPr bwMode="auto">
              <a:xfrm>
                <a:off x="1864" y="1183"/>
                <a:ext cx="151" cy="191"/>
              </a:xfrm>
              <a:custGeom>
                <a:avLst/>
                <a:gdLst>
                  <a:gd name="T0" fmla="*/ 43 w 198"/>
                  <a:gd name="T1" fmla="*/ 98 h 264"/>
                  <a:gd name="T2" fmla="*/ 0 w 198"/>
                  <a:gd name="T3" fmla="*/ 100 h 264"/>
                  <a:gd name="T4" fmla="*/ 11 w 198"/>
                  <a:gd name="T5" fmla="*/ 77 h 264"/>
                  <a:gd name="T6" fmla="*/ 0 w 198"/>
                  <a:gd name="T7" fmla="*/ 54 h 264"/>
                  <a:gd name="T8" fmla="*/ 3 w 198"/>
                  <a:gd name="T9" fmla="*/ 30 h 264"/>
                  <a:gd name="T10" fmla="*/ 16 w 198"/>
                  <a:gd name="T11" fmla="*/ 16 h 264"/>
                  <a:gd name="T12" fmla="*/ 16 w 198"/>
                  <a:gd name="T13" fmla="*/ 25 h 264"/>
                  <a:gd name="T14" fmla="*/ 18 w 198"/>
                  <a:gd name="T15" fmla="*/ 20 h 264"/>
                  <a:gd name="T16" fmla="*/ 18 w 198"/>
                  <a:gd name="T17" fmla="*/ 14 h 264"/>
                  <a:gd name="T18" fmla="*/ 27 w 198"/>
                  <a:gd name="T19" fmla="*/ 9 h 264"/>
                  <a:gd name="T20" fmla="*/ 24 w 198"/>
                  <a:gd name="T21" fmla="*/ 5 h 264"/>
                  <a:gd name="T22" fmla="*/ 29 w 198"/>
                  <a:gd name="T23" fmla="*/ 0 h 264"/>
                  <a:gd name="T24" fmla="*/ 56 w 198"/>
                  <a:gd name="T25" fmla="*/ 7 h 264"/>
                  <a:gd name="T26" fmla="*/ 61 w 198"/>
                  <a:gd name="T27" fmla="*/ 14 h 264"/>
                  <a:gd name="T28" fmla="*/ 59 w 198"/>
                  <a:gd name="T29" fmla="*/ 16 h 264"/>
                  <a:gd name="T30" fmla="*/ 64 w 198"/>
                  <a:gd name="T31" fmla="*/ 22 h 264"/>
                  <a:gd name="T32" fmla="*/ 64 w 198"/>
                  <a:gd name="T33" fmla="*/ 32 h 264"/>
                  <a:gd name="T34" fmla="*/ 53 w 198"/>
                  <a:gd name="T35" fmla="*/ 41 h 264"/>
                  <a:gd name="T36" fmla="*/ 53 w 198"/>
                  <a:gd name="T37" fmla="*/ 48 h 264"/>
                  <a:gd name="T38" fmla="*/ 59 w 198"/>
                  <a:gd name="T39" fmla="*/ 50 h 264"/>
                  <a:gd name="T40" fmla="*/ 72 w 198"/>
                  <a:gd name="T41" fmla="*/ 36 h 264"/>
                  <a:gd name="T42" fmla="*/ 79 w 198"/>
                  <a:gd name="T43" fmla="*/ 43 h 264"/>
                  <a:gd name="T44" fmla="*/ 88 w 198"/>
                  <a:gd name="T45" fmla="*/ 61 h 264"/>
                  <a:gd name="T46" fmla="*/ 85 w 198"/>
                  <a:gd name="T47" fmla="*/ 71 h 264"/>
                  <a:gd name="T48" fmla="*/ 85 w 198"/>
                  <a:gd name="T49" fmla="*/ 73 h 264"/>
                  <a:gd name="T50" fmla="*/ 82 w 198"/>
                  <a:gd name="T51" fmla="*/ 71 h 264"/>
                  <a:gd name="T52" fmla="*/ 79 w 198"/>
                  <a:gd name="T53" fmla="*/ 71 h 264"/>
                  <a:gd name="T54" fmla="*/ 69 w 198"/>
                  <a:gd name="T55" fmla="*/ 93 h 264"/>
                  <a:gd name="T56" fmla="*/ 50 w 198"/>
                  <a:gd name="T57" fmla="*/ 98 h 264"/>
                  <a:gd name="T58" fmla="*/ 43 w 198"/>
                  <a:gd name="T59" fmla="*/ 98 h 264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w 198"/>
                  <a:gd name="T91" fmla="*/ 0 h 264"/>
                  <a:gd name="T92" fmla="*/ 198 w 198"/>
                  <a:gd name="T93" fmla="*/ 264 h 264"/>
                </a:gdLst>
                <a:ahLst/>
                <a:cxnLst>
                  <a:cxn ang="T60">
                    <a:pos x="T0" y="T1"/>
                  </a:cxn>
                  <a:cxn ang="T61">
                    <a:pos x="T2" y="T3"/>
                  </a:cxn>
                  <a:cxn ang="T62">
                    <a:pos x="T4" y="T5"/>
                  </a:cxn>
                  <a:cxn ang="T63">
                    <a:pos x="T6" y="T7"/>
                  </a:cxn>
                  <a:cxn ang="T64">
                    <a:pos x="T8" y="T9"/>
                  </a:cxn>
                  <a:cxn ang="T65">
                    <a:pos x="T10" y="T11"/>
                  </a:cxn>
                  <a:cxn ang="T66">
                    <a:pos x="T12" y="T13"/>
                  </a:cxn>
                  <a:cxn ang="T67">
                    <a:pos x="T14" y="T15"/>
                  </a:cxn>
                  <a:cxn ang="T68">
                    <a:pos x="T16" y="T17"/>
                  </a:cxn>
                  <a:cxn ang="T69">
                    <a:pos x="T18" y="T19"/>
                  </a:cxn>
                  <a:cxn ang="T70">
                    <a:pos x="T20" y="T21"/>
                  </a:cxn>
                  <a:cxn ang="T71">
                    <a:pos x="T22" y="T23"/>
                  </a:cxn>
                  <a:cxn ang="T72">
                    <a:pos x="T24" y="T25"/>
                  </a:cxn>
                  <a:cxn ang="T73">
                    <a:pos x="T26" y="T27"/>
                  </a:cxn>
                  <a:cxn ang="T74">
                    <a:pos x="T28" y="T29"/>
                  </a:cxn>
                  <a:cxn ang="T75">
                    <a:pos x="T30" y="T31"/>
                  </a:cxn>
                  <a:cxn ang="T76">
                    <a:pos x="T32" y="T33"/>
                  </a:cxn>
                  <a:cxn ang="T77">
                    <a:pos x="T34" y="T35"/>
                  </a:cxn>
                  <a:cxn ang="T78">
                    <a:pos x="T36" y="T37"/>
                  </a:cxn>
                  <a:cxn ang="T79">
                    <a:pos x="T38" y="T39"/>
                  </a:cxn>
                  <a:cxn ang="T80">
                    <a:pos x="T40" y="T41"/>
                  </a:cxn>
                  <a:cxn ang="T81">
                    <a:pos x="T42" y="T43"/>
                  </a:cxn>
                  <a:cxn ang="T82">
                    <a:pos x="T44" y="T45"/>
                  </a:cxn>
                  <a:cxn ang="T83">
                    <a:pos x="T46" y="T47"/>
                  </a:cxn>
                  <a:cxn ang="T84">
                    <a:pos x="T48" y="T49"/>
                  </a:cxn>
                  <a:cxn ang="T85">
                    <a:pos x="T50" y="T51"/>
                  </a:cxn>
                  <a:cxn ang="T86">
                    <a:pos x="T52" y="T53"/>
                  </a:cxn>
                  <a:cxn ang="T87">
                    <a:pos x="T54" y="T55"/>
                  </a:cxn>
                  <a:cxn ang="T88">
                    <a:pos x="T56" y="T57"/>
                  </a:cxn>
                  <a:cxn ang="T89">
                    <a:pos x="T58" y="T59"/>
                  </a:cxn>
                </a:cxnLst>
                <a:rect l="T90" t="T91" r="T92" b="T93"/>
                <a:pathLst>
                  <a:path w="198" h="264">
                    <a:moveTo>
                      <a:pt x="96" y="258"/>
                    </a:moveTo>
                    <a:lnTo>
                      <a:pt x="0" y="264"/>
                    </a:lnTo>
                    <a:lnTo>
                      <a:pt x="24" y="204"/>
                    </a:lnTo>
                    <a:lnTo>
                      <a:pt x="0" y="144"/>
                    </a:lnTo>
                    <a:lnTo>
                      <a:pt x="6" y="78"/>
                    </a:lnTo>
                    <a:lnTo>
                      <a:pt x="36" y="42"/>
                    </a:lnTo>
                    <a:lnTo>
                      <a:pt x="36" y="66"/>
                    </a:lnTo>
                    <a:lnTo>
                      <a:pt x="42" y="54"/>
                    </a:lnTo>
                    <a:lnTo>
                      <a:pt x="42" y="36"/>
                    </a:lnTo>
                    <a:lnTo>
                      <a:pt x="60" y="24"/>
                    </a:lnTo>
                    <a:lnTo>
                      <a:pt x="54" y="12"/>
                    </a:lnTo>
                    <a:lnTo>
                      <a:pt x="66" y="0"/>
                    </a:lnTo>
                    <a:lnTo>
                      <a:pt x="126" y="18"/>
                    </a:lnTo>
                    <a:lnTo>
                      <a:pt x="138" y="36"/>
                    </a:lnTo>
                    <a:lnTo>
                      <a:pt x="132" y="42"/>
                    </a:lnTo>
                    <a:lnTo>
                      <a:pt x="144" y="60"/>
                    </a:lnTo>
                    <a:lnTo>
                      <a:pt x="144" y="84"/>
                    </a:lnTo>
                    <a:lnTo>
                      <a:pt x="120" y="108"/>
                    </a:lnTo>
                    <a:lnTo>
                      <a:pt x="120" y="126"/>
                    </a:lnTo>
                    <a:lnTo>
                      <a:pt x="132" y="132"/>
                    </a:lnTo>
                    <a:lnTo>
                      <a:pt x="162" y="96"/>
                    </a:lnTo>
                    <a:lnTo>
                      <a:pt x="180" y="114"/>
                    </a:lnTo>
                    <a:lnTo>
                      <a:pt x="198" y="162"/>
                    </a:lnTo>
                    <a:lnTo>
                      <a:pt x="192" y="186"/>
                    </a:lnTo>
                    <a:lnTo>
                      <a:pt x="192" y="192"/>
                    </a:lnTo>
                    <a:lnTo>
                      <a:pt x="186" y="186"/>
                    </a:lnTo>
                    <a:lnTo>
                      <a:pt x="180" y="186"/>
                    </a:lnTo>
                    <a:lnTo>
                      <a:pt x="156" y="246"/>
                    </a:lnTo>
                    <a:lnTo>
                      <a:pt x="114" y="258"/>
                    </a:lnTo>
                    <a:lnTo>
                      <a:pt x="96" y="25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86" name="Freeform 65"/>
              <p:cNvSpPr>
                <a:spLocks noChangeAspect="1"/>
              </p:cNvSpPr>
              <p:nvPr/>
            </p:nvSpPr>
            <p:spPr bwMode="auto">
              <a:xfrm>
                <a:off x="1864" y="1183"/>
                <a:ext cx="151" cy="191"/>
              </a:xfrm>
              <a:custGeom>
                <a:avLst/>
                <a:gdLst>
                  <a:gd name="T0" fmla="*/ 43 w 198"/>
                  <a:gd name="T1" fmla="*/ 98 h 264"/>
                  <a:gd name="T2" fmla="*/ 0 w 198"/>
                  <a:gd name="T3" fmla="*/ 100 h 264"/>
                  <a:gd name="T4" fmla="*/ 11 w 198"/>
                  <a:gd name="T5" fmla="*/ 77 h 264"/>
                  <a:gd name="T6" fmla="*/ 0 w 198"/>
                  <a:gd name="T7" fmla="*/ 54 h 264"/>
                  <a:gd name="T8" fmla="*/ 3 w 198"/>
                  <a:gd name="T9" fmla="*/ 30 h 264"/>
                  <a:gd name="T10" fmla="*/ 16 w 198"/>
                  <a:gd name="T11" fmla="*/ 16 h 264"/>
                  <a:gd name="T12" fmla="*/ 16 w 198"/>
                  <a:gd name="T13" fmla="*/ 25 h 264"/>
                  <a:gd name="T14" fmla="*/ 18 w 198"/>
                  <a:gd name="T15" fmla="*/ 20 h 264"/>
                  <a:gd name="T16" fmla="*/ 18 w 198"/>
                  <a:gd name="T17" fmla="*/ 25 h 264"/>
                  <a:gd name="T18" fmla="*/ 18 w 198"/>
                  <a:gd name="T19" fmla="*/ 14 h 264"/>
                  <a:gd name="T20" fmla="*/ 27 w 198"/>
                  <a:gd name="T21" fmla="*/ 9 h 264"/>
                  <a:gd name="T22" fmla="*/ 24 w 198"/>
                  <a:gd name="T23" fmla="*/ 5 h 264"/>
                  <a:gd name="T24" fmla="*/ 29 w 198"/>
                  <a:gd name="T25" fmla="*/ 0 h 264"/>
                  <a:gd name="T26" fmla="*/ 56 w 198"/>
                  <a:gd name="T27" fmla="*/ 7 h 264"/>
                  <a:gd name="T28" fmla="*/ 61 w 198"/>
                  <a:gd name="T29" fmla="*/ 14 h 264"/>
                  <a:gd name="T30" fmla="*/ 59 w 198"/>
                  <a:gd name="T31" fmla="*/ 16 h 264"/>
                  <a:gd name="T32" fmla="*/ 64 w 198"/>
                  <a:gd name="T33" fmla="*/ 22 h 264"/>
                  <a:gd name="T34" fmla="*/ 64 w 198"/>
                  <a:gd name="T35" fmla="*/ 32 h 264"/>
                  <a:gd name="T36" fmla="*/ 53 w 198"/>
                  <a:gd name="T37" fmla="*/ 41 h 264"/>
                  <a:gd name="T38" fmla="*/ 53 w 198"/>
                  <a:gd name="T39" fmla="*/ 48 h 264"/>
                  <a:gd name="T40" fmla="*/ 59 w 198"/>
                  <a:gd name="T41" fmla="*/ 50 h 264"/>
                  <a:gd name="T42" fmla="*/ 72 w 198"/>
                  <a:gd name="T43" fmla="*/ 36 h 264"/>
                  <a:gd name="T44" fmla="*/ 79 w 198"/>
                  <a:gd name="T45" fmla="*/ 43 h 264"/>
                  <a:gd name="T46" fmla="*/ 88 w 198"/>
                  <a:gd name="T47" fmla="*/ 61 h 264"/>
                  <a:gd name="T48" fmla="*/ 85 w 198"/>
                  <a:gd name="T49" fmla="*/ 71 h 264"/>
                  <a:gd name="T50" fmla="*/ 85 w 198"/>
                  <a:gd name="T51" fmla="*/ 73 h 264"/>
                  <a:gd name="T52" fmla="*/ 82 w 198"/>
                  <a:gd name="T53" fmla="*/ 71 h 264"/>
                  <a:gd name="T54" fmla="*/ 79 w 198"/>
                  <a:gd name="T55" fmla="*/ 71 h 264"/>
                  <a:gd name="T56" fmla="*/ 69 w 198"/>
                  <a:gd name="T57" fmla="*/ 93 h 264"/>
                  <a:gd name="T58" fmla="*/ 50 w 198"/>
                  <a:gd name="T59" fmla="*/ 98 h 264"/>
                  <a:gd name="T60" fmla="*/ 43 w 198"/>
                  <a:gd name="T61" fmla="*/ 98 h 264"/>
                  <a:gd name="T62" fmla="*/ 43 w 198"/>
                  <a:gd name="T63" fmla="*/ 100 h 264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198"/>
                  <a:gd name="T97" fmla="*/ 0 h 264"/>
                  <a:gd name="T98" fmla="*/ 198 w 198"/>
                  <a:gd name="T99" fmla="*/ 264 h 264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198" h="264">
                    <a:moveTo>
                      <a:pt x="96" y="258"/>
                    </a:moveTo>
                    <a:lnTo>
                      <a:pt x="0" y="264"/>
                    </a:lnTo>
                    <a:lnTo>
                      <a:pt x="24" y="204"/>
                    </a:lnTo>
                    <a:lnTo>
                      <a:pt x="0" y="144"/>
                    </a:lnTo>
                    <a:lnTo>
                      <a:pt x="6" y="78"/>
                    </a:lnTo>
                    <a:lnTo>
                      <a:pt x="36" y="42"/>
                    </a:lnTo>
                    <a:lnTo>
                      <a:pt x="36" y="66"/>
                    </a:lnTo>
                    <a:lnTo>
                      <a:pt x="42" y="54"/>
                    </a:lnTo>
                    <a:lnTo>
                      <a:pt x="42" y="66"/>
                    </a:lnTo>
                    <a:lnTo>
                      <a:pt x="42" y="36"/>
                    </a:lnTo>
                    <a:lnTo>
                      <a:pt x="60" y="24"/>
                    </a:lnTo>
                    <a:lnTo>
                      <a:pt x="54" y="12"/>
                    </a:lnTo>
                    <a:lnTo>
                      <a:pt x="66" y="0"/>
                    </a:lnTo>
                    <a:lnTo>
                      <a:pt x="126" y="18"/>
                    </a:lnTo>
                    <a:lnTo>
                      <a:pt x="138" y="36"/>
                    </a:lnTo>
                    <a:lnTo>
                      <a:pt x="132" y="42"/>
                    </a:lnTo>
                    <a:lnTo>
                      <a:pt x="144" y="60"/>
                    </a:lnTo>
                    <a:lnTo>
                      <a:pt x="144" y="84"/>
                    </a:lnTo>
                    <a:lnTo>
                      <a:pt x="120" y="108"/>
                    </a:lnTo>
                    <a:lnTo>
                      <a:pt x="120" y="126"/>
                    </a:lnTo>
                    <a:lnTo>
                      <a:pt x="132" y="132"/>
                    </a:lnTo>
                    <a:lnTo>
                      <a:pt x="162" y="96"/>
                    </a:lnTo>
                    <a:lnTo>
                      <a:pt x="180" y="114"/>
                    </a:lnTo>
                    <a:lnTo>
                      <a:pt x="198" y="162"/>
                    </a:lnTo>
                    <a:lnTo>
                      <a:pt x="192" y="186"/>
                    </a:lnTo>
                    <a:lnTo>
                      <a:pt x="192" y="192"/>
                    </a:lnTo>
                    <a:lnTo>
                      <a:pt x="186" y="186"/>
                    </a:lnTo>
                    <a:lnTo>
                      <a:pt x="180" y="186"/>
                    </a:lnTo>
                    <a:lnTo>
                      <a:pt x="156" y="246"/>
                    </a:lnTo>
                    <a:lnTo>
                      <a:pt x="114" y="258"/>
                    </a:lnTo>
                    <a:lnTo>
                      <a:pt x="96" y="258"/>
                    </a:lnTo>
                    <a:lnTo>
                      <a:pt x="96" y="26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87" name="Freeform 66"/>
              <p:cNvSpPr>
                <a:spLocks noChangeAspect="1"/>
              </p:cNvSpPr>
              <p:nvPr/>
            </p:nvSpPr>
            <p:spPr bwMode="auto">
              <a:xfrm>
                <a:off x="1723" y="1118"/>
                <a:ext cx="219" cy="104"/>
              </a:xfrm>
              <a:custGeom>
                <a:avLst/>
                <a:gdLst>
                  <a:gd name="T0" fmla="*/ 127 w 288"/>
                  <a:gd name="T1" fmla="*/ 27 h 144"/>
                  <a:gd name="T2" fmla="*/ 113 w 288"/>
                  <a:gd name="T3" fmla="*/ 27 h 144"/>
                  <a:gd name="T4" fmla="*/ 111 w 288"/>
                  <a:gd name="T5" fmla="*/ 32 h 144"/>
                  <a:gd name="T6" fmla="*/ 95 w 288"/>
                  <a:gd name="T7" fmla="*/ 27 h 144"/>
                  <a:gd name="T8" fmla="*/ 81 w 288"/>
                  <a:gd name="T9" fmla="*/ 34 h 144"/>
                  <a:gd name="T10" fmla="*/ 76 w 288"/>
                  <a:gd name="T11" fmla="*/ 40 h 144"/>
                  <a:gd name="T12" fmla="*/ 76 w 288"/>
                  <a:gd name="T13" fmla="*/ 34 h 144"/>
                  <a:gd name="T14" fmla="*/ 68 w 288"/>
                  <a:gd name="T15" fmla="*/ 40 h 144"/>
                  <a:gd name="T16" fmla="*/ 68 w 288"/>
                  <a:gd name="T17" fmla="*/ 34 h 144"/>
                  <a:gd name="T18" fmla="*/ 58 w 288"/>
                  <a:gd name="T19" fmla="*/ 54 h 144"/>
                  <a:gd name="T20" fmla="*/ 52 w 288"/>
                  <a:gd name="T21" fmla="*/ 54 h 144"/>
                  <a:gd name="T22" fmla="*/ 56 w 288"/>
                  <a:gd name="T23" fmla="*/ 50 h 144"/>
                  <a:gd name="T24" fmla="*/ 50 w 288"/>
                  <a:gd name="T25" fmla="*/ 50 h 144"/>
                  <a:gd name="T26" fmla="*/ 52 w 288"/>
                  <a:gd name="T27" fmla="*/ 40 h 144"/>
                  <a:gd name="T28" fmla="*/ 45 w 288"/>
                  <a:gd name="T29" fmla="*/ 36 h 144"/>
                  <a:gd name="T30" fmla="*/ 5 w 288"/>
                  <a:gd name="T31" fmla="*/ 29 h 144"/>
                  <a:gd name="T32" fmla="*/ 0 w 288"/>
                  <a:gd name="T33" fmla="*/ 25 h 144"/>
                  <a:gd name="T34" fmla="*/ 47 w 288"/>
                  <a:gd name="T35" fmla="*/ 0 h 144"/>
                  <a:gd name="T36" fmla="*/ 50 w 288"/>
                  <a:gd name="T37" fmla="*/ 0 h 144"/>
                  <a:gd name="T38" fmla="*/ 37 w 288"/>
                  <a:gd name="T39" fmla="*/ 12 h 144"/>
                  <a:gd name="T40" fmla="*/ 37 w 288"/>
                  <a:gd name="T41" fmla="*/ 16 h 144"/>
                  <a:gd name="T42" fmla="*/ 43 w 288"/>
                  <a:gd name="T43" fmla="*/ 12 h 144"/>
                  <a:gd name="T44" fmla="*/ 40 w 288"/>
                  <a:gd name="T45" fmla="*/ 16 h 144"/>
                  <a:gd name="T46" fmla="*/ 47 w 288"/>
                  <a:gd name="T47" fmla="*/ 14 h 144"/>
                  <a:gd name="T48" fmla="*/ 58 w 288"/>
                  <a:gd name="T49" fmla="*/ 20 h 144"/>
                  <a:gd name="T50" fmla="*/ 71 w 288"/>
                  <a:gd name="T51" fmla="*/ 22 h 144"/>
                  <a:gd name="T52" fmla="*/ 81 w 288"/>
                  <a:gd name="T53" fmla="*/ 16 h 144"/>
                  <a:gd name="T54" fmla="*/ 103 w 288"/>
                  <a:gd name="T55" fmla="*/ 12 h 144"/>
                  <a:gd name="T56" fmla="*/ 105 w 288"/>
                  <a:gd name="T57" fmla="*/ 18 h 144"/>
                  <a:gd name="T58" fmla="*/ 119 w 288"/>
                  <a:gd name="T59" fmla="*/ 18 h 144"/>
                  <a:gd name="T60" fmla="*/ 119 w 288"/>
                  <a:gd name="T61" fmla="*/ 22 h 144"/>
                  <a:gd name="T62" fmla="*/ 127 w 288"/>
                  <a:gd name="T63" fmla="*/ 27 h 144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288"/>
                  <a:gd name="T97" fmla="*/ 0 h 144"/>
                  <a:gd name="T98" fmla="*/ 288 w 288"/>
                  <a:gd name="T99" fmla="*/ 144 h 144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288" h="144">
                    <a:moveTo>
                      <a:pt x="288" y="72"/>
                    </a:moveTo>
                    <a:lnTo>
                      <a:pt x="258" y="72"/>
                    </a:lnTo>
                    <a:lnTo>
                      <a:pt x="252" y="84"/>
                    </a:lnTo>
                    <a:lnTo>
                      <a:pt x="216" y="72"/>
                    </a:lnTo>
                    <a:lnTo>
                      <a:pt x="186" y="90"/>
                    </a:lnTo>
                    <a:lnTo>
                      <a:pt x="174" y="108"/>
                    </a:lnTo>
                    <a:lnTo>
                      <a:pt x="174" y="90"/>
                    </a:lnTo>
                    <a:lnTo>
                      <a:pt x="156" y="108"/>
                    </a:lnTo>
                    <a:lnTo>
                      <a:pt x="156" y="90"/>
                    </a:lnTo>
                    <a:lnTo>
                      <a:pt x="132" y="144"/>
                    </a:lnTo>
                    <a:lnTo>
                      <a:pt x="120" y="144"/>
                    </a:lnTo>
                    <a:lnTo>
                      <a:pt x="126" y="132"/>
                    </a:lnTo>
                    <a:lnTo>
                      <a:pt x="114" y="132"/>
                    </a:lnTo>
                    <a:lnTo>
                      <a:pt x="120" y="108"/>
                    </a:lnTo>
                    <a:lnTo>
                      <a:pt x="102" y="96"/>
                    </a:lnTo>
                    <a:lnTo>
                      <a:pt x="12" y="78"/>
                    </a:lnTo>
                    <a:lnTo>
                      <a:pt x="0" y="66"/>
                    </a:lnTo>
                    <a:lnTo>
                      <a:pt x="108" y="0"/>
                    </a:lnTo>
                    <a:lnTo>
                      <a:pt x="114" y="0"/>
                    </a:lnTo>
                    <a:lnTo>
                      <a:pt x="84" y="30"/>
                    </a:lnTo>
                    <a:lnTo>
                      <a:pt x="84" y="42"/>
                    </a:lnTo>
                    <a:lnTo>
                      <a:pt x="96" y="30"/>
                    </a:lnTo>
                    <a:lnTo>
                      <a:pt x="90" y="42"/>
                    </a:lnTo>
                    <a:lnTo>
                      <a:pt x="108" y="36"/>
                    </a:lnTo>
                    <a:lnTo>
                      <a:pt x="132" y="54"/>
                    </a:lnTo>
                    <a:lnTo>
                      <a:pt x="162" y="60"/>
                    </a:lnTo>
                    <a:lnTo>
                      <a:pt x="186" y="42"/>
                    </a:lnTo>
                    <a:lnTo>
                      <a:pt x="234" y="30"/>
                    </a:lnTo>
                    <a:lnTo>
                      <a:pt x="240" y="48"/>
                    </a:lnTo>
                    <a:lnTo>
                      <a:pt x="270" y="48"/>
                    </a:lnTo>
                    <a:lnTo>
                      <a:pt x="270" y="60"/>
                    </a:lnTo>
                    <a:lnTo>
                      <a:pt x="288" y="7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88" name="Freeform 67"/>
              <p:cNvSpPr>
                <a:spLocks noChangeAspect="1"/>
              </p:cNvSpPr>
              <p:nvPr/>
            </p:nvSpPr>
            <p:spPr bwMode="auto">
              <a:xfrm>
                <a:off x="1723" y="1118"/>
                <a:ext cx="219" cy="104"/>
              </a:xfrm>
              <a:custGeom>
                <a:avLst/>
                <a:gdLst>
                  <a:gd name="T0" fmla="*/ 127 w 288"/>
                  <a:gd name="T1" fmla="*/ 27 h 144"/>
                  <a:gd name="T2" fmla="*/ 113 w 288"/>
                  <a:gd name="T3" fmla="*/ 27 h 144"/>
                  <a:gd name="T4" fmla="*/ 111 w 288"/>
                  <a:gd name="T5" fmla="*/ 32 h 144"/>
                  <a:gd name="T6" fmla="*/ 95 w 288"/>
                  <a:gd name="T7" fmla="*/ 27 h 144"/>
                  <a:gd name="T8" fmla="*/ 81 w 288"/>
                  <a:gd name="T9" fmla="*/ 34 h 144"/>
                  <a:gd name="T10" fmla="*/ 76 w 288"/>
                  <a:gd name="T11" fmla="*/ 40 h 144"/>
                  <a:gd name="T12" fmla="*/ 76 w 288"/>
                  <a:gd name="T13" fmla="*/ 34 h 144"/>
                  <a:gd name="T14" fmla="*/ 68 w 288"/>
                  <a:gd name="T15" fmla="*/ 40 h 144"/>
                  <a:gd name="T16" fmla="*/ 68 w 288"/>
                  <a:gd name="T17" fmla="*/ 34 h 144"/>
                  <a:gd name="T18" fmla="*/ 58 w 288"/>
                  <a:gd name="T19" fmla="*/ 54 h 144"/>
                  <a:gd name="T20" fmla="*/ 52 w 288"/>
                  <a:gd name="T21" fmla="*/ 54 h 144"/>
                  <a:gd name="T22" fmla="*/ 56 w 288"/>
                  <a:gd name="T23" fmla="*/ 50 h 144"/>
                  <a:gd name="T24" fmla="*/ 50 w 288"/>
                  <a:gd name="T25" fmla="*/ 50 h 144"/>
                  <a:gd name="T26" fmla="*/ 52 w 288"/>
                  <a:gd name="T27" fmla="*/ 40 h 144"/>
                  <a:gd name="T28" fmla="*/ 45 w 288"/>
                  <a:gd name="T29" fmla="*/ 36 h 144"/>
                  <a:gd name="T30" fmla="*/ 5 w 288"/>
                  <a:gd name="T31" fmla="*/ 29 h 144"/>
                  <a:gd name="T32" fmla="*/ 0 w 288"/>
                  <a:gd name="T33" fmla="*/ 25 h 144"/>
                  <a:gd name="T34" fmla="*/ 47 w 288"/>
                  <a:gd name="T35" fmla="*/ 0 h 144"/>
                  <a:gd name="T36" fmla="*/ 50 w 288"/>
                  <a:gd name="T37" fmla="*/ 0 h 144"/>
                  <a:gd name="T38" fmla="*/ 37 w 288"/>
                  <a:gd name="T39" fmla="*/ 12 h 144"/>
                  <a:gd name="T40" fmla="*/ 37 w 288"/>
                  <a:gd name="T41" fmla="*/ 16 h 144"/>
                  <a:gd name="T42" fmla="*/ 43 w 288"/>
                  <a:gd name="T43" fmla="*/ 12 h 144"/>
                  <a:gd name="T44" fmla="*/ 40 w 288"/>
                  <a:gd name="T45" fmla="*/ 16 h 144"/>
                  <a:gd name="T46" fmla="*/ 47 w 288"/>
                  <a:gd name="T47" fmla="*/ 14 h 144"/>
                  <a:gd name="T48" fmla="*/ 58 w 288"/>
                  <a:gd name="T49" fmla="*/ 20 h 144"/>
                  <a:gd name="T50" fmla="*/ 71 w 288"/>
                  <a:gd name="T51" fmla="*/ 22 h 144"/>
                  <a:gd name="T52" fmla="*/ 81 w 288"/>
                  <a:gd name="T53" fmla="*/ 16 h 144"/>
                  <a:gd name="T54" fmla="*/ 103 w 288"/>
                  <a:gd name="T55" fmla="*/ 12 h 144"/>
                  <a:gd name="T56" fmla="*/ 105 w 288"/>
                  <a:gd name="T57" fmla="*/ 18 h 144"/>
                  <a:gd name="T58" fmla="*/ 119 w 288"/>
                  <a:gd name="T59" fmla="*/ 18 h 144"/>
                  <a:gd name="T60" fmla="*/ 119 w 288"/>
                  <a:gd name="T61" fmla="*/ 22 h 144"/>
                  <a:gd name="T62" fmla="*/ 127 w 288"/>
                  <a:gd name="T63" fmla="*/ 27 h 144"/>
                  <a:gd name="T64" fmla="*/ 127 w 288"/>
                  <a:gd name="T65" fmla="*/ 29 h 144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288"/>
                  <a:gd name="T100" fmla="*/ 0 h 144"/>
                  <a:gd name="T101" fmla="*/ 288 w 288"/>
                  <a:gd name="T102" fmla="*/ 144 h 144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288" h="144">
                    <a:moveTo>
                      <a:pt x="288" y="72"/>
                    </a:moveTo>
                    <a:lnTo>
                      <a:pt x="258" y="72"/>
                    </a:lnTo>
                    <a:lnTo>
                      <a:pt x="252" y="84"/>
                    </a:lnTo>
                    <a:lnTo>
                      <a:pt x="216" y="72"/>
                    </a:lnTo>
                    <a:lnTo>
                      <a:pt x="186" y="90"/>
                    </a:lnTo>
                    <a:lnTo>
                      <a:pt x="174" y="108"/>
                    </a:lnTo>
                    <a:lnTo>
                      <a:pt x="174" y="90"/>
                    </a:lnTo>
                    <a:lnTo>
                      <a:pt x="156" y="108"/>
                    </a:lnTo>
                    <a:lnTo>
                      <a:pt x="156" y="90"/>
                    </a:lnTo>
                    <a:lnTo>
                      <a:pt x="132" y="144"/>
                    </a:lnTo>
                    <a:lnTo>
                      <a:pt x="120" y="144"/>
                    </a:lnTo>
                    <a:lnTo>
                      <a:pt x="126" y="132"/>
                    </a:lnTo>
                    <a:lnTo>
                      <a:pt x="114" y="132"/>
                    </a:lnTo>
                    <a:lnTo>
                      <a:pt x="120" y="108"/>
                    </a:lnTo>
                    <a:lnTo>
                      <a:pt x="102" y="96"/>
                    </a:lnTo>
                    <a:lnTo>
                      <a:pt x="12" y="78"/>
                    </a:lnTo>
                    <a:lnTo>
                      <a:pt x="0" y="66"/>
                    </a:lnTo>
                    <a:lnTo>
                      <a:pt x="108" y="0"/>
                    </a:lnTo>
                    <a:lnTo>
                      <a:pt x="114" y="0"/>
                    </a:lnTo>
                    <a:lnTo>
                      <a:pt x="84" y="30"/>
                    </a:lnTo>
                    <a:lnTo>
                      <a:pt x="84" y="42"/>
                    </a:lnTo>
                    <a:lnTo>
                      <a:pt x="96" y="30"/>
                    </a:lnTo>
                    <a:lnTo>
                      <a:pt x="90" y="42"/>
                    </a:lnTo>
                    <a:lnTo>
                      <a:pt x="108" y="36"/>
                    </a:lnTo>
                    <a:lnTo>
                      <a:pt x="132" y="54"/>
                    </a:lnTo>
                    <a:lnTo>
                      <a:pt x="162" y="60"/>
                    </a:lnTo>
                    <a:lnTo>
                      <a:pt x="186" y="42"/>
                    </a:lnTo>
                    <a:lnTo>
                      <a:pt x="234" y="30"/>
                    </a:lnTo>
                    <a:lnTo>
                      <a:pt x="240" y="48"/>
                    </a:lnTo>
                    <a:lnTo>
                      <a:pt x="270" y="48"/>
                    </a:lnTo>
                    <a:lnTo>
                      <a:pt x="270" y="60"/>
                    </a:lnTo>
                    <a:lnTo>
                      <a:pt x="288" y="72"/>
                    </a:lnTo>
                    <a:lnTo>
                      <a:pt x="288" y="7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89" name="Freeform 68"/>
              <p:cNvSpPr>
                <a:spLocks noChangeAspect="1"/>
              </p:cNvSpPr>
              <p:nvPr/>
            </p:nvSpPr>
            <p:spPr bwMode="auto">
              <a:xfrm>
                <a:off x="1494" y="1040"/>
                <a:ext cx="251" cy="269"/>
              </a:xfrm>
              <a:custGeom>
                <a:avLst/>
                <a:gdLst>
                  <a:gd name="T0" fmla="*/ 119 w 330"/>
                  <a:gd name="T1" fmla="*/ 139 h 372"/>
                  <a:gd name="T2" fmla="*/ 13 w 330"/>
                  <a:gd name="T3" fmla="*/ 141 h 372"/>
                  <a:gd name="T4" fmla="*/ 13 w 330"/>
                  <a:gd name="T5" fmla="*/ 98 h 372"/>
                  <a:gd name="T6" fmla="*/ 5 w 330"/>
                  <a:gd name="T7" fmla="*/ 88 h 372"/>
                  <a:gd name="T8" fmla="*/ 11 w 330"/>
                  <a:gd name="T9" fmla="*/ 82 h 372"/>
                  <a:gd name="T10" fmla="*/ 0 w 330"/>
                  <a:gd name="T11" fmla="*/ 9 h 372"/>
                  <a:gd name="T12" fmla="*/ 37 w 330"/>
                  <a:gd name="T13" fmla="*/ 9 h 372"/>
                  <a:gd name="T14" fmla="*/ 37 w 330"/>
                  <a:gd name="T15" fmla="*/ 0 h 372"/>
                  <a:gd name="T16" fmla="*/ 43 w 330"/>
                  <a:gd name="T17" fmla="*/ 0 h 372"/>
                  <a:gd name="T18" fmla="*/ 47 w 330"/>
                  <a:gd name="T19" fmla="*/ 14 h 372"/>
                  <a:gd name="T20" fmla="*/ 64 w 330"/>
                  <a:gd name="T21" fmla="*/ 18 h 372"/>
                  <a:gd name="T22" fmla="*/ 64 w 330"/>
                  <a:gd name="T23" fmla="*/ 20 h 372"/>
                  <a:gd name="T24" fmla="*/ 79 w 330"/>
                  <a:gd name="T25" fmla="*/ 18 h 372"/>
                  <a:gd name="T26" fmla="*/ 87 w 330"/>
                  <a:gd name="T27" fmla="*/ 18 h 372"/>
                  <a:gd name="T28" fmla="*/ 84 w 330"/>
                  <a:gd name="T29" fmla="*/ 20 h 372"/>
                  <a:gd name="T30" fmla="*/ 87 w 330"/>
                  <a:gd name="T31" fmla="*/ 20 h 372"/>
                  <a:gd name="T32" fmla="*/ 90 w 330"/>
                  <a:gd name="T33" fmla="*/ 27 h 372"/>
                  <a:gd name="T34" fmla="*/ 98 w 330"/>
                  <a:gd name="T35" fmla="*/ 22 h 372"/>
                  <a:gd name="T36" fmla="*/ 106 w 330"/>
                  <a:gd name="T37" fmla="*/ 29 h 372"/>
                  <a:gd name="T38" fmla="*/ 119 w 330"/>
                  <a:gd name="T39" fmla="*/ 25 h 372"/>
                  <a:gd name="T40" fmla="*/ 122 w 330"/>
                  <a:gd name="T41" fmla="*/ 27 h 372"/>
                  <a:gd name="T42" fmla="*/ 145 w 330"/>
                  <a:gd name="T43" fmla="*/ 29 h 372"/>
                  <a:gd name="T44" fmla="*/ 122 w 330"/>
                  <a:gd name="T45" fmla="*/ 40 h 372"/>
                  <a:gd name="T46" fmla="*/ 98 w 330"/>
                  <a:gd name="T47" fmla="*/ 61 h 372"/>
                  <a:gd name="T48" fmla="*/ 95 w 330"/>
                  <a:gd name="T49" fmla="*/ 63 h 372"/>
                  <a:gd name="T50" fmla="*/ 95 w 330"/>
                  <a:gd name="T51" fmla="*/ 77 h 372"/>
                  <a:gd name="T52" fmla="*/ 87 w 330"/>
                  <a:gd name="T53" fmla="*/ 82 h 372"/>
                  <a:gd name="T54" fmla="*/ 81 w 330"/>
                  <a:gd name="T55" fmla="*/ 88 h 372"/>
                  <a:gd name="T56" fmla="*/ 87 w 330"/>
                  <a:gd name="T57" fmla="*/ 93 h 372"/>
                  <a:gd name="T58" fmla="*/ 87 w 330"/>
                  <a:gd name="T59" fmla="*/ 108 h 372"/>
                  <a:gd name="T60" fmla="*/ 116 w 330"/>
                  <a:gd name="T61" fmla="*/ 127 h 372"/>
                  <a:gd name="T62" fmla="*/ 119 w 330"/>
                  <a:gd name="T63" fmla="*/ 139 h 372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330"/>
                  <a:gd name="T97" fmla="*/ 0 h 372"/>
                  <a:gd name="T98" fmla="*/ 330 w 330"/>
                  <a:gd name="T99" fmla="*/ 372 h 372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330" h="372">
                    <a:moveTo>
                      <a:pt x="270" y="366"/>
                    </a:moveTo>
                    <a:lnTo>
                      <a:pt x="30" y="372"/>
                    </a:lnTo>
                    <a:lnTo>
                      <a:pt x="30" y="258"/>
                    </a:lnTo>
                    <a:lnTo>
                      <a:pt x="12" y="234"/>
                    </a:lnTo>
                    <a:lnTo>
                      <a:pt x="24" y="216"/>
                    </a:lnTo>
                    <a:lnTo>
                      <a:pt x="0" y="24"/>
                    </a:lnTo>
                    <a:lnTo>
                      <a:pt x="84" y="24"/>
                    </a:lnTo>
                    <a:lnTo>
                      <a:pt x="84" y="0"/>
                    </a:lnTo>
                    <a:lnTo>
                      <a:pt x="96" y="0"/>
                    </a:lnTo>
                    <a:lnTo>
                      <a:pt x="108" y="36"/>
                    </a:lnTo>
                    <a:lnTo>
                      <a:pt x="144" y="48"/>
                    </a:lnTo>
                    <a:lnTo>
                      <a:pt x="144" y="54"/>
                    </a:lnTo>
                    <a:lnTo>
                      <a:pt x="180" y="48"/>
                    </a:lnTo>
                    <a:lnTo>
                      <a:pt x="198" y="48"/>
                    </a:lnTo>
                    <a:lnTo>
                      <a:pt x="192" y="54"/>
                    </a:lnTo>
                    <a:lnTo>
                      <a:pt x="198" y="54"/>
                    </a:lnTo>
                    <a:lnTo>
                      <a:pt x="204" y="72"/>
                    </a:lnTo>
                    <a:lnTo>
                      <a:pt x="222" y="60"/>
                    </a:lnTo>
                    <a:lnTo>
                      <a:pt x="240" y="78"/>
                    </a:lnTo>
                    <a:lnTo>
                      <a:pt x="270" y="66"/>
                    </a:lnTo>
                    <a:lnTo>
                      <a:pt x="276" y="72"/>
                    </a:lnTo>
                    <a:lnTo>
                      <a:pt x="330" y="78"/>
                    </a:lnTo>
                    <a:lnTo>
                      <a:pt x="276" y="108"/>
                    </a:lnTo>
                    <a:lnTo>
                      <a:pt x="222" y="162"/>
                    </a:lnTo>
                    <a:lnTo>
                      <a:pt x="216" y="168"/>
                    </a:lnTo>
                    <a:lnTo>
                      <a:pt x="216" y="204"/>
                    </a:lnTo>
                    <a:lnTo>
                      <a:pt x="198" y="216"/>
                    </a:lnTo>
                    <a:lnTo>
                      <a:pt x="186" y="234"/>
                    </a:lnTo>
                    <a:lnTo>
                      <a:pt x="198" y="246"/>
                    </a:lnTo>
                    <a:lnTo>
                      <a:pt x="198" y="288"/>
                    </a:lnTo>
                    <a:lnTo>
                      <a:pt x="264" y="336"/>
                    </a:lnTo>
                    <a:lnTo>
                      <a:pt x="270" y="36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90" name="Freeform 69"/>
              <p:cNvSpPr>
                <a:spLocks noChangeAspect="1"/>
              </p:cNvSpPr>
              <p:nvPr/>
            </p:nvSpPr>
            <p:spPr bwMode="auto">
              <a:xfrm>
                <a:off x="1494" y="1040"/>
                <a:ext cx="251" cy="269"/>
              </a:xfrm>
              <a:custGeom>
                <a:avLst/>
                <a:gdLst>
                  <a:gd name="T0" fmla="*/ 119 w 330"/>
                  <a:gd name="T1" fmla="*/ 139 h 372"/>
                  <a:gd name="T2" fmla="*/ 13 w 330"/>
                  <a:gd name="T3" fmla="*/ 141 h 372"/>
                  <a:gd name="T4" fmla="*/ 13 w 330"/>
                  <a:gd name="T5" fmla="*/ 98 h 372"/>
                  <a:gd name="T6" fmla="*/ 5 w 330"/>
                  <a:gd name="T7" fmla="*/ 88 h 372"/>
                  <a:gd name="T8" fmla="*/ 11 w 330"/>
                  <a:gd name="T9" fmla="*/ 82 h 372"/>
                  <a:gd name="T10" fmla="*/ 0 w 330"/>
                  <a:gd name="T11" fmla="*/ 9 h 372"/>
                  <a:gd name="T12" fmla="*/ 37 w 330"/>
                  <a:gd name="T13" fmla="*/ 9 h 372"/>
                  <a:gd name="T14" fmla="*/ 37 w 330"/>
                  <a:gd name="T15" fmla="*/ 0 h 372"/>
                  <a:gd name="T16" fmla="*/ 43 w 330"/>
                  <a:gd name="T17" fmla="*/ 0 h 372"/>
                  <a:gd name="T18" fmla="*/ 47 w 330"/>
                  <a:gd name="T19" fmla="*/ 14 h 372"/>
                  <a:gd name="T20" fmla="*/ 64 w 330"/>
                  <a:gd name="T21" fmla="*/ 18 h 372"/>
                  <a:gd name="T22" fmla="*/ 64 w 330"/>
                  <a:gd name="T23" fmla="*/ 20 h 372"/>
                  <a:gd name="T24" fmla="*/ 79 w 330"/>
                  <a:gd name="T25" fmla="*/ 18 h 372"/>
                  <a:gd name="T26" fmla="*/ 87 w 330"/>
                  <a:gd name="T27" fmla="*/ 18 h 372"/>
                  <a:gd name="T28" fmla="*/ 84 w 330"/>
                  <a:gd name="T29" fmla="*/ 20 h 372"/>
                  <a:gd name="T30" fmla="*/ 87 w 330"/>
                  <a:gd name="T31" fmla="*/ 20 h 372"/>
                  <a:gd name="T32" fmla="*/ 90 w 330"/>
                  <a:gd name="T33" fmla="*/ 27 h 372"/>
                  <a:gd name="T34" fmla="*/ 98 w 330"/>
                  <a:gd name="T35" fmla="*/ 22 h 372"/>
                  <a:gd name="T36" fmla="*/ 106 w 330"/>
                  <a:gd name="T37" fmla="*/ 29 h 372"/>
                  <a:gd name="T38" fmla="*/ 119 w 330"/>
                  <a:gd name="T39" fmla="*/ 25 h 372"/>
                  <a:gd name="T40" fmla="*/ 122 w 330"/>
                  <a:gd name="T41" fmla="*/ 27 h 372"/>
                  <a:gd name="T42" fmla="*/ 145 w 330"/>
                  <a:gd name="T43" fmla="*/ 29 h 372"/>
                  <a:gd name="T44" fmla="*/ 122 w 330"/>
                  <a:gd name="T45" fmla="*/ 40 h 372"/>
                  <a:gd name="T46" fmla="*/ 98 w 330"/>
                  <a:gd name="T47" fmla="*/ 61 h 372"/>
                  <a:gd name="T48" fmla="*/ 95 w 330"/>
                  <a:gd name="T49" fmla="*/ 63 h 372"/>
                  <a:gd name="T50" fmla="*/ 95 w 330"/>
                  <a:gd name="T51" fmla="*/ 77 h 372"/>
                  <a:gd name="T52" fmla="*/ 87 w 330"/>
                  <a:gd name="T53" fmla="*/ 82 h 372"/>
                  <a:gd name="T54" fmla="*/ 81 w 330"/>
                  <a:gd name="T55" fmla="*/ 88 h 372"/>
                  <a:gd name="T56" fmla="*/ 87 w 330"/>
                  <a:gd name="T57" fmla="*/ 93 h 372"/>
                  <a:gd name="T58" fmla="*/ 87 w 330"/>
                  <a:gd name="T59" fmla="*/ 108 h 372"/>
                  <a:gd name="T60" fmla="*/ 116 w 330"/>
                  <a:gd name="T61" fmla="*/ 127 h 372"/>
                  <a:gd name="T62" fmla="*/ 119 w 330"/>
                  <a:gd name="T63" fmla="*/ 139 h 372"/>
                  <a:gd name="T64" fmla="*/ 119 w 330"/>
                  <a:gd name="T65" fmla="*/ 141 h 372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330"/>
                  <a:gd name="T100" fmla="*/ 0 h 372"/>
                  <a:gd name="T101" fmla="*/ 330 w 330"/>
                  <a:gd name="T102" fmla="*/ 372 h 372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330" h="372">
                    <a:moveTo>
                      <a:pt x="270" y="366"/>
                    </a:moveTo>
                    <a:lnTo>
                      <a:pt x="30" y="372"/>
                    </a:lnTo>
                    <a:lnTo>
                      <a:pt x="30" y="258"/>
                    </a:lnTo>
                    <a:lnTo>
                      <a:pt x="12" y="234"/>
                    </a:lnTo>
                    <a:lnTo>
                      <a:pt x="24" y="216"/>
                    </a:lnTo>
                    <a:lnTo>
                      <a:pt x="0" y="24"/>
                    </a:lnTo>
                    <a:lnTo>
                      <a:pt x="84" y="24"/>
                    </a:lnTo>
                    <a:lnTo>
                      <a:pt x="84" y="0"/>
                    </a:lnTo>
                    <a:lnTo>
                      <a:pt x="96" y="0"/>
                    </a:lnTo>
                    <a:lnTo>
                      <a:pt x="108" y="36"/>
                    </a:lnTo>
                    <a:lnTo>
                      <a:pt x="144" y="48"/>
                    </a:lnTo>
                    <a:lnTo>
                      <a:pt x="144" y="54"/>
                    </a:lnTo>
                    <a:lnTo>
                      <a:pt x="180" y="48"/>
                    </a:lnTo>
                    <a:lnTo>
                      <a:pt x="198" y="48"/>
                    </a:lnTo>
                    <a:lnTo>
                      <a:pt x="192" y="54"/>
                    </a:lnTo>
                    <a:lnTo>
                      <a:pt x="198" y="54"/>
                    </a:lnTo>
                    <a:lnTo>
                      <a:pt x="204" y="72"/>
                    </a:lnTo>
                    <a:lnTo>
                      <a:pt x="222" y="60"/>
                    </a:lnTo>
                    <a:lnTo>
                      <a:pt x="240" y="78"/>
                    </a:lnTo>
                    <a:lnTo>
                      <a:pt x="270" y="66"/>
                    </a:lnTo>
                    <a:lnTo>
                      <a:pt x="276" y="72"/>
                    </a:lnTo>
                    <a:lnTo>
                      <a:pt x="330" y="78"/>
                    </a:lnTo>
                    <a:lnTo>
                      <a:pt x="276" y="108"/>
                    </a:lnTo>
                    <a:lnTo>
                      <a:pt x="222" y="162"/>
                    </a:lnTo>
                    <a:lnTo>
                      <a:pt x="216" y="168"/>
                    </a:lnTo>
                    <a:lnTo>
                      <a:pt x="216" y="204"/>
                    </a:lnTo>
                    <a:lnTo>
                      <a:pt x="198" y="216"/>
                    </a:lnTo>
                    <a:lnTo>
                      <a:pt x="186" y="234"/>
                    </a:lnTo>
                    <a:lnTo>
                      <a:pt x="198" y="246"/>
                    </a:lnTo>
                    <a:lnTo>
                      <a:pt x="198" y="288"/>
                    </a:lnTo>
                    <a:lnTo>
                      <a:pt x="264" y="336"/>
                    </a:lnTo>
                    <a:lnTo>
                      <a:pt x="270" y="366"/>
                    </a:lnTo>
                    <a:lnTo>
                      <a:pt x="270" y="37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91" name="Freeform 70"/>
              <p:cNvSpPr>
                <a:spLocks noChangeAspect="1"/>
              </p:cNvSpPr>
              <p:nvPr/>
            </p:nvSpPr>
            <p:spPr bwMode="auto">
              <a:xfrm>
                <a:off x="1713" y="1690"/>
                <a:ext cx="138" cy="229"/>
              </a:xfrm>
              <a:custGeom>
                <a:avLst/>
                <a:gdLst>
                  <a:gd name="T0" fmla="*/ 81 w 180"/>
                  <a:gd name="T1" fmla="*/ 110 h 318"/>
                  <a:gd name="T2" fmla="*/ 57 w 180"/>
                  <a:gd name="T3" fmla="*/ 112 h 318"/>
                  <a:gd name="T4" fmla="*/ 54 w 180"/>
                  <a:gd name="T5" fmla="*/ 119 h 318"/>
                  <a:gd name="T6" fmla="*/ 51 w 180"/>
                  <a:gd name="T7" fmla="*/ 117 h 318"/>
                  <a:gd name="T8" fmla="*/ 46 w 180"/>
                  <a:gd name="T9" fmla="*/ 107 h 318"/>
                  <a:gd name="T10" fmla="*/ 46 w 180"/>
                  <a:gd name="T11" fmla="*/ 99 h 318"/>
                  <a:gd name="T12" fmla="*/ 0 w 180"/>
                  <a:gd name="T13" fmla="*/ 101 h 318"/>
                  <a:gd name="T14" fmla="*/ 3 w 180"/>
                  <a:gd name="T15" fmla="*/ 85 h 318"/>
                  <a:gd name="T16" fmla="*/ 14 w 180"/>
                  <a:gd name="T17" fmla="*/ 71 h 318"/>
                  <a:gd name="T18" fmla="*/ 11 w 180"/>
                  <a:gd name="T19" fmla="*/ 71 h 318"/>
                  <a:gd name="T20" fmla="*/ 16 w 180"/>
                  <a:gd name="T21" fmla="*/ 68 h 318"/>
                  <a:gd name="T22" fmla="*/ 11 w 180"/>
                  <a:gd name="T23" fmla="*/ 65 h 318"/>
                  <a:gd name="T24" fmla="*/ 14 w 180"/>
                  <a:gd name="T25" fmla="*/ 60 h 318"/>
                  <a:gd name="T26" fmla="*/ 11 w 180"/>
                  <a:gd name="T27" fmla="*/ 63 h 318"/>
                  <a:gd name="T28" fmla="*/ 11 w 180"/>
                  <a:gd name="T29" fmla="*/ 54 h 318"/>
                  <a:gd name="T30" fmla="*/ 8 w 180"/>
                  <a:gd name="T31" fmla="*/ 54 h 318"/>
                  <a:gd name="T32" fmla="*/ 8 w 180"/>
                  <a:gd name="T33" fmla="*/ 51 h 318"/>
                  <a:gd name="T34" fmla="*/ 11 w 180"/>
                  <a:gd name="T35" fmla="*/ 48 h 318"/>
                  <a:gd name="T36" fmla="*/ 8 w 180"/>
                  <a:gd name="T37" fmla="*/ 45 h 318"/>
                  <a:gd name="T38" fmla="*/ 11 w 180"/>
                  <a:gd name="T39" fmla="*/ 42 h 318"/>
                  <a:gd name="T40" fmla="*/ 5 w 180"/>
                  <a:gd name="T41" fmla="*/ 42 h 318"/>
                  <a:gd name="T42" fmla="*/ 5 w 180"/>
                  <a:gd name="T43" fmla="*/ 36 h 318"/>
                  <a:gd name="T44" fmla="*/ 11 w 180"/>
                  <a:gd name="T45" fmla="*/ 36 h 318"/>
                  <a:gd name="T46" fmla="*/ 8 w 180"/>
                  <a:gd name="T47" fmla="*/ 29 h 318"/>
                  <a:gd name="T48" fmla="*/ 21 w 180"/>
                  <a:gd name="T49" fmla="*/ 18 h 318"/>
                  <a:gd name="T50" fmla="*/ 21 w 180"/>
                  <a:gd name="T51" fmla="*/ 9 h 318"/>
                  <a:gd name="T52" fmla="*/ 27 w 180"/>
                  <a:gd name="T53" fmla="*/ 4 h 318"/>
                  <a:gd name="T54" fmla="*/ 76 w 180"/>
                  <a:gd name="T55" fmla="*/ 0 h 318"/>
                  <a:gd name="T56" fmla="*/ 76 w 180"/>
                  <a:gd name="T57" fmla="*/ 76 h 318"/>
                  <a:gd name="T58" fmla="*/ 81 w 180"/>
                  <a:gd name="T59" fmla="*/ 103 h 318"/>
                  <a:gd name="T60" fmla="*/ 81 w 180"/>
                  <a:gd name="T61" fmla="*/ 110 h 318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w 180"/>
                  <a:gd name="T94" fmla="*/ 0 h 318"/>
                  <a:gd name="T95" fmla="*/ 180 w 180"/>
                  <a:gd name="T96" fmla="*/ 318 h 318"/>
                </a:gdLst>
                <a:ahLst/>
                <a:cxnLst>
                  <a:cxn ang="T62">
                    <a:pos x="T0" y="T1"/>
                  </a:cxn>
                  <a:cxn ang="T63">
                    <a:pos x="T2" y="T3"/>
                  </a:cxn>
                  <a:cxn ang="T64">
                    <a:pos x="T4" y="T5"/>
                  </a:cxn>
                  <a:cxn ang="T65">
                    <a:pos x="T6" y="T7"/>
                  </a:cxn>
                  <a:cxn ang="T66">
                    <a:pos x="T8" y="T9"/>
                  </a:cxn>
                  <a:cxn ang="T67">
                    <a:pos x="T10" y="T11"/>
                  </a:cxn>
                  <a:cxn ang="T68">
                    <a:pos x="T12" y="T13"/>
                  </a:cxn>
                  <a:cxn ang="T69">
                    <a:pos x="T14" y="T15"/>
                  </a:cxn>
                  <a:cxn ang="T70">
                    <a:pos x="T16" y="T17"/>
                  </a:cxn>
                  <a:cxn ang="T71">
                    <a:pos x="T18" y="T19"/>
                  </a:cxn>
                  <a:cxn ang="T72">
                    <a:pos x="T20" y="T21"/>
                  </a:cxn>
                  <a:cxn ang="T73">
                    <a:pos x="T22" y="T23"/>
                  </a:cxn>
                  <a:cxn ang="T74">
                    <a:pos x="T24" y="T25"/>
                  </a:cxn>
                  <a:cxn ang="T75">
                    <a:pos x="T26" y="T27"/>
                  </a:cxn>
                  <a:cxn ang="T76">
                    <a:pos x="T28" y="T29"/>
                  </a:cxn>
                  <a:cxn ang="T77">
                    <a:pos x="T30" y="T31"/>
                  </a:cxn>
                  <a:cxn ang="T78">
                    <a:pos x="T32" y="T33"/>
                  </a:cxn>
                  <a:cxn ang="T79">
                    <a:pos x="T34" y="T35"/>
                  </a:cxn>
                  <a:cxn ang="T80">
                    <a:pos x="T36" y="T37"/>
                  </a:cxn>
                  <a:cxn ang="T81">
                    <a:pos x="T38" y="T39"/>
                  </a:cxn>
                  <a:cxn ang="T82">
                    <a:pos x="T40" y="T41"/>
                  </a:cxn>
                  <a:cxn ang="T83">
                    <a:pos x="T42" y="T43"/>
                  </a:cxn>
                  <a:cxn ang="T84">
                    <a:pos x="T44" y="T45"/>
                  </a:cxn>
                  <a:cxn ang="T85">
                    <a:pos x="T46" y="T47"/>
                  </a:cxn>
                  <a:cxn ang="T86">
                    <a:pos x="T48" y="T49"/>
                  </a:cxn>
                  <a:cxn ang="T87">
                    <a:pos x="T50" y="T51"/>
                  </a:cxn>
                  <a:cxn ang="T88">
                    <a:pos x="T52" y="T53"/>
                  </a:cxn>
                  <a:cxn ang="T89">
                    <a:pos x="T54" y="T55"/>
                  </a:cxn>
                  <a:cxn ang="T90">
                    <a:pos x="T56" y="T57"/>
                  </a:cxn>
                  <a:cxn ang="T91">
                    <a:pos x="T58" y="T59"/>
                  </a:cxn>
                  <a:cxn ang="T92">
                    <a:pos x="T60" y="T61"/>
                  </a:cxn>
                </a:cxnLst>
                <a:rect l="T93" t="T94" r="T95" b="T96"/>
                <a:pathLst>
                  <a:path w="180" h="318">
                    <a:moveTo>
                      <a:pt x="180" y="294"/>
                    </a:moveTo>
                    <a:lnTo>
                      <a:pt x="126" y="300"/>
                    </a:lnTo>
                    <a:lnTo>
                      <a:pt x="120" y="318"/>
                    </a:lnTo>
                    <a:lnTo>
                      <a:pt x="114" y="312"/>
                    </a:lnTo>
                    <a:lnTo>
                      <a:pt x="102" y="288"/>
                    </a:lnTo>
                    <a:lnTo>
                      <a:pt x="102" y="264"/>
                    </a:lnTo>
                    <a:lnTo>
                      <a:pt x="0" y="270"/>
                    </a:lnTo>
                    <a:lnTo>
                      <a:pt x="6" y="228"/>
                    </a:lnTo>
                    <a:lnTo>
                      <a:pt x="30" y="192"/>
                    </a:lnTo>
                    <a:lnTo>
                      <a:pt x="24" y="192"/>
                    </a:lnTo>
                    <a:lnTo>
                      <a:pt x="36" y="180"/>
                    </a:lnTo>
                    <a:lnTo>
                      <a:pt x="24" y="174"/>
                    </a:lnTo>
                    <a:lnTo>
                      <a:pt x="30" y="162"/>
                    </a:lnTo>
                    <a:lnTo>
                      <a:pt x="24" y="168"/>
                    </a:lnTo>
                    <a:lnTo>
                      <a:pt x="24" y="144"/>
                    </a:lnTo>
                    <a:lnTo>
                      <a:pt x="18" y="144"/>
                    </a:lnTo>
                    <a:lnTo>
                      <a:pt x="18" y="138"/>
                    </a:lnTo>
                    <a:lnTo>
                      <a:pt x="24" y="126"/>
                    </a:lnTo>
                    <a:lnTo>
                      <a:pt x="18" y="120"/>
                    </a:lnTo>
                    <a:lnTo>
                      <a:pt x="24" y="114"/>
                    </a:lnTo>
                    <a:lnTo>
                      <a:pt x="12" y="114"/>
                    </a:lnTo>
                    <a:lnTo>
                      <a:pt x="12" y="96"/>
                    </a:lnTo>
                    <a:lnTo>
                      <a:pt x="24" y="96"/>
                    </a:lnTo>
                    <a:lnTo>
                      <a:pt x="18" y="78"/>
                    </a:lnTo>
                    <a:lnTo>
                      <a:pt x="48" y="48"/>
                    </a:lnTo>
                    <a:lnTo>
                      <a:pt x="48" y="24"/>
                    </a:lnTo>
                    <a:lnTo>
                      <a:pt x="60" y="12"/>
                    </a:lnTo>
                    <a:lnTo>
                      <a:pt x="168" y="0"/>
                    </a:lnTo>
                    <a:lnTo>
                      <a:pt x="168" y="204"/>
                    </a:lnTo>
                    <a:lnTo>
                      <a:pt x="180" y="276"/>
                    </a:lnTo>
                    <a:lnTo>
                      <a:pt x="180" y="29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92" name="Freeform 71"/>
              <p:cNvSpPr>
                <a:spLocks noChangeAspect="1"/>
              </p:cNvSpPr>
              <p:nvPr/>
            </p:nvSpPr>
            <p:spPr bwMode="auto">
              <a:xfrm>
                <a:off x="1713" y="1690"/>
                <a:ext cx="138" cy="229"/>
              </a:xfrm>
              <a:custGeom>
                <a:avLst/>
                <a:gdLst>
                  <a:gd name="T0" fmla="*/ 81 w 180"/>
                  <a:gd name="T1" fmla="*/ 110 h 318"/>
                  <a:gd name="T2" fmla="*/ 57 w 180"/>
                  <a:gd name="T3" fmla="*/ 112 h 318"/>
                  <a:gd name="T4" fmla="*/ 54 w 180"/>
                  <a:gd name="T5" fmla="*/ 119 h 318"/>
                  <a:gd name="T6" fmla="*/ 51 w 180"/>
                  <a:gd name="T7" fmla="*/ 117 h 318"/>
                  <a:gd name="T8" fmla="*/ 46 w 180"/>
                  <a:gd name="T9" fmla="*/ 107 h 318"/>
                  <a:gd name="T10" fmla="*/ 46 w 180"/>
                  <a:gd name="T11" fmla="*/ 99 h 318"/>
                  <a:gd name="T12" fmla="*/ 0 w 180"/>
                  <a:gd name="T13" fmla="*/ 101 h 318"/>
                  <a:gd name="T14" fmla="*/ 3 w 180"/>
                  <a:gd name="T15" fmla="*/ 85 h 318"/>
                  <a:gd name="T16" fmla="*/ 14 w 180"/>
                  <a:gd name="T17" fmla="*/ 71 h 318"/>
                  <a:gd name="T18" fmla="*/ 11 w 180"/>
                  <a:gd name="T19" fmla="*/ 71 h 318"/>
                  <a:gd name="T20" fmla="*/ 16 w 180"/>
                  <a:gd name="T21" fmla="*/ 68 h 318"/>
                  <a:gd name="T22" fmla="*/ 11 w 180"/>
                  <a:gd name="T23" fmla="*/ 65 h 318"/>
                  <a:gd name="T24" fmla="*/ 14 w 180"/>
                  <a:gd name="T25" fmla="*/ 60 h 318"/>
                  <a:gd name="T26" fmla="*/ 11 w 180"/>
                  <a:gd name="T27" fmla="*/ 63 h 318"/>
                  <a:gd name="T28" fmla="*/ 11 w 180"/>
                  <a:gd name="T29" fmla="*/ 54 h 318"/>
                  <a:gd name="T30" fmla="*/ 8 w 180"/>
                  <a:gd name="T31" fmla="*/ 54 h 318"/>
                  <a:gd name="T32" fmla="*/ 8 w 180"/>
                  <a:gd name="T33" fmla="*/ 51 h 318"/>
                  <a:gd name="T34" fmla="*/ 11 w 180"/>
                  <a:gd name="T35" fmla="*/ 48 h 318"/>
                  <a:gd name="T36" fmla="*/ 8 w 180"/>
                  <a:gd name="T37" fmla="*/ 45 h 318"/>
                  <a:gd name="T38" fmla="*/ 11 w 180"/>
                  <a:gd name="T39" fmla="*/ 42 h 318"/>
                  <a:gd name="T40" fmla="*/ 5 w 180"/>
                  <a:gd name="T41" fmla="*/ 42 h 318"/>
                  <a:gd name="T42" fmla="*/ 5 w 180"/>
                  <a:gd name="T43" fmla="*/ 36 h 318"/>
                  <a:gd name="T44" fmla="*/ 11 w 180"/>
                  <a:gd name="T45" fmla="*/ 36 h 318"/>
                  <a:gd name="T46" fmla="*/ 8 w 180"/>
                  <a:gd name="T47" fmla="*/ 29 h 318"/>
                  <a:gd name="T48" fmla="*/ 21 w 180"/>
                  <a:gd name="T49" fmla="*/ 18 h 318"/>
                  <a:gd name="T50" fmla="*/ 21 w 180"/>
                  <a:gd name="T51" fmla="*/ 9 h 318"/>
                  <a:gd name="T52" fmla="*/ 27 w 180"/>
                  <a:gd name="T53" fmla="*/ 4 h 318"/>
                  <a:gd name="T54" fmla="*/ 76 w 180"/>
                  <a:gd name="T55" fmla="*/ 0 h 318"/>
                  <a:gd name="T56" fmla="*/ 76 w 180"/>
                  <a:gd name="T57" fmla="*/ 76 h 318"/>
                  <a:gd name="T58" fmla="*/ 81 w 180"/>
                  <a:gd name="T59" fmla="*/ 103 h 318"/>
                  <a:gd name="T60" fmla="*/ 81 w 180"/>
                  <a:gd name="T61" fmla="*/ 110 h 318"/>
                  <a:gd name="T62" fmla="*/ 81 w 180"/>
                  <a:gd name="T63" fmla="*/ 112 h 318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180"/>
                  <a:gd name="T97" fmla="*/ 0 h 318"/>
                  <a:gd name="T98" fmla="*/ 180 w 180"/>
                  <a:gd name="T99" fmla="*/ 318 h 318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180" h="318">
                    <a:moveTo>
                      <a:pt x="180" y="294"/>
                    </a:moveTo>
                    <a:lnTo>
                      <a:pt x="126" y="300"/>
                    </a:lnTo>
                    <a:lnTo>
                      <a:pt x="120" y="318"/>
                    </a:lnTo>
                    <a:lnTo>
                      <a:pt x="114" y="312"/>
                    </a:lnTo>
                    <a:lnTo>
                      <a:pt x="102" y="288"/>
                    </a:lnTo>
                    <a:lnTo>
                      <a:pt x="102" y="264"/>
                    </a:lnTo>
                    <a:lnTo>
                      <a:pt x="0" y="270"/>
                    </a:lnTo>
                    <a:lnTo>
                      <a:pt x="6" y="228"/>
                    </a:lnTo>
                    <a:lnTo>
                      <a:pt x="30" y="192"/>
                    </a:lnTo>
                    <a:lnTo>
                      <a:pt x="24" y="192"/>
                    </a:lnTo>
                    <a:lnTo>
                      <a:pt x="36" y="180"/>
                    </a:lnTo>
                    <a:lnTo>
                      <a:pt x="24" y="174"/>
                    </a:lnTo>
                    <a:lnTo>
                      <a:pt x="30" y="162"/>
                    </a:lnTo>
                    <a:lnTo>
                      <a:pt x="24" y="168"/>
                    </a:lnTo>
                    <a:lnTo>
                      <a:pt x="24" y="144"/>
                    </a:lnTo>
                    <a:lnTo>
                      <a:pt x="18" y="144"/>
                    </a:lnTo>
                    <a:lnTo>
                      <a:pt x="18" y="138"/>
                    </a:lnTo>
                    <a:lnTo>
                      <a:pt x="24" y="126"/>
                    </a:lnTo>
                    <a:lnTo>
                      <a:pt x="18" y="120"/>
                    </a:lnTo>
                    <a:lnTo>
                      <a:pt x="24" y="114"/>
                    </a:lnTo>
                    <a:lnTo>
                      <a:pt x="12" y="114"/>
                    </a:lnTo>
                    <a:lnTo>
                      <a:pt x="12" y="96"/>
                    </a:lnTo>
                    <a:lnTo>
                      <a:pt x="24" y="96"/>
                    </a:lnTo>
                    <a:lnTo>
                      <a:pt x="18" y="78"/>
                    </a:lnTo>
                    <a:lnTo>
                      <a:pt x="48" y="48"/>
                    </a:lnTo>
                    <a:lnTo>
                      <a:pt x="48" y="24"/>
                    </a:lnTo>
                    <a:lnTo>
                      <a:pt x="60" y="12"/>
                    </a:lnTo>
                    <a:lnTo>
                      <a:pt x="168" y="0"/>
                    </a:lnTo>
                    <a:lnTo>
                      <a:pt x="168" y="204"/>
                    </a:lnTo>
                    <a:lnTo>
                      <a:pt x="180" y="276"/>
                    </a:lnTo>
                    <a:lnTo>
                      <a:pt x="180" y="294"/>
                    </a:lnTo>
                    <a:lnTo>
                      <a:pt x="180" y="30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93" name="Freeform 72"/>
              <p:cNvSpPr>
                <a:spLocks noChangeAspect="1"/>
              </p:cNvSpPr>
              <p:nvPr/>
            </p:nvSpPr>
            <p:spPr bwMode="auto">
              <a:xfrm>
                <a:off x="1539" y="1439"/>
                <a:ext cx="257" cy="212"/>
              </a:xfrm>
              <a:custGeom>
                <a:avLst/>
                <a:gdLst>
                  <a:gd name="T0" fmla="*/ 140 w 336"/>
                  <a:gd name="T1" fmla="*/ 110 h 294"/>
                  <a:gd name="T2" fmla="*/ 123 w 336"/>
                  <a:gd name="T3" fmla="*/ 110 h 294"/>
                  <a:gd name="T4" fmla="*/ 132 w 336"/>
                  <a:gd name="T5" fmla="*/ 103 h 294"/>
                  <a:gd name="T6" fmla="*/ 129 w 336"/>
                  <a:gd name="T7" fmla="*/ 99 h 294"/>
                  <a:gd name="T8" fmla="*/ 27 w 336"/>
                  <a:gd name="T9" fmla="*/ 102 h 294"/>
                  <a:gd name="T10" fmla="*/ 27 w 336"/>
                  <a:gd name="T11" fmla="*/ 36 h 294"/>
                  <a:gd name="T12" fmla="*/ 14 w 336"/>
                  <a:gd name="T13" fmla="*/ 27 h 294"/>
                  <a:gd name="T14" fmla="*/ 18 w 336"/>
                  <a:gd name="T15" fmla="*/ 20 h 294"/>
                  <a:gd name="T16" fmla="*/ 11 w 336"/>
                  <a:gd name="T17" fmla="*/ 16 h 294"/>
                  <a:gd name="T18" fmla="*/ 0 w 336"/>
                  <a:gd name="T19" fmla="*/ 2 h 294"/>
                  <a:gd name="T20" fmla="*/ 88 w 336"/>
                  <a:gd name="T21" fmla="*/ 0 h 294"/>
                  <a:gd name="T22" fmla="*/ 94 w 336"/>
                  <a:gd name="T23" fmla="*/ 6 h 294"/>
                  <a:gd name="T24" fmla="*/ 94 w 336"/>
                  <a:gd name="T25" fmla="*/ 18 h 294"/>
                  <a:gd name="T26" fmla="*/ 99 w 336"/>
                  <a:gd name="T27" fmla="*/ 25 h 294"/>
                  <a:gd name="T28" fmla="*/ 110 w 336"/>
                  <a:gd name="T29" fmla="*/ 32 h 294"/>
                  <a:gd name="T30" fmla="*/ 113 w 336"/>
                  <a:gd name="T31" fmla="*/ 40 h 294"/>
                  <a:gd name="T32" fmla="*/ 119 w 336"/>
                  <a:gd name="T33" fmla="*/ 38 h 294"/>
                  <a:gd name="T34" fmla="*/ 126 w 336"/>
                  <a:gd name="T35" fmla="*/ 43 h 294"/>
                  <a:gd name="T36" fmla="*/ 121 w 336"/>
                  <a:gd name="T37" fmla="*/ 56 h 294"/>
                  <a:gd name="T38" fmla="*/ 142 w 336"/>
                  <a:gd name="T39" fmla="*/ 70 h 294"/>
                  <a:gd name="T40" fmla="*/ 142 w 336"/>
                  <a:gd name="T41" fmla="*/ 79 h 294"/>
                  <a:gd name="T42" fmla="*/ 151 w 336"/>
                  <a:gd name="T43" fmla="*/ 85 h 294"/>
                  <a:gd name="T44" fmla="*/ 151 w 336"/>
                  <a:gd name="T45" fmla="*/ 94 h 294"/>
                  <a:gd name="T46" fmla="*/ 148 w 336"/>
                  <a:gd name="T47" fmla="*/ 94 h 294"/>
                  <a:gd name="T48" fmla="*/ 145 w 336"/>
                  <a:gd name="T49" fmla="*/ 97 h 294"/>
                  <a:gd name="T50" fmla="*/ 142 w 336"/>
                  <a:gd name="T51" fmla="*/ 94 h 294"/>
                  <a:gd name="T52" fmla="*/ 140 w 336"/>
                  <a:gd name="T53" fmla="*/ 108 h 294"/>
                  <a:gd name="T54" fmla="*/ 140 w 336"/>
                  <a:gd name="T55" fmla="*/ 110 h 294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336"/>
                  <a:gd name="T85" fmla="*/ 0 h 294"/>
                  <a:gd name="T86" fmla="*/ 336 w 336"/>
                  <a:gd name="T87" fmla="*/ 294 h 294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336" h="294">
                    <a:moveTo>
                      <a:pt x="312" y="294"/>
                    </a:moveTo>
                    <a:lnTo>
                      <a:pt x="276" y="294"/>
                    </a:lnTo>
                    <a:lnTo>
                      <a:pt x="294" y="276"/>
                    </a:lnTo>
                    <a:lnTo>
                      <a:pt x="288" y="264"/>
                    </a:lnTo>
                    <a:lnTo>
                      <a:pt x="60" y="270"/>
                    </a:lnTo>
                    <a:lnTo>
                      <a:pt x="60" y="96"/>
                    </a:lnTo>
                    <a:lnTo>
                      <a:pt x="30" y="72"/>
                    </a:lnTo>
                    <a:lnTo>
                      <a:pt x="42" y="54"/>
                    </a:lnTo>
                    <a:lnTo>
                      <a:pt x="24" y="42"/>
                    </a:lnTo>
                    <a:lnTo>
                      <a:pt x="0" y="6"/>
                    </a:lnTo>
                    <a:lnTo>
                      <a:pt x="198" y="0"/>
                    </a:lnTo>
                    <a:lnTo>
                      <a:pt x="210" y="18"/>
                    </a:lnTo>
                    <a:lnTo>
                      <a:pt x="210" y="48"/>
                    </a:lnTo>
                    <a:lnTo>
                      <a:pt x="222" y="66"/>
                    </a:lnTo>
                    <a:lnTo>
                      <a:pt x="246" y="84"/>
                    </a:lnTo>
                    <a:lnTo>
                      <a:pt x="252" y="108"/>
                    </a:lnTo>
                    <a:lnTo>
                      <a:pt x="264" y="102"/>
                    </a:lnTo>
                    <a:lnTo>
                      <a:pt x="282" y="114"/>
                    </a:lnTo>
                    <a:lnTo>
                      <a:pt x="270" y="150"/>
                    </a:lnTo>
                    <a:lnTo>
                      <a:pt x="318" y="186"/>
                    </a:lnTo>
                    <a:lnTo>
                      <a:pt x="318" y="210"/>
                    </a:lnTo>
                    <a:lnTo>
                      <a:pt x="336" y="228"/>
                    </a:lnTo>
                    <a:lnTo>
                      <a:pt x="336" y="252"/>
                    </a:lnTo>
                    <a:lnTo>
                      <a:pt x="330" y="252"/>
                    </a:lnTo>
                    <a:lnTo>
                      <a:pt x="324" y="258"/>
                    </a:lnTo>
                    <a:lnTo>
                      <a:pt x="318" y="252"/>
                    </a:lnTo>
                    <a:lnTo>
                      <a:pt x="312" y="288"/>
                    </a:lnTo>
                    <a:lnTo>
                      <a:pt x="312" y="29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94" name="Freeform 73"/>
              <p:cNvSpPr>
                <a:spLocks noChangeAspect="1"/>
              </p:cNvSpPr>
              <p:nvPr/>
            </p:nvSpPr>
            <p:spPr bwMode="auto">
              <a:xfrm>
                <a:off x="1539" y="1439"/>
                <a:ext cx="257" cy="216"/>
              </a:xfrm>
              <a:custGeom>
                <a:avLst/>
                <a:gdLst>
                  <a:gd name="T0" fmla="*/ 140 w 336"/>
                  <a:gd name="T1" fmla="*/ 110 h 300"/>
                  <a:gd name="T2" fmla="*/ 123 w 336"/>
                  <a:gd name="T3" fmla="*/ 110 h 300"/>
                  <a:gd name="T4" fmla="*/ 132 w 336"/>
                  <a:gd name="T5" fmla="*/ 103 h 300"/>
                  <a:gd name="T6" fmla="*/ 129 w 336"/>
                  <a:gd name="T7" fmla="*/ 99 h 300"/>
                  <a:gd name="T8" fmla="*/ 27 w 336"/>
                  <a:gd name="T9" fmla="*/ 101 h 300"/>
                  <a:gd name="T10" fmla="*/ 27 w 336"/>
                  <a:gd name="T11" fmla="*/ 36 h 300"/>
                  <a:gd name="T12" fmla="*/ 14 w 336"/>
                  <a:gd name="T13" fmla="*/ 27 h 300"/>
                  <a:gd name="T14" fmla="*/ 18 w 336"/>
                  <a:gd name="T15" fmla="*/ 20 h 300"/>
                  <a:gd name="T16" fmla="*/ 11 w 336"/>
                  <a:gd name="T17" fmla="*/ 16 h 300"/>
                  <a:gd name="T18" fmla="*/ 0 w 336"/>
                  <a:gd name="T19" fmla="*/ 2 h 300"/>
                  <a:gd name="T20" fmla="*/ 88 w 336"/>
                  <a:gd name="T21" fmla="*/ 0 h 300"/>
                  <a:gd name="T22" fmla="*/ 94 w 336"/>
                  <a:gd name="T23" fmla="*/ 6 h 300"/>
                  <a:gd name="T24" fmla="*/ 94 w 336"/>
                  <a:gd name="T25" fmla="*/ 18 h 300"/>
                  <a:gd name="T26" fmla="*/ 99 w 336"/>
                  <a:gd name="T27" fmla="*/ 25 h 300"/>
                  <a:gd name="T28" fmla="*/ 110 w 336"/>
                  <a:gd name="T29" fmla="*/ 31 h 300"/>
                  <a:gd name="T30" fmla="*/ 113 w 336"/>
                  <a:gd name="T31" fmla="*/ 40 h 300"/>
                  <a:gd name="T32" fmla="*/ 119 w 336"/>
                  <a:gd name="T33" fmla="*/ 38 h 300"/>
                  <a:gd name="T34" fmla="*/ 126 w 336"/>
                  <a:gd name="T35" fmla="*/ 42 h 300"/>
                  <a:gd name="T36" fmla="*/ 121 w 336"/>
                  <a:gd name="T37" fmla="*/ 56 h 300"/>
                  <a:gd name="T38" fmla="*/ 142 w 336"/>
                  <a:gd name="T39" fmla="*/ 69 h 300"/>
                  <a:gd name="T40" fmla="*/ 142 w 336"/>
                  <a:gd name="T41" fmla="*/ 78 h 300"/>
                  <a:gd name="T42" fmla="*/ 151 w 336"/>
                  <a:gd name="T43" fmla="*/ 85 h 300"/>
                  <a:gd name="T44" fmla="*/ 151 w 336"/>
                  <a:gd name="T45" fmla="*/ 94 h 300"/>
                  <a:gd name="T46" fmla="*/ 148 w 336"/>
                  <a:gd name="T47" fmla="*/ 94 h 300"/>
                  <a:gd name="T48" fmla="*/ 145 w 336"/>
                  <a:gd name="T49" fmla="*/ 96 h 300"/>
                  <a:gd name="T50" fmla="*/ 142 w 336"/>
                  <a:gd name="T51" fmla="*/ 94 h 300"/>
                  <a:gd name="T52" fmla="*/ 140 w 336"/>
                  <a:gd name="T53" fmla="*/ 107 h 300"/>
                  <a:gd name="T54" fmla="*/ 140 w 336"/>
                  <a:gd name="T55" fmla="*/ 110 h 300"/>
                  <a:gd name="T56" fmla="*/ 140 w 336"/>
                  <a:gd name="T57" fmla="*/ 112 h 300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w 336"/>
                  <a:gd name="T88" fmla="*/ 0 h 300"/>
                  <a:gd name="T89" fmla="*/ 336 w 336"/>
                  <a:gd name="T90" fmla="*/ 300 h 300"/>
                </a:gdLst>
                <a:ahLst/>
                <a:cxnLst>
                  <a:cxn ang="T58">
                    <a:pos x="T0" y="T1"/>
                  </a:cxn>
                  <a:cxn ang="T59">
                    <a:pos x="T2" y="T3"/>
                  </a:cxn>
                  <a:cxn ang="T60">
                    <a:pos x="T4" y="T5"/>
                  </a:cxn>
                  <a:cxn ang="T61">
                    <a:pos x="T6" y="T7"/>
                  </a:cxn>
                  <a:cxn ang="T62">
                    <a:pos x="T8" y="T9"/>
                  </a:cxn>
                  <a:cxn ang="T63">
                    <a:pos x="T10" y="T11"/>
                  </a:cxn>
                  <a:cxn ang="T64">
                    <a:pos x="T12" y="T13"/>
                  </a:cxn>
                  <a:cxn ang="T65">
                    <a:pos x="T14" y="T15"/>
                  </a:cxn>
                  <a:cxn ang="T66">
                    <a:pos x="T16" y="T17"/>
                  </a:cxn>
                  <a:cxn ang="T67">
                    <a:pos x="T18" y="T19"/>
                  </a:cxn>
                  <a:cxn ang="T68">
                    <a:pos x="T20" y="T21"/>
                  </a:cxn>
                  <a:cxn ang="T69">
                    <a:pos x="T22" y="T23"/>
                  </a:cxn>
                  <a:cxn ang="T70">
                    <a:pos x="T24" y="T25"/>
                  </a:cxn>
                  <a:cxn ang="T71">
                    <a:pos x="T26" y="T27"/>
                  </a:cxn>
                  <a:cxn ang="T72">
                    <a:pos x="T28" y="T29"/>
                  </a:cxn>
                  <a:cxn ang="T73">
                    <a:pos x="T30" y="T31"/>
                  </a:cxn>
                  <a:cxn ang="T74">
                    <a:pos x="T32" y="T33"/>
                  </a:cxn>
                  <a:cxn ang="T75">
                    <a:pos x="T34" y="T35"/>
                  </a:cxn>
                  <a:cxn ang="T76">
                    <a:pos x="T36" y="T37"/>
                  </a:cxn>
                  <a:cxn ang="T77">
                    <a:pos x="T38" y="T39"/>
                  </a:cxn>
                  <a:cxn ang="T78">
                    <a:pos x="T40" y="T41"/>
                  </a:cxn>
                  <a:cxn ang="T79">
                    <a:pos x="T42" y="T43"/>
                  </a:cxn>
                  <a:cxn ang="T80">
                    <a:pos x="T44" y="T45"/>
                  </a:cxn>
                  <a:cxn ang="T81">
                    <a:pos x="T46" y="T47"/>
                  </a:cxn>
                  <a:cxn ang="T82">
                    <a:pos x="T48" y="T49"/>
                  </a:cxn>
                  <a:cxn ang="T83">
                    <a:pos x="T50" y="T51"/>
                  </a:cxn>
                  <a:cxn ang="T84">
                    <a:pos x="T52" y="T53"/>
                  </a:cxn>
                  <a:cxn ang="T85">
                    <a:pos x="T54" y="T55"/>
                  </a:cxn>
                  <a:cxn ang="T86">
                    <a:pos x="T56" y="T57"/>
                  </a:cxn>
                </a:cxnLst>
                <a:rect l="T87" t="T88" r="T89" b="T90"/>
                <a:pathLst>
                  <a:path w="336" h="300">
                    <a:moveTo>
                      <a:pt x="312" y="294"/>
                    </a:moveTo>
                    <a:lnTo>
                      <a:pt x="276" y="294"/>
                    </a:lnTo>
                    <a:lnTo>
                      <a:pt x="294" y="276"/>
                    </a:lnTo>
                    <a:lnTo>
                      <a:pt x="288" y="264"/>
                    </a:lnTo>
                    <a:lnTo>
                      <a:pt x="60" y="270"/>
                    </a:lnTo>
                    <a:lnTo>
                      <a:pt x="60" y="96"/>
                    </a:lnTo>
                    <a:lnTo>
                      <a:pt x="30" y="72"/>
                    </a:lnTo>
                    <a:lnTo>
                      <a:pt x="42" y="54"/>
                    </a:lnTo>
                    <a:lnTo>
                      <a:pt x="24" y="42"/>
                    </a:lnTo>
                    <a:lnTo>
                      <a:pt x="0" y="6"/>
                    </a:lnTo>
                    <a:lnTo>
                      <a:pt x="198" y="0"/>
                    </a:lnTo>
                    <a:lnTo>
                      <a:pt x="210" y="18"/>
                    </a:lnTo>
                    <a:lnTo>
                      <a:pt x="210" y="48"/>
                    </a:lnTo>
                    <a:lnTo>
                      <a:pt x="222" y="66"/>
                    </a:lnTo>
                    <a:lnTo>
                      <a:pt x="246" y="84"/>
                    </a:lnTo>
                    <a:lnTo>
                      <a:pt x="252" y="108"/>
                    </a:lnTo>
                    <a:lnTo>
                      <a:pt x="264" y="102"/>
                    </a:lnTo>
                    <a:lnTo>
                      <a:pt x="282" y="114"/>
                    </a:lnTo>
                    <a:lnTo>
                      <a:pt x="270" y="150"/>
                    </a:lnTo>
                    <a:lnTo>
                      <a:pt x="318" y="186"/>
                    </a:lnTo>
                    <a:lnTo>
                      <a:pt x="318" y="210"/>
                    </a:lnTo>
                    <a:lnTo>
                      <a:pt x="336" y="228"/>
                    </a:lnTo>
                    <a:lnTo>
                      <a:pt x="336" y="252"/>
                    </a:lnTo>
                    <a:lnTo>
                      <a:pt x="330" y="252"/>
                    </a:lnTo>
                    <a:lnTo>
                      <a:pt x="324" y="258"/>
                    </a:lnTo>
                    <a:lnTo>
                      <a:pt x="318" y="252"/>
                    </a:lnTo>
                    <a:lnTo>
                      <a:pt x="312" y="288"/>
                    </a:lnTo>
                    <a:lnTo>
                      <a:pt x="312" y="294"/>
                    </a:lnTo>
                    <a:lnTo>
                      <a:pt x="312" y="30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95" name="Freeform 74"/>
              <p:cNvSpPr>
                <a:spLocks noChangeAspect="1"/>
              </p:cNvSpPr>
              <p:nvPr/>
            </p:nvSpPr>
            <p:spPr bwMode="auto">
              <a:xfrm>
                <a:off x="871" y="993"/>
                <a:ext cx="398" cy="233"/>
              </a:xfrm>
              <a:custGeom>
                <a:avLst/>
                <a:gdLst>
                  <a:gd name="T0" fmla="*/ 223 w 522"/>
                  <a:gd name="T1" fmla="*/ 101 h 324"/>
                  <a:gd name="T2" fmla="*/ 221 w 522"/>
                  <a:gd name="T3" fmla="*/ 121 h 324"/>
                  <a:gd name="T4" fmla="*/ 82 w 522"/>
                  <a:gd name="T5" fmla="*/ 107 h 324"/>
                  <a:gd name="T6" fmla="*/ 79 w 522"/>
                  <a:gd name="T7" fmla="*/ 119 h 324"/>
                  <a:gd name="T8" fmla="*/ 75 w 522"/>
                  <a:gd name="T9" fmla="*/ 111 h 324"/>
                  <a:gd name="T10" fmla="*/ 72 w 522"/>
                  <a:gd name="T11" fmla="*/ 116 h 324"/>
                  <a:gd name="T12" fmla="*/ 56 w 522"/>
                  <a:gd name="T13" fmla="*/ 114 h 324"/>
                  <a:gd name="T14" fmla="*/ 53 w 522"/>
                  <a:gd name="T15" fmla="*/ 116 h 324"/>
                  <a:gd name="T16" fmla="*/ 45 w 522"/>
                  <a:gd name="T17" fmla="*/ 114 h 324"/>
                  <a:gd name="T18" fmla="*/ 43 w 522"/>
                  <a:gd name="T19" fmla="*/ 116 h 324"/>
                  <a:gd name="T20" fmla="*/ 40 w 522"/>
                  <a:gd name="T21" fmla="*/ 107 h 324"/>
                  <a:gd name="T22" fmla="*/ 34 w 522"/>
                  <a:gd name="T23" fmla="*/ 102 h 324"/>
                  <a:gd name="T24" fmla="*/ 29 w 522"/>
                  <a:gd name="T25" fmla="*/ 85 h 324"/>
                  <a:gd name="T26" fmla="*/ 27 w 522"/>
                  <a:gd name="T27" fmla="*/ 83 h 324"/>
                  <a:gd name="T28" fmla="*/ 18 w 522"/>
                  <a:gd name="T29" fmla="*/ 87 h 324"/>
                  <a:gd name="T30" fmla="*/ 16 w 522"/>
                  <a:gd name="T31" fmla="*/ 83 h 324"/>
                  <a:gd name="T32" fmla="*/ 27 w 522"/>
                  <a:gd name="T33" fmla="*/ 60 h 324"/>
                  <a:gd name="T34" fmla="*/ 16 w 522"/>
                  <a:gd name="T35" fmla="*/ 56 h 324"/>
                  <a:gd name="T36" fmla="*/ 11 w 522"/>
                  <a:gd name="T37" fmla="*/ 42 h 324"/>
                  <a:gd name="T38" fmla="*/ 3 w 522"/>
                  <a:gd name="T39" fmla="*/ 36 h 324"/>
                  <a:gd name="T40" fmla="*/ 5 w 522"/>
                  <a:gd name="T41" fmla="*/ 34 h 324"/>
                  <a:gd name="T42" fmla="*/ 0 w 522"/>
                  <a:gd name="T43" fmla="*/ 22 h 324"/>
                  <a:gd name="T44" fmla="*/ 5 w 522"/>
                  <a:gd name="T45" fmla="*/ 0 h 324"/>
                  <a:gd name="T46" fmla="*/ 125 w 522"/>
                  <a:gd name="T47" fmla="*/ 18 h 324"/>
                  <a:gd name="T48" fmla="*/ 231 w 522"/>
                  <a:gd name="T49" fmla="*/ 27 h 324"/>
                  <a:gd name="T50" fmla="*/ 226 w 522"/>
                  <a:gd name="T51" fmla="*/ 91 h 324"/>
                  <a:gd name="T52" fmla="*/ 223 w 522"/>
                  <a:gd name="T53" fmla="*/ 101 h 324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522"/>
                  <a:gd name="T82" fmla="*/ 0 h 324"/>
                  <a:gd name="T83" fmla="*/ 522 w 522"/>
                  <a:gd name="T84" fmla="*/ 324 h 324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522" h="324">
                    <a:moveTo>
                      <a:pt x="504" y="270"/>
                    </a:moveTo>
                    <a:lnTo>
                      <a:pt x="498" y="324"/>
                    </a:lnTo>
                    <a:lnTo>
                      <a:pt x="186" y="288"/>
                    </a:lnTo>
                    <a:lnTo>
                      <a:pt x="180" y="318"/>
                    </a:lnTo>
                    <a:lnTo>
                      <a:pt x="168" y="300"/>
                    </a:lnTo>
                    <a:lnTo>
                      <a:pt x="162" y="312"/>
                    </a:lnTo>
                    <a:lnTo>
                      <a:pt x="126" y="306"/>
                    </a:lnTo>
                    <a:lnTo>
                      <a:pt x="120" y="312"/>
                    </a:lnTo>
                    <a:lnTo>
                      <a:pt x="102" y="306"/>
                    </a:lnTo>
                    <a:lnTo>
                      <a:pt x="96" y="312"/>
                    </a:lnTo>
                    <a:lnTo>
                      <a:pt x="90" y="288"/>
                    </a:lnTo>
                    <a:lnTo>
                      <a:pt x="78" y="276"/>
                    </a:lnTo>
                    <a:lnTo>
                      <a:pt x="66" y="228"/>
                    </a:lnTo>
                    <a:lnTo>
                      <a:pt x="60" y="222"/>
                    </a:lnTo>
                    <a:lnTo>
                      <a:pt x="42" y="234"/>
                    </a:lnTo>
                    <a:lnTo>
                      <a:pt x="36" y="222"/>
                    </a:lnTo>
                    <a:lnTo>
                      <a:pt x="60" y="162"/>
                    </a:lnTo>
                    <a:lnTo>
                      <a:pt x="36" y="150"/>
                    </a:lnTo>
                    <a:lnTo>
                      <a:pt x="24" y="114"/>
                    </a:lnTo>
                    <a:lnTo>
                      <a:pt x="6" y="96"/>
                    </a:lnTo>
                    <a:lnTo>
                      <a:pt x="12" y="90"/>
                    </a:lnTo>
                    <a:lnTo>
                      <a:pt x="0" y="60"/>
                    </a:lnTo>
                    <a:lnTo>
                      <a:pt x="12" y="0"/>
                    </a:lnTo>
                    <a:lnTo>
                      <a:pt x="282" y="48"/>
                    </a:lnTo>
                    <a:lnTo>
                      <a:pt x="522" y="72"/>
                    </a:lnTo>
                    <a:lnTo>
                      <a:pt x="510" y="246"/>
                    </a:lnTo>
                    <a:lnTo>
                      <a:pt x="504" y="27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96" name="Freeform 75"/>
              <p:cNvSpPr>
                <a:spLocks noChangeAspect="1"/>
              </p:cNvSpPr>
              <p:nvPr/>
            </p:nvSpPr>
            <p:spPr bwMode="auto">
              <a:xfrm>
                <a:off x="871" y="993"/>
                <a:ext cx="398" cy="233"/>
              </a:xfrm>
              <a:custGeom>
                <a:avLst/>
                <a:gdLst>
                  <a:gd name="T0" fmla="*/ 223 w 522"/>
                  <a:gd name="T1" fmla="*/ 101 h 324"/>
                  <a:gd name="T2" fmla="*/ 221 w 522"/>
                  <a:gd name="T3" fmla="*/ 121 h 324"/>
                  <a:gd name="T4" fmla="*/ 82 w 522"/>
                  <a:gd name="T5" fmla="*/ 107 h 324"/>
                  <a:gd name="T6" fmla="*/ 79 w 522"/>
                  <a:gd name="T7" fmla="*/ 119 h 324"/>
                  <a:gd name="T8" fmla="*/ 75 w 522"/>
                  <a:gd name="T9" fmla="*/ 111 h 324"/>
                  <a:gd name="T10" fmla="*/ 72 w 522"/>
                  <a:gd name="T11" fmla="*/ 116 h 324"/>
                  <a:gd name="T12" fmla="*/ 56 w 522"/>
                  <a:gd name="T13" fmla="*/ 114 h 324"/>
                  <a:gd name="T14" fmla="*/ 53 w 522"/>
                  <a:gd name="T15" fmla="*/ 116 h 324"/>
                  <a:gd name="T16" fmla="*/ 45 w 522"/>
                  <a:gd name="T17" fmla="*/ 114 h 324"/>
                  <a:gd name="T18" fmla="*/ 43 w 522"/>
                  <a:gd name="T19" fmla="*/ 116 h 324"/>
                  <a:gd name="T20" fmla="*/ 40 w 522"/>
                  <a:gd name="T21" fmla="*/ 107 h 324"/>
                  <a:gd name="T22" fmla="*/ 34 w 522"/>
                  <a:gd name="T23" fmla="*/ 102 h 324"/>
                  <a:gd name="T24" fmla="*/ 29 w 522"/>
                  <a:gd name="T25" fmla="*/ 85 h 324"/>
                  <a:gd name="T26" fmla="*/ 27 w 522"/>
                  <a:gd name="T27" fmla="*/ 83 h 324"/>
                  <a:gd name="T28" fmla="*/ 18 w 522"/>
                  <a:gd name="T29" fmla="*/ 87 h 324"/>
                  <a:gd name="T30" fmla="*/ 16 w 522"/>
                  <a:gd name="T31" fmla="*/ 83 h 324"/>
                  <a:gd name="T32" fmla="*/ 27 w 522"/>
                  <a:gd name="T33" fmla="*/ 60 h 324"/>
                  <a:gd name="T34" fmla="*/ 16 w 522"/>
                  <a:gd name="T35" fmla="*/ 56 h 324"/>
                  <a:gd name="T36" fmla="*/ 11 w 522"/>
                  <a:gd name="T37" fmla="*/ 42 h 324"/>
                  <a:gd name="T38" fmla="*/ 3 w 522"/>
                  <a:gd name="T39" fmla="*/ 36 h 324"/>
                  <a:gd name="T40" fmla="*/ 5 w 522"/>
                  <a:gd name="T41" fmla="*/ 34 h 324"/>
                  <a:gd name="T42" fmla="*/ 0 w 522"/>
                  <a:gd name="T43" fmla="*/ 22 h 324"/>
                  <a:gd name="T44" fmla="*/ 5 w 522"/>
                  <a:gd name="T45" fmla="*/ 0 h 324"/>
                  <a:gd name="T46" fmla="*/ 125 w 522"/>
                  <a:gd name="T47" fmla="*/ 18 h 324"/>
                  <a:gd name="T48" fmla="*/ 231 w 522"/>
                  <a:gd name="T49" fmla="*/ 27 h 324"/>
                  <a:gd name="T50" fmla="*/ 226 w 522"/>
                  <a:gd name="T51" fmla="*/ 91 h 324"/>
                  <a:gd name="T52" fmla="*/ 223 w 522"/>
                  <a:gd name="T53" fmla="*/ 101 h 324"/>
                  <a:gd name="T54" fmla="*/ 223 w 522"/>
                  <a:gd name="T55" fmla="*/ 102 h 324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522"/>
                  <a:gd name="T85" fmla="*/ 0 h 324"/>
                  <a:gd name="T86" fmla="*/ 522 w 522"/>
                  <a:gd name="T87" fmla="*/ 324 h 324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522" h="324">
                    <a:moveTo>
                      <a:pt x="504" y="270"/>
                    </a:moveTo>
                    <a:lnTo>
                      <a:pt x="498" y="324"/>
                    </a:lnTo>
                    <a:lnTo>
                      <a:pt x="186" y="288"/>
                    </a:lnTo>
                    <a:lnTo>
                      <a:pt x="180" y="318"/>
                    </a:lnTo>
                    <a:lnTo>
                      <a:pt x="168" y="300"/>
                    </a:lnTo>
                    <a:lnTo>
                      <a:pt x="162" y="312"/>
                    </a:lnTo>
                    <a:lnTo>
                      <a:pt x="126" y="306"/>
                    </a:lnTo>
                    <a:lnTo>
                      <a:pt x="120" y="312"/>
                    </a:lnTo>
                    <a:lnTo>
                      <a:pt x="102" y="306"/>
                    </a:lnTo>
                    <a:lnTo>
                      <a:pt x="96" y="312"/>
                    </a:lnTo>
                    <a:lnTo>
                      <a:pt x="90" y="288"/>
                    </a:lnTo>
                    <a:lnTo>
                      <a:pt x="78" y="276"/>
                    </a:lnTo>
                    <a:lnTo>
                      <a:pt x="66" y="228"/>
                    </a:lnTo>
                    <a:lnTo>
                      <a:pt x="60" y="222"/>
                    </a:lnTo>
                    <a:lnTo>
                      <a:pt x="42" y="234"/>
                    </a:lnTo>
                    <a:lnTo>
                      <a:pt x="36" y="222"/>
                    </a:lnTo>
                    <a:lnTo>
                      <a:pt x="60" y="162"/>
                    </a:lnTo>
                    <a:lnTo>
                      <a:pt x="36" y="150"/>
                    </a:lnTo>
                    <a:lnTo>
                      <a:pt x="24" y="114"/>
                    </a:lnTo>
                    <a:lnTo>
                      <a:pt x="6" y="96"/>
                    </a:lnTo>
                    <a:lnTo>
                      <a:pt x="12" y="90"/>
                    </a:lnTo>
                    <a:lnTo>
                      <a:pt x="0" y="60"/>
                    </a:lnTo>
                    <a:lnTo>
                      <a:pt x="12" y="0"/>
                    </a:lnTo>
                    <a:lnTo>
                      <a:pt x="282" y="48"/>
                    </a:lnTo>
                    <a:lnTo>
                      <a:pt x="522" y="72"/>
                    </a:lnTo>
                    <a:lnTo>
                      <a:pt x="510" y="246"/>
                    </a:lnTo>
                    <a:lnTo>
                      <a:pt x="504" y="270"/>
                    </a:lnTo>
                    <a:lnTo>
                      <a:pt x="504" y="27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97" name="Freeform 76"/>
              <p:cNvSpPr>
                <a:spLocks noChangeAspect="1"/>
              </p:cNvSpPr>
              <p:nvPr/>
            </p:nvSpPr>
            <p:spPr bwMode="auto">
              <a:xfrm>
                <a:off x="1237" y="1322"/>
                <a:ext cx="321" cy="147"/>
              </a:xfrm>
              <a:custGeom>
                <a:avLst/>
                <a:gdLst>
                  <a:gd name="T0" fmla="*/ 164 w 420"/>
                  <a:gd name="T1" fmla="*/ 18 h 204"/>
                  <a:gd name="T2" fmla="*/ 174 w 420"/>
                  <a:gd name="T3" fmla="*/ 48 h 204"/>
                  <a:gd name="T4" fmla="*/ 177 w 420"/>
                  <a:gd name="T5" fmla="*/ 63 h 204"/>
                  <a:gd name="T6" fmla="*/ 187 w 420"/>
                  <a:gd name="T7" fmla="*/ 76 h 204"/>
                  <a:gd name="T8" fmla="*/ 185 w 420"/>
                  <a:gd name="T9" fmla="*/ 76 h 204"/>
                  <a:gd name="T10" fmla="*/ 41 w 420"/>
                  <a:gd name="T11" fmla="*/ 74 h 204"/>
                  <a:gd name="T12" fmla="*/ 41 w 420"/>
                  <a:gd name="T13" fmla="*/ 65 h 204"/>
                  <a:gd name="T14" fmla="*/ 43 w 420"/>
                  <a:gd name="T15" fmla="*/ 49 h 204"/>
                  <a:gd name="T16" fmla="*/ 0 w 420"/>
                  <a:gd name="T17" fmla="*/ 48 h 204"/>
                  <a:gd name="T18" fmla="*/ 3 w 420"/>
                  <a:gd name="T19" fmla="*/ 0 h 204"/>
                  <a:gd name="T20" fmla="*/ 120 w 420"/>
                  <a:gd name="T21" fmla="*/ 4 h 204"/>
                  <a:gd name="T22" fmla="*/ 131 w 420"/>
                  <a:gd name="T23" fmla="*/ 12 h 204"/>
                  <a:gd name="T24" fmla="*/ 148 w 420"/>
                  <a:gd name="T25" fmla="*/ 9 h 204"/>
                  <a:gd name="T26" fmla="*/ 161 w 420"/>
                  <a:gd name="T27" fmla="*/ 18 h 204"/>
                  <a:gd name="T28" fmla="*/ 164 w 420"/>
                  <a:gd name="T29" fmla="*/ 18 h 204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w 420"/>
                  <a:gd name="T46" fmla="*/ 0 h 204"/>
                  <a:gd name="T47" fmla="*/ 420 w 420"/>
                  <a:gd name="T48" fmla="*/ 204 h 204"/>
                </a:gdLst>
                <a:ahLst/>
                <a:cxnLst>
                  <a:cxn ang="T30">
                    <a:pos x="T0" y="T1"/>
                  </a:cxn>
                  <a:cxn ang="T31">
                    <a:pos x="T2" y="T3"/>
                  </a:cxn>
                  <a:cxn ang="T32">
                    <a:pos x="T4" y="T5"/>
                  </a:cxn>
                  <a:cxn ang="T33">
                    <a:pos x="T6" y="T7"/>
                  </a:cxn>
                  <a:cxn ang="T34">
                    <a:pos x="T8" y="T9"/>
                  </a:cxn>
                  <a:cxn ang="T35">
                    <a:pos x="T10" y="T11"/>
                  </a:cxn>
                  <a:cxn ang="T36">
                    <a:pos x="T12" y="T13"/>
                  </a:cxn>
                  <a:cxn ang="T37">
                    <a:pos x="T14" y="T15"/>
                  </a:cxn>
                  <a:cxn ang="T38">
                    <a:pos x="T16" y="T17"/>
                  </a:cxn>
                  <a:cxn ang="T39">
                    <a:pos x="T18" y="T19"/>
                  </a:cxn>
                  <a:cxn ang="T40">
                    <a:pos x="T20" y="T21"/>
                  </a:cxn>
                  <a:cxn ang="T41">
                    <a:pos x="T22" y="T23"/>
                  </a:cxn>
                  <a:cxn ang="T42">
                    <a:pos x="T24" y="T25"/>
                  </a:cxn>
                  <a:cxn ang="T43">
                    <a:pos x="T26" y="T27"/>
                  </a:cxn>
                  <a:cxn ang="T44">
                    <a:pos x="T28" y="T29"/>
                  </a:cxn>
                </a:cxnLst>
                <a:rect l="T45" t="T46" r="T47" b="T48"/>
                <a:pathLst>
                  <a:path w="420" h="204">
                    <a:moveTo>
                      <a:pt x="366" y="48"/>
                    </a:moveTo>
                    <a:lnTo>
                      <a:pt x="390" y="126"/>
                    </a:lnTo>
                    <a:lnTo>
                      <a:pt x="396" y="168"/>
                    </a:lnTo>
                    <a:lnTo>
                      <a:pt x="420" y="204"/>
                    </a:lnTo>
                    <a:lnTo>
                      <a:pt x="414" y="204"/>
                    </a:lnTo>
                    <a:lnTo>
                      <a:pt x="90" y="198"/>
                    </a:lnTo>
                    <a:lnTo>
                      <a:pt x="90" y="174"/>
                    </a:lnTo>
                    <a:lnTo>
                      <a:pt x="96" y="132"/>
                    </a:lnTo>
                    <a:lnTo>
                      <a:pt x="0" y="126"/>
                    </a:lnTo>
                    <a:lnTo>
                      <a:pt x="6" y="0"/>
                    </a:lnTo>
                    <a:lnTo>
                      <a:pt x="270" y="12"/>
                    </a:lnTo>
                    <a:lnTo>
                      <a:pt x="294" y="30"/>
                    </a:lnTo>
                    <a:lnTo>
                      <a:pt x="330" y="24"/>
                    </a:lnTo>
                    <a:lnTo>
                      <a:pt x="360" y="48"/>
                    </a:lnTo>
                    <a:lnTo>
                      <a:pt x="366" y="4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98" name="Freeform 77"/>
              <p:cNvSpPr>
                <a:spLocks noChangeAspect="1"/>
              </p:cNvSpPr>
              <p:nvPr/>
            </p:nvSpPr>
            <p:spPr bwMode="auto">
              <a:xfrm>
                <a:off x="1237" y="1322"/>
                <a:ext cx="321" cy="147"/>
              </a:xfrm>
              <a:custGeom>
                <a:avLst/>
                <a:gdLst>
                  <a:gd name="T0" fmla="*/ 164 w 420"/>
                  <a:gd name="T1" fmla="*/ 18 h 204"/>
                  <a:gd name="T2" fmla="*/ 174 w 420"/>
                  <a:gd name="T3" fmla="*/ 48 h 204"/>
                  <a:gd name="T4" fmla="*/ 177 w 420"/>
                  <a:gd name="T5" fmla="*/ 63 h 204"/>
                  <a:gd name="T6" fmla="*/ 187 w 420"/>
                  <a:gd name="T7" fmla="*/ 76 h 204"/>
                  <a:gd name="T8" fmla="*/ 185 w 420"/>
                  <a:gd name="T9" fmla="*/ 76 h 204"/>
                  <a:gd name="T10" fmla="*/ 41 w 420"/>
                  <a:gd name="T11" fmla="*/ 74 h 204"/>
                  <a:gd name="T12" fmla="*/ 41 w 420"/>
                  <a:gd name="T13" fmla="*/ 65 h 204"/>
                  <a:gd name="T14" fmla="*/ 43 w 420"/>
                  <a:gd name="T15" fmla="*/ 49 h 204"/>
                  <a:gd name="T16" fmla="*/ 0 w 420"/>
                  <a:gd name="T17" fmla="*/ 48 h 204"/>
                  <a:gd name="T18" fmla="*/ 3 w 420"/>
                  <a:gd name="T19" fmla="*/ 0 h 204"/>
                  <a:gd name="T20" fmla="*/ 120 w 420"/>
                  <a:gd name="T21" fmla="*/ 4 h 204"/>
                  <a:gd name="T22" fmla="*/ 131 w 420"/>
                  <a:gd name="T23" fmla="*/ 12 h 204"/>
                  <a:gd name="T24" fmla="*/ 148 w 420"/>
                  <a:gd name="T25" fmla="*/ 9 h 204"/>
                  <a:gd name="T26" fmla="*/ 161 w 420"/>
                  <a:gd name="T27" fmla="*/ 18 h 204"/>
                  <a:gd name="T28" fmla="*/ 164 w 420"/>
                  <a:gd name="T29" fmla="*/ 18 h 204"/>
                  <a:gd name="T30" fmla="*/ 164 w 420"/>
                  <a:gd name="T31" fmla="*/ 20 h 204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w 420"/>
                  <a:gd name="T49" fmla="*/ 0 h 204"/>
                  <a:gd name="T50" fmla="*/ 420 w 420"/>
                  <a:gd name="T51" fmla="*/ 204 h 204"/>
                </a:gdLst>
                <a:ahLst/>
                <a:cxnLst>
                  <a:cxn ang="T32">
                    <a:pos x="T0" y="T1"/>
                  </a:cxn>
                  <a:cxn ang="T33">
                    <a:pos x="T2" y="T3"/>
                  </a:cxn>
                  <a:cxn ang="T34">
                    <a:pos x="T4" y="T5"/>
                  </a:cxn>
                  <a:cxn ang="T35">
                    <a:pos x="T6" y="T7"/>
                  </a:cxn>
                  <a:cxn ang="T36">
                    <a:pos x="T8" y="T9"/>
                  </a:cxn>
                  <a:cxn ang="T37">
                    <a:pos x="T10" y="T11"/>
                  </a:cxn>
                  <a:cxn ang="T38">
                    <a:pos x="T12" y="T13"/>
                  </a:cxn>
                  <a:cxn ang="T39">
                    <a:pos x="T14" y="T15"/>
                  </a:cxn>
                  <a:cxn ang="T40">
                    <a:pos x="T16" y="T17"/>
                  </a:cxn>
                  <a:cxn ang="T41">
                    <a:pos x="T18" y="T19"/>
                  </a:cxn>
                  <a:cxn ang="T42">
                    <a:pos x="T20" y="T21"/>
                  </a:cxn>
                  <a:cxn ang="T43">
                    <a:pos x="T22" y="T23"/>
                  </a:cxn>
                  <a:cxn ang="T44">
                    <a:pos x="T24" y="T25"/>
                  </a:cxn>
                  <a:cxn ang="T45">
                    <a:pos x="T26" y="T27"/>
                  </a:cxn>
                  <a:cxn ang="T46">
                    <a:pos x="T28" y="T29"/>
                  </a:cxn>
                  <a:cxn ang="T47">
                    <a:pos x="T30" y="T31"/>
                  </a:cxn>
                </a:cxnLst>
                <a:rect l="T48" t="T49" r="T50" b="T51"/>
                <a:pathLst>
                  <a:path w="420" h="204">
                    <a:moveTo>
                      <a:pt x="366" y="48"/>
                    </a:moveTo>
                    <a:lnTo>
                      <a:pt x="390" y="126"/>
                    </a:lnTo>
                    <a:lnTo>
                      <a:pt x="396" y="168"/>
                    </a:lnTo>
                    <a:lnTo>
                      <a:pt x="420" y="204"/>
                    </a:lnTo>
                    <a:lnTo>
                      <a:pt x="414" y="204"/>
                    </a:lnTo>
                    <a:lnTo>
                      <a:pt x="90" y="198"/>
                    </a:lnTo>
                    <a:lnTo>
                      <a:pt x="90" y="174"/>
                    </a:lnTo>
                    <a:lnTo>
                      <a:pt x="96" y="132"/>
                    </a:lnTo>
                    <a:lnTo>
                      <a:pt x="0" y="126"/>
                    </a:lnTo>
                    <a:lnTo>
                      <a:pt x="6" y="0"/>
                    </a:lnTo>
                    <a:lnTo>
                      <a:pt x="270" y="12"/>
                    </a:lnTo>
                    <a:lnTo>
                      <a:pt x="294" y="30"/>
                    </a:lnTo>
                    <a:lnTo>
                      <a:pt x="330" y="24"/>
                    </a:lnTo>
                    <a:lnTo>
                      <a:pt x="360" y="48"/>
                    </a:lnTo>
                    <a:lnTo>
                      <a:pt x="366" y="48"/>
                    </a:lnTo>
                    <a:lnTo>
                      <a:pt x="366" y="5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99" name="Freeform 78"/>
              <p:cNvSpPr>
                <a:spLocks noChangeAspect="1"/>
              </p:cNvSpPr>
              <p:nvPr/>
            </p:nvSpPr>
            <p:spPr bwMode="auto">
              <a:xfrm>
                <a:off x="633" y="1274"/>
                <a:ext cx="247" cy="359"/>
              </a:xfrm>
              <a:custGeom>
                <a:avLst/>
                <a:gdLst>
                  <a:gd name="T0" fmla="*/ 93 w 324"/>
                  <a:gd name="T1" fmla="*/ 187 h 498"/>
                  <a:gd name="T2" fmla="*/ 0 w 324"/>
                  <a:gd name="T3" fmla="*/ 70 h 498"/>
                  <a:gd name="T4" fmla="*/ 21 w 324"/>
                  <a:gd name="T5" fmla="*/ 0 h 498"/>
                  <a:gd name="T6" fmla="*/ 34 w 324"/>
                  <a:gd name="T7" fmla="*/ 2 h 498"/>
                  <a:gd name="T8" fmla="*/ 82 w 324"/>
                  <a:gd name="T9" fmla="*/ 14 h 498"/>
                  <a:gd name="T10" fmla="*/ 143 w 324"/>
                  <a:gd name="T11" fmla="*/ 22 h 498"/>
                  <a:gd name="T12" fmla="*/ 117 w 324"/>
                  <a:gd name="T13" fmla="*/ 141 h 498"/>
                  <a:gd name="T14" fmla="*/ 109 w 324"/>
                  <a:gd name="T15" fmla="*/ 164 h 498"/>
                  <a:gd name="T16" fmla="*/ 101 w 324"/>
                  <a:gd name="T17" fmla="*/ 159 h 498"/>
                  <a:gd name="T18" fmla="*/ 96 w 324"/>
                  <a:gd name="T19" fmla="*/ 161 h 498"/>
                  <a:gd name="T20" fmla="*/ 93 w 324"/>
                  <a:gd name="T21" fmla="*/ 185 h 498"/>
                  <a:gd name="T22" fmla="*/ 93 w 324"/>
                  <a:gd name="T23" fmla="*/ 187 h 498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24"/>
                  <a:gd name="T37" fmla="*/ 0 h 498"/>
                  <a:gd name="T38" fmla="*/ 324 w 324"/>
                  <a:gd name="T39" fmla="*/ 498 h 498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24" h="498">
                    <a:moveTo>
                      <a:pt x="210" y="498"/>
                    </a:moveTo>
                    <a:lnTo>
                      <a:pt x="0" y="186"/>
                    </a:lnTo>
                    <a:lnTo>
                      <a:pt x="48" y="0"/>
                    </a:lnTo>
                    <a:lnTo>
                      <a:pt x="78" y="6"/>
                    </a:lnTo>
                    <a:lnTo>
                      <a:pt x="186" y="36"/>
                    </a:lnTo>
                    <a:lnTo>
                      <a:pt x="324" y="60"/>
                    </a:lnTo>
                    <a:lnTo>
                      <a:pt x="264" y="378"/>
                    </a:lnTo>
                    <a:lnTo>
                      <a:pt x="246" y="438"/>
                    </a:lnTo>
                    <a:lnTo>
                      <a:pt x="228" y="426"/>
                    </a:lnTo>
                    <a:lnTo>
                      <a:pt x="216" y="432"/>
                    </a:lnTo>
                    <a:lnTo>
                      <a:pt x="210" y="492"/>
                    </a:lnTo>
                    <a:lnTo>
                      <a:pt x="210" y="498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00" name="Freeform 79"/>
              <p:cNvSpPr>
                <a:spLocks noChangeAspect="1"/>
              </p:cNvSpPr>
              <p:nvPr/>
            </p:nvSpPr>
            <p:spPr bwMode="auto">
              <a:xfrm>
                <a:off x="633" y="1274"/>
                <a:ext cx="247" cy="364"/>
              </a:xfrm>
              <a:custGeom>
                <a:avLst/>
                <a:gdLst>
                  <a:gd name="T0" fmla="*/ 93 w 324"/>
                  <a:gd name="T1" fmla="*/ 188 h 504"/>
                  <a:gd name="T2" fmla="*/ 0 w 324"/>
                  <a:gd name="T3" fmla="*/ 70 h 504"/>
                  <a:gd name="T4" fmla="*/ 21 w 324"/>
                  <a:gd name="T5" fmla="*/ 0 h 504"/>
                  <a:gd name="T6" fmla="*/ 34 w 324"/>
                  <a:gd name="T7" fmla="*/ 2 h 504"/>
                  <a:gd name="T8" fmla="*/ 82 w 324"/>
                  <a:gd name="T9" fmla="*/ 14 h 504"/>
                  <a:gd name="T10" fmla="*/ 143 w 324"/>
                  <a:gd name="T11" fmla="*/ 22 h 504"/>
                  <a:gd name="T12" fmla="*/ 117 w 324"/>
                  <a:gd name="T13" fmla="*/ 142 h 504"/>
                  <a:gd name="T14" fmla="*/ 109 w 324"/>
                  <a:gd name="T15" fmla="*/ 165 h 504"/>
                  <a:gd name="T16" fmla="*/ 101 w 324"/>
                  <a:gd name="T17" fmla="*/ 160 h 504"/>
                  <a:gd name="T18" fmla="*/ 96 w 324"/>
                  <a:gd name="T19" fmla="*/ 163 h 504"/>
                  <a:gd name="T20" fmla="*/ 93 w 324"/>
                  <a:gd name="T21" fmla="*/ 185 h 504"/>
                  <a:gd name="T22" fmla="*/ 93 w 324"/>
                  <a:gd name="T23" fmla="*/ 188 h 504"/>
                  <a:gd name="T24" fmla="*/ 93 w 324"/>
                  <a:gd name="T25" fmla="*/ 190 h 504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324"/>
                  <a:gd name="T40" fmla="*/ 0 h 504"/>
                  <a:gd name="T41" fmla="*/ 324 w 324"/>
                  <a:gd name="T42" fmla="*/ 504 h 504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324" h="504">
                    <a:moveTo>
                      <a:pt x="210" y="498"/>
                    </a:moveTo>
                    <a:lnTo>
                      <a:pt x="0" y="186"/>
                    </a:lnTo>
                    <a:lnTo>
                      <a:pt x="48" y="0"/>
                    </a:lnTo>
                    <a:lnTo>
                      <a:pt x="78" y="6"/>
                    </a:lnTo>
                    <a:lnTo>
                      <a:pt x="186" y="36"/>
                    </a:lnTo>
                    <a:lnTo>
                      <a:pt x="324" y="60"/>
                    </a:lnTo>
                    <a:lnTo>
                      <a:pt x="264" y="378"/>
                    </a:lnTo>
                    <a:lnTo>
                      <a:pt x="246" y="438"/>
                    </a:lnTo>
                    <a:lnTo>
                      <a:pt x="228" y="426"/>
                    </a:lnTo>
                    <a:lnTo>
                      <a:pt x="216" y="432"/>
                    </a:lnTo>
                    <a:lnTo>
                      <a:pt x="210" y="492"/>
                    </a:lnTo>
                    <a:lnTo>
                      <a:pt x="210" y="498"/>
                    </a:lnTo>
                    <a:lnTo>
                      <a:pt x="210" y="50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01" name="Freeform 80"/>
              <p:cNvSpPr>
                <a:spLocks noChangeAspect="1"/>
              </p:cNvSpPr>
              <p:nvPr/>
            </p:nvSpPr>
            <p:spPr bwMode="auto">
              <a:xfrm>
                <a:off x="2359" y="1123"/>
                <a:ext cx="64" cy="125"/>
              </a:xfrm>
              <a:custGeom>
                <a:avLst/>
                <a:gdLst>
                  <a:gd name="T0" fmla="*/ 37 w 84"/>
                  <a:gd name="T1" fmla="*/ 49 h 174"/>
                  <a:gd name="T2" fmla="*/ 34 w 84"/>
                  <a:gd name="T3" fmla="*/ 53 h 174"/>
                  <a:gd name="T4" fmla="*/ 27 w 84"/>
                  <a:gd name="T5" fmla="*/ 60 h 174"/>
                  <a:gd name="T6" fmla="*/ 3 w 84"/>
                  <a:gd name="T7" fmla="*/ 65 h 174"/>
                  <a:gd name="T8" fmla="*/ 0 w 84"/>
                  <a:gd name="T9" fmla="*/ 45 h 174"/>
                  <a:gd name="T10" fmla="*/ 3 w 84"/>
                  <a:gd name="T11" fmla="*/ 27 h 174"/>
                  <a:gd name="T12" fmla="*/ 8 w 84"/>
                  <a:gd name="T13" fmla="*/ 20 h 174"/>
                  <a:gd name="T14" fmla="*/ 8 w 84"/>
                  <a:gd name="T15" fmla="*/ 2 h 174"/>
                  <a:gd name="T16" fmla="*/ 14 w 84"/>
                  <a:gd name="T17" fmla="*/ 0 h 174"/>
                  <a:gd name="T18" fmla="*/ 29 w 84"/>
                  <a:gd name="T19" fmla="*/ 42 h 174"/>
                  <a:gd name="T20" fmla="*/ 34 w 84"/>
                  <a:gd name="T21" fmla="*/ 49 h 174"/>
                  <a:gd name="T22" fmla="*/ 37 w 84"/>
                  <a:gd name="T23" fmla="*/ 49 h 17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84"/>
                  <a:gd name="T37" fmla="*/ 0 h 174"/>
                  <a:gd name="T38" fmla="*/ 84 w 84"/>
                  <a:gd name="T39" fmla="*/ 174 h 17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84" h="174">
                    <a:moveTo>
                      <a:pt x="84" y="132"/>
                    </a:moveTo>
                    <a:lnTo>
                      <a:pt x="78" y="144"/>
                    </a:lnTo>
                    <a:lnTo>
                      <a:pt x="60" y="162"/>
                    </a:lnTo>
                    <a:lnTo>
                      <a:pt x="6" y="174"/>
                    </a:lnTo>
                    <a:lnTo>
                      <a:pt x="0" y="120"/>
                    </a:lnTo>
                    <a:lnTo>
                      <a:pt x="6" y="72"/>
                    </a:lnTo>
                    <a:lnTo>
                      <a:pt x="18" y="54"/>
                    </a:lnTo>
                    <a:lnTo>
                      <a:pt x="18" y="6"/>
                    </a:lnTo>
                    <a:lnTo>
                      <a:pt x="30" y="0"/>
                    </a:lnTo>
                    <a:lnTo>
                      <a:pt x="66" y="114"/>
                    </a:lnTo>
                    <a:lnTo>
                      <a:pt x="78" y="132"/>
                    </a:lnTo>
                    <a:lnTo>
                      <a:pt x="84" y="132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02" name="Freeform 81"/>
              <p:cNvSpPr>
                <a:spLocks noChangeAspect="1"/>
              </p:cNvSpPr>
              <p:nvPr/>
            </p:nvSpPr>
            <p:spPr bwMode="auto">
              <a:xfrm>
                <a:off x="2359" y="1123"/>
                <a:ext cx="64" cy="125"/>
              </a:xfrm>
              <a:custGeom>
                <a:avLst/>
                <a:gdLst>
                  <a:gd name="T0" fmla="*/ 37 w 84"/>
                  <a:gd name="T1" fmla="*/ 49 h 174"/>
                  <a:gd name="T2" fmla="*/ 34 w 84"/>
                  <a:gd name="T3" fmla="*/ 53 h 174"/>
                  <a:gd name="T4" fmla="*/ 27 w 84"/>
                  <a:gd name="T5" fmla="*/ 60 h 174"/>
                  <a:gd name="T6" fmla="*/ 3 w 84"/>
                  <a:gd name="T7" fmla="*/ 65 h 174"/>
                  <a:gd name="T8" fmla="*/ 0 w 84"/>
                  <a:gd name="T9" fmla="*/ 45 h 174"/>
                  <a:gd name="T10" fmla="*/ 3 w 84"/>
                  <a:gd name="T11" fmla="*/ 27 h 174"/>
                  <a:gd name="T12" fmla="*/ 8 w 84"/>
                  <a:gd name="T13" fmla="*/ 20 h 174"/>
                  <a:gd name="T14" fmla="*/ 8 w 84"/>
                  <a:gd name="T15" fmla="*/ 2 h 174"/>
                  <a:gd name="T16" fmla="*/ 14 w 84"/>
                  <a:gd name="T17" fmla="*/ 0 h 174"/>
                  <a:gd name="T18" fmla="*/ 29 w 84"/>
                  <a:gd name="T19" fmla="*/ 42 h 174"/>
                  <a:gd name="T20" fmla="*/ 34 w 84"/>
                  <a:gd name="T21" fmla="*/ 49 h 174"/>
                  <a:gd name="T22" fmla="*/ 37 w 84"/>
                  <a:gd name="T23" fmla="*/ 49 h 174"/>
                  <a:gd name="T24" fmla="*/ 37 w 84"/>
                  <a:gd name="T25" fmla="*/ 51 h 174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84"/>
                  <a:gd name="T40" fmla="*/ 0 h 174"/>
                  <a:gd name="T41" fmla="*/ 84 w 84"/>
                  <a:gd name="T42" fmla="*/ 174 h 174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84" h="174">
                    <a:moveTo>
                      <a:pt x="84" y="132"/>
                    </a:moveTo>
                    <a:lnTo>
                      <a:pt x="78" y="144"/>
                    </a:lnTo>
                    <a:lnTo>
                      <a:pt x="60" y="162"/>
                    </a:lnTo>
                    <a:lnTo>
                      <a:pt x="6" y="174"/>
                    </a:lnTo>
                    <a:lnTo>
                      <a:pt x="0" y="120"/>
                    </a:lnTo>
                    <a:lnTo>
                      <a:pt x="6" y="72"/>
                    </a:lnTo>
                    <a:lnTo>
                      <a:pt x="18" y="54"/>
                    </a:lnTo>
                    <a:lnTo>
                      <a:pt x="18" y="6"/>
                    </a:lnTo>
                    <a:lnTo>
                      <a:pt x="30" y="0"/>
                    </a:lnTo>
                    <a:lnTo>
                      <a:pt x="66" y="114"/>
                    </a:lnTo>
                    <a:lnTo>
                      <a:pt x="78" y="132"/>
                    </a:lnTo>
                    <a:lnTo>
                      <a:pt x="84" y="132"/>
                    </a:lnTo>
                    <a:lnTo>
                      <a:pt x="84" y="13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03" name="Freeform 82"/>
              <p:cNvSpPr>
                <a:spLocks noChangeAspect="1"/>
              </p:cNvSpPr>
              <p:nvPr/>
            </p:nvSpPr>
            <p:spPr bwMode="auto">
              <a:xfrm>
                <a:off x="2290" y="1326"/>
                <a:ext cx="50" cy="113"/>
              </a:xfrm>
              <a:custGeom>
                <a:avLst/>
                <a:gdLst>
                  <a:gd name="T0" fmla="*/ 26 w 66"/>
                  <a:gd name="T1" fmla="*/ 9 h 156"/>
                  <a:gd name="T2" fmla="*/ 20 w 66"/>
                  <a:gd name="T3" fmla="*/ 18 h 156"/>
                  <a:gd name="T4" fmla="*/ 29 w 66"/>
                  <a:gd name="T5" fmla="*/ 20 h 156"/>
                  <a:gd name="T6" fmla="*/ 29 w 66"/>
                  <a:gd name="T7" fmla="*/ 39 h 156"/>
                  <a:gd name="T8" fmla="*/ 18 w 66"/>
                  <a:gd name="T9" fmla="*/ 59 h 156"/>
                  <a:gd name="T10" fmla="*/ 15 w 66"/>
                  <a:gd name="T11" fmla="*/ 59 h 156"/>
                  <a:gd name="T12" fmla="*/ 18 w 66"/>
                  <a:gd name="T13" fmla="*/ 54 h 156"/>
                  <a:gd name="T14" fmla="*/ 3 w 66"/>
                  <a:gd name="T15" fmla="*/ 51 h 156"/>
                  <a:gd name="T16" fmla="*/ 0 w 66"/>
                  <a:gd name="T17" fmla="*/ 43 h 156"/>
                  <a:gd name="T18" fmla="*/ 3 w 66"/>
                  <a:gd name="T19" fmla="*/ 41 h 156"/>
                  <a:gd name="T20" fmla="*/ 13 w 66"/>
                  <a:gd name="T21" fmla="*/ 30 h 156"/>
                  <a:gd name="T22" fmla="*/ 3 w 66"/>
                  <a:gd name="T23" fmla="*/ 20 h 156"/>
                  <a:gd name="T24" fmla="*/ 0 w 66"/>
                  <a:gd name="T25" fmla="*/ 12 h 156"/>
                  <a:gd name="T26" fmla="*/ 8 w 66"/>
                  <a:gd name="T27" fmla="*/ 0 h 156"/>
                  <a:gd name="T28" fmla="*/ 26 w 66"/>
                  <a:gd name="T29" fmla="*/ 9 h 15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w 66"/>
                  <a:gd name="T46" fmla="*/ 0 h 156"/>
                  <a:gd name="T47" fmla="*/ 66 w 66"/>
                  <a:gd name="T48" fmla="*/ 156 h 156"/>
                </a:gdLst>
                <a:ahLst/>
                <a:cxnLst>
                  <a:cxn ang="T30">
                    <a:pos x="T0" y="T1"/>
                  </a:cxn>
                  <a:cxn ang="T31">
                    <a:pos x="T2" y="T3"/>
                  </a:cxn>
                  <a:cxn ang="T32">
                    <a:pos x="T4" y="T5"/>
                  </a:cxn>
                  <a:cxn ang="T33">
                    <a:pos x="T6" y="T7"/>
                  </a:cxn>
                  <a:cxn ang="T34">
                    <a:pos x="T8" y="T9"/>
                  </a:cxn>
                  <a:cxn ang="T35">
                    <a:pos x="T10" y="T11"/>
                  </a:cxn>
                  <a:cxn ang="T36">
                    <a:pos x="T12" y="T13"/>
                  </a:cxn>
                  <a:cxn ang="T37">
                    <a:pos x="T14" y="T15"/>
                  </a:cxn>
                  <a:cxn ang="T38">
                    <a:pos x="T16" y="T17"/>
                  </a:cxn>
                  <a:cxn ang="T39">
                    <a:pos x="T18" y="T19"/>
                  </a:cxn>
                  <a:cxn ang="T40">
                    <a:pos x="T20" y="T21"/>
                  </a:cxn>
                  <a:cxn ang="T41">
                    <a:pos x="T22" y="T23"/>
                  </a:cxn>
                  <a:cxn ang="T42">
                    <a:pos x="T24" y="T25"/>
                  </a:cxn>
                  <a:cxn ang="T43">
                    <a:pos x="T26" y="T27"/>
                  </a:cxn>
                  <a:cxn ang="T44">
                    <a:pos x="T28" y="T29"/>
                  </a:cxn>
                </a:cxnLst>
                <a:rect l="T45" t="T46" r="T47" b="T48"/>
                <a:pathLst>
                  <a:path w="66" h="156">
                    <a:moveTo>
                      <a:pt x="60" y="24"/>
                    </a:moveTo>
                    <a:lnTo>
                      <a:pt x="48" y="48"/>
                    </a:lnTo>
                    <a:lnTo>
                      <a:pt x="66" y="54"/>
                    </a:lnTo>
                    <a:lnTo>
                      <a:pt x="66" y="102"/>
                    </a:lnTo>
                    <a:lnTo>
                      <a:pt x="42" y="156"/>
                    </a:lnTo>
                    <a:lnTo>
                      <a:pt x="36" y="156"/>
                    </a:lnTo>
                    <a:lnTo>
                      <a:pt x="42" y="144"/>
                    </a:lnTo>
                    <a:lnTo>
                      <a:pt x="6" y="132"/>
                    </a:lnTo>
                    <a:lnTo>
                      <a:pt x="0" y="114"/>
                    </a:lnTo>
                    <a:lnTo>
                      <a:pt x="6" y="108"/>
                    </a:lnTo>
                    <a:lnTo>
                      <a:pt x="30" y="78"/>
                    </a:lnTo>
                    <a:lnTo>
                      <a:pt x="6" y="54"/>
                    </a:lnTo>
                    <a:lnTo>
                      <a:pt x="0" y="30"/>
                    </a:lnTo>
                    <a:lnTo>
                      <a:pt x="18" y="0"/>
                    </a:lnTo>
                    <a:lnTo>
                      <a:pt x="60" y="24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04" name="Freeform 83"/>
              <p:cNvSpPr>
                <a:spLocks noChangeAspect="1"/>
              </p:cNvSpPr>
              <p:nvPr/>
            </p:nvSpPr>
            <p:spPr bwMode="auto">
              <a:xfrm>
                <a:off x="2290" y="1326"/>
                <a:ext cx="50" cy="113"/>
              </a:xfrm>
              <a:custGeom>
                <a:avLst/>
                <a:gdLst>
                  <a:gd name="T0" fmla="*/ 26 w 66"/>
                  <a:gd name="T1" fmla="*/ 9 h 156"/>
                  <a:gd name="T2" fmla="*/ 20 w 66"/>
                  <a:gd name="T3" fmla="*/ 18 h 156"/>
                  <a:gd name="T4" fmla="*/ 29 w 66"/>
                  <a:gd name="T5" fmla="*/ 20 h 156"/>
                  <a:gd name="T6" fmla="*/ 29 w 66"/>
                  <a:gd name="T7" fmla="*/ 37 h 156"/>
                  <a:gd name="T8" fmla="*/ 29 w 66"/>
                  <a:gd name="T9" fmla="*/ 30 h 156"/>
                  <a:gd name="T10" fmla="*/ 29 w 66"/>
                  <a:gd name="T11" fmla="*/ 39 h 156"/>
                  <a:gd name="T12" fmla="*/ 18 w 66"/>
                  <a:gd name="T13" fmla="*/ 59 h 156"/>
                  <a:gd name="T14" fmla="*/ 15 w 66"/>
                  <a:gd name="T15" fmla="*/ 59 h 156"/>
                  <a:gd name="T16" fmla="*/ 18 w 66"/>
                  <a:gd name="T17" fmla="*/ 54 h 156"/>
                  <a:gd name="T18" fmla="*/ 3 w 66"/>
                  <a:gd name="T19" fmla="*/ 51 h 156"/>
                  <a:gd name="T20" fmla="*/ 0 w 66"/>
                  <a:gd name="T21" fmla="*/ 43 h 156"/>
                  <a:gd name="T22" fmla="*/ 3 w 66"/>
                  <a:gd name="T23" fmla="*/ 41 h 156"/>
                  <a:gd name="T24" fmla="*/ 13 w 66"/>
                  <a:gd name="T25" fmla="*/ 30 h 156"/>
                  <a:gd name="T26" fmla="*/ 3 w 66"/>
                  <a:gd name="T27" fmla="*/ 20 h 156"/>
                  <a:gd name="T28" fmla="*/ 0 w 66"/>
                  <a:gd name="T29" fmla="*/ 12 h 156"/>
                  <a:gd name="T30" fmla="*/ 8 w 66"/>
                  <a:gd name="T31" fmla="*/ 0 h 156"/>
                  <a:gd name="T32" fmla="*/ 26 w 66"/>
                  <a:gd name="T33" fmla="*/ 9 h 156"/>
                  <a:gd name="T34" fmla="*/ 26 w 66"/>
                  <a:gd name="T35" fmla="*/ 12 h 15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66"/>
                  <a:gd name="T55" fmla="*/ 0 h 156"/>
                  <a:gd name="T56" fmla="*/ 66 w 66"/>
                  <a:gd name="T57" fmla="*/ 156 h 156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66" h="156">
                    <a:moveTo>
                      <a:pt x="60" y="24"/>
                    </a:moveTo>
                    <a:lnTo>
                      <a:pt x="48" y="48"/>
                    </a:lnTo>
                    <a:lnTo>
                      <a:pt x="66" y="54"/>
                    </a:lnTo>
                    <a:lnTo>
                      <a:pt x="66" y="96"/>
                    </a:lnTo>
                    <a:lnTo>
                      <a:pt x="66" y="78"/>
                    </a:lnTo>
                    <a:lnTo>
                      <a:pt x="66" y="102"/>
                    </a:lnTo>
                    <a:lnTo>
                      <a:pt x="42" y="156"/>
                    </a:lnTo>
                    <a:lnTo>
                      <a:pt x="36" y="156"/>
                    </a:lnTo>
                    <a:lnTo>
                      <a:pt x="42" y="144"/>
                    </a:lnTo>
                    <a:lnTo>
                      <a:pt x="6" y="132"/>
                    </a:lnTo>
                    <a:lnTo>
                      <a:pt x="0" y="114"/>
                    </a:lnTo>
                    <a:lnTo>
                      <a:pt x="6" y="108"/>
                    </a:lnTo>
                    <a:lnTo>
                      <a:pt x="30" y="78"/>
                    </a:lnTo>
                    <a:lnTo>
                      <a:pt x="6" y="54"/>
                    </a:lnTo>
                    <a:lnTo>
                      <a:pt x="0" y="30"/>
                    </a:lnTo>
                    <a:lnTo>
                      <a:pt x="18" y="0"/>
                    </a:lnTo>
                    <a:lnTo>
                      <a:pt x="60" y="24"/>
                    </a:lnTo>
                    <a:lnTo>
                      <a:pt x="60" y="3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05" name="Freeform 84"/>
              <p:cNvSpPr>
                <a:spLocks noChangeAspect="1"/>
              </p:cNvSpPr>
              <p:nvPr/>
            </p:nvSpPr>
            <p:spPr bwMode="auto">
              <a:xfrm>
                <a:off x="986" y="1577"/>
                <a:ext cx="274" cy="264"/>
              </a:xfrm>
              <a:custGeom>
                <a:avLst/>
                <a:gdLst>
                  <a:gd name="T0" fmla="*/ 156 w 360"/>
                  <a:gd name="T1" fmla="*/ 25 h 366"/>
                  <a:gd name="T2" fmla="*/ 145 w 360"/>
                  <a:gd name="T3" fmla="*/ 133 h 366"/>
                  <a:gd name="T4" fmla="*/ 61 w 360"/>
                  <a:gd name="T5" fmla="*/ 126 h 366"/>
                  <a:gd name="T6" fmla="*/ 64 w 360"/>
                  <a:gd name="T7" fmla="*/ 131 h 366"/>
                  <a:gd name="T8" fmla="*/ 24 w 360"/>
                  <a:gd name="T9" fmla="*/ 126 h 366"/>
                  <a:gd name="T10" fmla="*/ 21 w 360"/>
                  <a:gd name="T11" fmla="*/ 137 h 366"/>
                  <a:gd name="T12" fmla="*/ 0 w 360"/>
                  <a:gd name="T13" fmla="*/ 136 h 366"/>
                  <a:gd name="T14" fmla="*/ 5 w 360"/>
                  <a:gd name="T15" fmla="*/ 108 h 366"/>
                  <a:gd name="T16" fmla="*/ 24 w 360"/>
                  <a:gd name="T17" fmla="*/ 0 h 366"/>
                  <a:gd name="T18" fmla="*/ 159 w 360"/>
                  <a:gd name="T19" fmla="*/ 12 h 366"/>
                  <a:gd name="T20" fmla="*/ 156 w 360"/>
                  <a:gd name="T21" fmla="*/ 25 h 36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60"/>
                  <a:gd name="T34" fmla="*/ 0 h 366"/>
                  <a:gd name="T35" fmla="*/ 360 w 360"/>
                  <a:gd name="T36" fmla="*/ 366 h 366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60" h="366">
                    <a:moveTo>
                      <a:pt x="354" y="66"/>
                    </a:moveTo>
                    <a:lnTo>
                      <a:pt x="330" y="354"/>
                    </a:lnTo>
                    <a:lnTo>
                      <a:pt x="138" y="336"/>
                    </a:lnTo>
                    <a:lnTo>
                      <a:pt x="144" y="348"/>
                    </a:lnTo>
                    <a:lnTo>
                      <a:pt x="54" y="336"/>
                    </a:lnTo>
                    <a:lnTo>
                      <a:pt x="48" y="366"/>
                    </a:lnTo>
                    <a:lnTo>
                      <a:pt x="0" y="360"/>
                    </a:lnTo>
                    <a:lnTo>
                      <a:pt x="12" y="288"/>
                    </a:lnTo>
                    <a:lnTo>
                      <a:pt x="54" y="0"/>
                    </a:lnTo>
                    <a:lnTo>
                      <a:pt x="360" y="30"/>
                    </a:lnTo>
                    <a:lnTo>
                      <a:pt x="354" y="6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06" name="Freeform 85"/>
              <p:cNvSpPr>
                <a:spLocks noChangeAspect="1"/>
              </p:cNvSpPr>
              <p:nvPr/>
            </p:nvSpPr>
            <p:spPr bwMode="auto">
              <a:xfrm>
                <a:off x="986" y="1577"/>
                <a:ext cx="274" cy="264"/>
              </a:xfrm>
              <a:custGeom>
                <a:avLst/>
                <a:gdLst>
                  <a:gd name="T0" fmla="*/ 156 w 360"/>
                  <a:gd name="T1" fmla="*/ 25 h 366"/>
                  <a:gd name="T2" fmla="*/ 145 w 360"/>
                  <a:gd name="T3" fmla="*/ 133 h 366"/>
                  <a:gd name="T4" fmla="*/ 61 w 360"/>
                  <a:gd name="T5" fmla="*/ 126 h 366"/>
                  <a:gd name="T6" fmla="*/ 64 w 360"/>
                  <a:gd name="T7" fmla="*/ 131 h 366"/>
                  <a:gd name="T8" fmla="*/ 24 w 360"/>
                  <a:gd name="T9" fmla="*/ 126 h 366"/>
                  <a:gd name="T10" fmla="*/ 21 w 360"/>
                  <a:gd name="T11" fmla="*/ 137 h 366"/>
                  <a:gd name="T12" fmla="*/ 0 w 360"/>
                  <a:gd name="T13" fmla="*/ 136 h 366"/>
                  <a:gd name="T14" fmla="*/ 5 w 360"/>
                  <a:gd name="T15" fmla="*/ 108 h 366"/>
                  <a:gd name="T16" fmla="*/ 24 w 360"/>
                  <a:gd name="T17" fmla="*/ 0 h 366"/>
                  <a:gd name="T18" fmla="*/ 159 w 360"/>
                  <a:gd name="T19" fmla="*/ 12 h 366"/>
                  <a:gd name="T20" fmla="*/ 156 w 360"/>
                  <a:gd name="T21" fmla="*/ 25 h 366"/>
                  <a:gd name="T22" fmla="*/ 156 w 360"/>
                  <a:gd name="T23" fmla="*/ 27 h 36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60"/>
                  <a:gd name="T37" fmla="*/ 0 h 366"/>
                  <a:gd name="T38" fmla="*/ 360 w 360"/>
                  <a:gd name="T39" fmla="*/ 366 h 366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60" h="366">
                    <a:moveTo>
                      <a:pt x="354" y="66"/>
                    </a:moveTo>
                    <a:lnTo>
                      <a:pt x="330" y="354"/>
                    </a:lnTo>
                    <a:lnTo>
                      <a:pt x="138" y="336"/>
                    </a:lnTo>
                    <a:lnTo>
                      <a:pt x="144" y="348"/>
                    </a:lnTo>
                    <a:lnTo>
                      <a:pt x="54" y="336"/>
                    </a:lnTo>
                    <a:lnTo>
                      <a:pt x="48" y="366"/>
                    </a:lnTo>
                    <a:lnTo>
                      <a:pt x="0" y="360"/>
                    </a:lnTo>
                    <a:lnTo>
                      <a:pt x="12" y="288"/>
                    </a:lnTo>
                    <a:lnTo>
                      <a:pt x="54" y="0"/>
                    </a:lnTo>
                    <a:lnTo>
                      <a:pt x="360" y="30"/>
                    </a:lnTo>
                    <a:lnTo>
                      <a:pt x="354" y="66"/>
                    </a:lnTo>
                    <a:lnTo>
                      <a:pt x="354" y="7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07" name="Freeform 86"/>
              <p:cNvSpPr>
                <a:spLocks noChangeAspect="1"/>
              </p:cNvSpPr>
              <p:nvPr/>
            </p:nvSpPr>
            <p:spPr bwMode="auto">
              <a:xfrm>
                <a:off x="2111" y="1153"/>
                <a:ext cx="234" cy="190"/>
              </a:xfrm>
              <a:custGeom>
                <a:avLst/>
                <a:gdLst>
                  <a:gd name="T0" fmla="*/ 132 w 306"/>
                  <a:gd name="T1" fmla="*/ 51 h 264"/>
                  <a:gd name="T2" fmla="*/ 132 w 306"/>
                  <a:gd name="T3" fmla="*/ 69 h 264"/>
                  <a:gd name="T4" fmla="*/ 137 w 306"/>
                  <a:gd name="T5" fmla="*/ 90 h 264"/>
                  <a:gd name="T6" fmla="*/ 137 w 306"/>
                  <a:gd name="T7" fmla="*/ 94 h 264"/>
                  <a:gd name="T8" fmla="*/ 134 w 306"/>
                  <a:gd name="T9" fmla="*/ 99 h 264"/>
                  <a:gd name="T10" fmla="*/ 132 w 306"/>
                  <a:gd name="T11" fmla="*/ 99 h 264"/>
                  <a:gd name="T12" fmla="*/ 113 w 306"/>
                  <a:gd name="T13" fmla="*/ 90 h 264"/>
                  <a:gd name="T14" fmla="*/ 105 w 306"/>
                  <a:gd name="T15" fmla="*/ 87 h 264"/>
                  <a:gd name="T16" fmla="*/ 94 w 306"/>
                  <a:gd name="T17" fmla="*/ 78 h 264"/>
                  <a:gd name="T18" fmla="*/ 3 w 306"/>
                  <a:gd name="T19" fmla="*/ 91 h 264"/>
                  <a:gd name="T20" fmla="*/ 0 w 306"/>
                  <a:gd name="T21" fmla="*/ 87 h 264"/>
                  <a:gd name="T22" fmla="*/ 16 w 306"/>
                  <a:gd name="T23" fmla="*/ 71 h 264"/>
                  <a:gd name="T24" fmla="*/ 11 w 306"/>
                  <a:gd name="T25" fmla="*/ 60 h 264"/>
                  <a:gd name="T26" fmla="*/ 29 w 306"/>
                  <a:gd name="T27" fmla="*/ 56 h 264"/>
                  <a:gd name="T28" fmla="*/ 43 w 306"/>
                  <a:gd name="T29" fmla="*/ 56 h 264"/>
                  <a:gd name="T30" fmla="*/ 59 w 306"/>
                  <a:gd name="T31" fmla="*/ 51 h 264"/>
                  <a:gd name="T32" fmla="*/ 67 w 306"/>
                  <a:gd name="T33" fmla="*/ 45 h 264"/>
                  <a:gd name="T34" fmla="*/ 64 w 306"/>
                  <a:gd name="T35" fmla="*/ 38 h 264"/>
                  <a:gd name="T36" fmla="*/ 67 w 306"/>
                  <a:gd name="T37" fmla="*/ 34 h 264"/>
                  <a:gd name="T38" fmla="*/ 64 w 306"/>
                  <a:gd name="T39" fmla="*/ 36 h 264"/>
                  <a:gd name="T40" fmla="*/ 62 w 306"/>
                  <a:gd name="T41" fmla="*/ 31 h 264"/>
                  <a:gd name="T42" fmla="*/ 78 w 306"/>
                  <a:gd name="T43" fmla="*/ 12 h 264"/>
                  <a:gd name="T44" fmla="*/ 86 w 306"/>
                  <a:gd name="T45" fmla="*/ 4 h 264"/>
                  <a:gd name="T46" fmla="*/ 115 w 306"/>
                  <a:gd name="T47" fmla="*/ 0 h 264"/>
                  <a:gd name="T48" fmla="*/ 121 w 306"/>
                  <a:gd name="T49" fmla="*/ 22 h 264"/>
                  <a:gd name="T50" fmla="*/ 123 w 306"/>
                  <a:gd name="T51" fmla="*/ 34 h 264"/>
                  <a:gd name="T52" fmla="*/ 126 w 306"/>
                  <a:gd name="T53" fmla="*/ 34 h 264"/>
                  <a:gd name="T54" fmla="*/ 132 w 306"/>
                  <a:gd name="T55" fmla="*/ 51 h 264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306"/>
                  <a:gd name="T85" fmla="*/ 0 h 264"/>
                  <a:gd name="T86" fmla="*/ 306 w 306"/>
                  <a:gd name="T87" fmla="*/ 264 h 264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306" h="264">
                    <a:moveTo>
                      <a:pt x="294" y="138"/>
                    </a:moveTo>
                    <a:lnTo>
                      <a:pt x="294" y="186"/>
                    </a:lnTo>
                    <a:lnTo>
                      <a:pt x="306" y="240"/>
                    </a:lnTo>
                    <a:lnTo>
                      <a:pt x="306" y="252"/>
                    </a:lnTo>
                    <a:lnTo>
                      <a:pt x="300" y="264"/>
                    </a:lnTo>
                    <a:lnTo>
                      <a:pt x="294" y="264"/>
                    </a:lnTo>
                    <a:lnTo>
                      <a:pt x="252" y="240"/>
                    </a:lnTo>
                    <a:lnTo>
                      <a:pt x="234" y="234"/>
                    </a:lnTo>
                    <a:lnTo>
                      <a:pt x="210" y="210"/>
                    </a:lnTo>
                    <a:lnTo>
                      <a:pt x="6" y="246"/>
                    </a:lnTo>
                    <a:lnTo>
                      <a:pt x="0" y="234"/>
                    </a:lnTo>
                    <a:lnTo>
                      <a:pt x="36" y="192"/>
                    </a:lnTo>
                    <a:lnTo>
                      <a:pt x="24" y="162"/>
                    </a:lnTo>
                    <a:lnTo>
                      <a:pt x="66" y="150"/>
                    </a:lnTo>
                    <a:lnTo>
                      <a:pt x="96" y="150"/>
                    </a:lnTo>
                    <a:lnTo>
                      <a:pt x="132" y="138"/>
                    </a:lnTo>
                    <a:lnTo>
                      <a:pt x="150" y="120"/>
                    </a:lnTo>
                    <a:lnTo>
                      <a:pt x="144" y="102"/>
                    </a:lnTo>
                    <a:lnTo>
                      <a:pt x="150" y="90"/>
                    </a:lnTo>
                    <a:lnTo>
                      <a:pt x="144" y="96"/>
                    </a:lnTo>
                    <a:lnTo>
                      <a:pt x="138" y="84"/>
                    </a:lnTo>
                    <a:lnTo>
                      <a:pt x="174" y="30"/>
                    </a:lnTo>
                    <a:lnTo>
                      <a:pt x="192" y="12"/>
                    </a:lnTo>
                    <a:lnTo>
                      <a:pt x="258" y="0"/>
                    </a:lnTo>
                    <a:lnTo>
                      <a:pt x="270" y="60"/>
                    </a:lnTo>
                    <a:lnTo>
                      <a:pt x="276" y="90"/>
                    </a:lnTo>
                    <a:lnTo>
                      <a:pt x="282" y="90"/>
                    </a:lnTo>
                    <a:lnTo>
                      <a:pt x="294" y="13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08" name="Freeform 87"/>
              <p:cNvSpPr>
                <a:spLocks noChangeAspect="1"/>
              </p:cNvSpPr>
              <p:nvPr/>
            </p:nvSpPr>
            <p:spPr bwMode="auto">
              <a:xfrm>
                <a:off x="2111" y="1153"/>
                <a:ext cx="234" cy="190"/>
              </a:xfrm>
              <a:custGeom>
                <a:avLst/>
                <a:gdLst>
                  <a:gd name="T0" fmla="*/ 132 w 306"/>
                  <a:gd name="T1" fmla="*/ 51 h 264"/>
                  <a:gd name="T2" fmla="*/ 132 w 306"/>
                  <a:gd name="T3" fmla="*/ 69 h 264"/>
                  <a:gd name="T4" fmla="*/ 137 w 306"/>
                  <a:gd name="T5" fmla="*/ 90 h 264"/>
                  <a:gd name="T6" fmla="*/ 137 w 306"/>
                  <a:gd name="T7" fmla="*/ 94 h 264"/>
                  <a:gd name="T8" fmla="*/ 134 w 306"/>
                  <a:gd name="T9" fmla="*/ 99 h 264"/>
                  <a:gd name="T10" fmla="*/ 132 w 306"/>
                  <a:gd name="T11" fmla="*/ 99 h 264"/>
                  <a:gd name="T12" fmla="*/ 113 w 306"/>
                  <a:gd name="T13" fmla="*/ 90 h 264"/>
                  <a:gd name="T14" fmla="*/ 105 w 306"/>
                  <a:gd name="T15" fmla="*/ 87 h 264"/>
                  <a:gd name="T16" fmla="*/ 94 w 306"/>
                  <a:gd name="T17" fmla="*/ 78 h 264"/>
                  <a:gd name="T18" fmla="*/ 3 w 306"/>
                  <a:gd name="T19" fmla="*/ 91 h 264"/>
                  <a:gd name="T20" fmla="*/ 0 w 306"/>
                  <a:gd name="T21" fmla="*/ 87 h 264"/>
                  <a:gd name="T22" fmla="*/ 16 w 306"/>
                  <a:gd name="T23" fmla="*/ 71 h 264"/>
                  <a:gd name="T24" fmla="*/ 11 w 306"/>
                  <a:gd name="T25" fmla="*/ 60 h 264"/>
                  <a:gd name="T26" fmla="*/ 29 w 306"/>
                  <a:gd name="T27" fmla="*/ 56 h 264"/>
                  <a:gd name="T28" fmla="*/ 43 w 306"/>
                  <a:gd name="T29" fmla="*/ 56 h 264"/>
                  <a:gd name="T30" fmla="*/ 59 w 306"/>
                  <a:gd name="T31" fmla="*/ 51 h 264"/>
                  <a:gd name="T32" fmla="*/ 67 w 306"/>
                  <a:gd name="T33" fmla="*/ 45 h 264"/>
                  <a:gd name="T34" fmla="*/ 64 w 306"/>
                  <a:gd name="T35" fmla="*/ 38 h 264"/>
                  <a:gd name="T36" fmla="*/ 67 w 306"/>
                  <a:gd name="T37" fmla="*/ 34 h 264"/>
                  <a:gd name="T38" fmla="*/ 64 w 306"/>
                  <a:gd name="T39" fmla="*/ 36 h 264"/>
                  <a:gd name="T40" fmla="*/ 62 w 306"/>
                  <a:gd name="T41" fmla="*/ 31 h 264"/>
                  <a:gd name="T42" fmla="*/ 78 w 306"/>
                  <a:gd name="T43" fmla="*/ 12 h 264"/>
                  <a:gd name="T44" fmla="*/ 86 w 306"/>
                  <a:gd name="T45" fmla="*/ 4 h 264"/>
                  <a:gd name="T46" fmla="*/ 115 w 306"/>
                  <a:gd name="T47" fmla="*/ 0 h 264"/>
                  <a:gd name="T48" fmla="*/ 121 w 306"/>
                  <a:gd name="T49" fmla="*/ 22 h 264"/>
                  <a:gd name="T50" fmla="*/ 123 w 306"/>
                  <a:gd name="T51" fmla="*/ 34 h 264"/>
                  <a:gd name="T52" fmla="*/ 126 w 306"/>
                  <a:gd name="T53" fmla="*/ 34 h 264"/>
                  <a:gd name="T54" fmla="*/ 132 w 306"/>
                  <a:gd name="T55" fmla="*/ 51 h 264"/>
                  <a:gd name="T56" fmla="*/ 132 w 306"/>
                  <a:gd name="T57" fmla="*/ 54 h 264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w 306"/>
                  <a:gd name="T88" fmla="*/ 0 h 264"/>
                  <a:gd name="T89" fmla="*/ 306 w 306"/>
                  <a:gd name="T90" fmla="*/ 264 h 264"/>
                </a:gdLst>
                <a:ahLst/>
                <a:cxnLst>
                  <a:cxn ang="T58">
                    <a:pos x="T0" y="T1"/>
                  </a:cxn>
                  <a:cxn ang="T59">
                    <a:pos x="T2" y="T3"/>
                  </a:cxn>
                  <a:cxn ang="T60">
                    <a:pos x="T4" y="T5"/>
                  </a:cxn>
                  <a:cxn ang="T61">
                    <a:pos x="T6" y="T7"/>
                  </a:cxn>
                  <a:cxn ang="T62">
                    <a:pos x="T8" y="T9"/>
                  </a:cxn>
                  <a:cxn ang="T63">
                    <a:pos x="T10" y="T11"/>
                  </a:cxn>
                  <a:cxn ang="T64">
                    <a:pos x="T12" y="T13"/>
                  </a:cxn>
                  <a:cxn ang="T65">
                    <a:pos x="T14" y="T15"/>
                  </a:cxn>
                  <a:cxn ang="T66">
                    <a:pos x="T16" y="T17"/>
                  </a:cxn>
                  <a:cxn ang="T67">
                    <a:pos x="T18" y="T19"/>
                  </a:cxn>
                  <a:cxn ang="T68">
                    <a:pos x="T20" y="T21"/>
                  </a:cxn>
                  <a:cxn ang="T69">
                    <a:pos x="T22" y="T23"/>
                  </a:cxn>
                  <a:cxn ang="T70">
                    <a:pos x="T24" y="T25"/>
                  </a:cxn>
                  <a:cxn ang="T71">
                    <a:pos x="T26" y="T27"/>
                  </a:cxn>
                  <a:cxn ang="T72">
                    <a:pos x="T28" y="T29"/>
                  </a:cxn>
                  <a:cxn ang="T73">
                    <a:pos x="T30" y="T31"/>
                  </a:cxn>
                  <a:cxn ang="T74">
                    <a:pos x="T32" y="T33"/>
                  </a:cxn>
                  <a:cxn ang="T75">
                    <a:pos x="T34" y="T35"/>
                  </a:cxn>
                  <a:cxn ang="T76">
                    <a:pos x="T36" y="T37"/>
                  </a:cxn>
                  <a:cxn ang="T77">
                    <a:pos x="T38" y="T39"/>
                  </a:cxn>
                  <a:cxn ang="T78">
                    <a:pos x="T40" y="T41"/>
                  </a:cxn>
                  <a:cxn ang="T79">
                    <a:pos x="T42" y="T43"/>
                  </a:cxn>
                  <a:cxn ang="T80">
                    <a:pos x="T44" y="T45"/>
                  </a:cxn>
                  <a:cxn ang="T81">
                    <a:pos x="T46" y="T47"/>
                  </a:cxn>
                  <a:cxn ang="T82">
                    <a:pos x="T48" y="T49"/>
                  </a:cxn>
                  <a:cxn ang="T83">
                    <a:pos x="T50" y="T51"/>
                  </a:cxn>
                  <a:cxn ang="T84">
                    <a:pos x="T52" y="T53"/>
                  </a:cxn>
                  <a:cxn ang="T85">
                    <a:pos x="T54" y="T55"/>
                  </a:cxn>
                  <a:cxn ang="T86">
                    <a:pos x="T56" y="T57"/>
                  </a:cxn>
                </a:cxnLst>
                <a:rect l="T87" t="T88" r="T89" b="T90"/>
                <a:pathLst>
                  <a:path w="306" h="264">
                    <a:moveTo>
                      <a:pt x="294" y="138"/>
                    </a:moveTo>
                    <a:lnTo>
                      <a:pt x="294" y="186"/>
                    </a:lnTo>
                    <a:lnTo>
                      <a:pt x="306" y="240"/>
                    </a:lnTo>
                    <a:lnTo>
                      <a:pt x="306" y="252"/>
                    </a:lnTo>
                    <a:lnTo>
                      <a:pt x="300" y="264"/>
                    </a:lnTo>
                    <a:lnTo>
                      <a:pt x="294" y="264"/>
                    </a:lnTo>
                    <a:lnTo>
                      <a:pt x="252" y="240"/>
                    </a:lnTo>
                    <a:lnTo>
                      <a:pt x="234" y="234"/>
                    </a:lnTo>
                    <a:lnTo>
                      <a:pt x="210" y="210"/>
                    </a:lnTo>
                    <a:lnTo>
                      <a:pt x="6" y="246"/>
                    </a:lnTo>
                    <a:lnTo>
                      <a:pt x="0" y="234"/>
                    </a:lnTo>
                    <a:lnTo>
                      <a:pt x="36" y="192"/>
                    </a:lnTo>
                    <a:lnTo>
                      <a:pt x="24" y="162"/>
                    </a:lnTo>
                    <a:lnTo>
                      <a:pt x="66" y="150"/>
                    </a:lnTo>
                    <a:lnTo>
                      <a:pt x="96" y="150"/>
                    </a:lnTo>
                    <a:lnTo>
                      <a:pt x="132" y="138"/>
                    </a:lnTo>
                    <a:lnTo>
                      <a:pt x="150" y="120"/>
                    </a:lnTo>
                    <a:lnTo>
                      <a:pt x="144" y="102"/>
                    </a:lnTo>
                    <a:lnTo>
                      <a:pt x="150" y="90"/>
                    </a:lnTo>
                    <a:lnTo>
                      <a:pt x="144" y="96"/>
                    </a:lnTo>
                    <a:lnTo>
                      <a:pt x="138" y="84"/>
                    </a:lnTo>
                    <a:lnTo>
                      <a:pt x="174" y="30"/>
                    </a:lnTo>
                    <a:lnTo>
                      <a:pt x="192" y="12"/>
                    </a:lnTo>
                    <a:lnTo>
                      <a:pt x="258" y="0"/>
                    </a:lnTo>
                    <a:lnTo>
                      <a:pt x="270" y="60"/>
                    </a:lnTo>
                    <a:lnTo>
                      <a:pt x="276" y="90"/>
                    </a:lnTo>
                    <a:lnTo>
                      <a:pt x="282" y="90"/>
                    </a:lnTo>
                    <a:lnTo>
                      <a:pt x="294" y="138"/>
                    </a:lnTo>
                    <a:lnTo>
                      <a:pt x="294" y="14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09" name="Freeform 88"/>
              <p:cNvSpPr>
                <a:spLocks noChangeAspect="1"/>
              </p:cNvSpPr>
              <p:nvPr/>
            </p:nvSpPr>
            <p:spPr bwMode="auto">
              <a:xfrm>
                <a:off x="2308" y="1555"/>
                <a:ext cx="23" cy="31"/>
              </a:xfrm>
              <a:custGeom>
                <a:avLst/>
                <a:gdLst>
                  <a:gd name="T0" fmla="*/ 0 w 30"/>
                  <a:gd name="T1" fmla="*/ 0 h 42"/>
                  <a:gd name="T2" fmla="*/ 14 w 30"/>
                  <a:gd name="T3" fmla="*/ 17 h 42"/>
                  <a:gd name="T4" fmla="*/ 0 w 30"/>
                  <a:gd name="T5" fmla="*/ 0 h 42"/>
                  <a:gd name="T6" fmla="*/ 0 w 30"/>
                  <a:gd name="T7" fmla="*/ 2 h 42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30"/>
                  <a:gd name="T13" fmla="*/ 0 h 42"/>
                  <a:gd name="T14" fmla="*/ 30 w 30"/>
                  <a:gd name="T15" fmla="*/ 42 h 42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30" h="42">
                    <a:moveTo>
                      <a:pt x="0" y="0"/>
                    </a:moveTo>
                    <a:lnTo>
                      <a:pt x="30" y="42"/>
                    </a:lnTo>
                    <a:lnTo>
                      <a:pt x="0" y="0"/>
                    </a:lnTo>
                    <a:lnTo>
                      <a:pt x="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10" name="Freeform 89"/>
              <p:cNvSpPr>
                <a:spLocks noChangeAspect="1"/>
              </p:cNvSpPr>
              <p:nvPr/>
            </p:nvSpPr>
            <p:spPr bwMode="auto">
              <a:xfrm>
                <a:off x="1993" y="1555"/>
                <a:ext cx="334" cy="139"/>
              </a:xfrm>
              <a:custGeom>
                <a:avLst/>
                <a:gdLst>
                  <a:gd name="T0" fmla="*/ 194 w 438"/>
                  <a:gd name="T1" fmla="*/ 20 h 192"/>
                  <a:gd name="T2" fmla="*/ 186 w 438"/>
                  <a:gd name="T3" fmla="*/ 30 h 192"/>
                  <a:gd name="T4" fmla="*/ 178 w 438"/>
                  <a:gd name="T5" fmla="*/ 30 h 192"/>
                  <a:gd name="T6" fmla="*/ 175 w 438"/>
                  <a:gd name="T7" fmla="*/ 25 h 192"/>
                  <a:gd name="T8" fmla="*/ 172 w 438"/>
                  <a:gd name="T9" fmla="*/ 28 h 192"/>
                  <a:gd name="T10" fmla="*/ 175 w 438"/>
                  <a:gd name="T11" fmla="*/ 30 h 192"/>
                  <a:gd name="T12" fmla="*/ 165 w 438"/>
                  <a:gd name="T13" fmla="*/ 30 h 192"/>
                  <a:gd name="T14" fmla="*/ 178 w 438"/>
                  <a:gd name="T15" fmla="*/ 32 h 192"/>
                  <a:gd name="T16" fmla="*/ 172 w 438"/>
                  <a:gd name="T17" fmla="*/ 41 h 192"/>
                  <a:gd name="T18" fmla="*/ 165 w 438"/>
                  <a:gd name="T19" fmla="*/ 39 h 192"/>
                  <a:gd name="T20" fmla="*/ 172 w 438"/>
                  <a:gd name="T21" fmla="*/ 41 h 192"/>
                  <a:gd name="T22" fmla="*/ 181 w 438"/>
                  <a:gd name="T23" fmla="*/ 37 h 192"/>
                  <a:gd name="T24" fmla="*/ 184 w 438"/>
                  <a:gd name="T25" fmla="*/ 41 h 192"/>
                  <a:gd name="T26" fmla="*/ 181 w 438"/>
                  <a:gd name="T27" fmla="*/ 46 h 192"/>
                  <a:gd name="T28" fmla="*/ 175 w 438"/>
                  <a:gd name="T29" fmla="*/ 43 h 192"/>
                  <a:gd name="T30" fmla="*/ 168 w 438"/>
                  <a:gd name="T31" fmla="*/ 48 h 192"/>
                  <a:gd name="T32" fmla="*/ 165 w 438"/>
                  <a:gd name="T33" fmla="*/ 48 h 192"/>
                  <a:gd name="T34" fmla="*/ 165 w 438"/>
                  <a:gd name="T35" fmla="*/ 52 h 192"/>
                  <a:gd name="T36" fmla="*/ 160 w 438"/>
                  <a:gd name="T37" fmla="*/ 48 h 192"/>
                  <a:gd name="T38" fmla="*/ 162 w 438"/>
                  <a:gd name="T39" fmla="*/ 54 h 192"/>
                  <a:gd name="T40" fmla="*/ 154 w 438"/>
                  <a:gd name="T41" fmla="*/ 62 h 192"/>
                  <a:gd name="T42" fmla="*/ 154 w 438"/>
                  <a:gd name="T43" fmla="*/ 68 h 192"/>
                  <a:gd name="T44" fmla="*/ 152 w 438"/>
                  <a:gd name="T45" fmla="*/ 66 h 192"/>
                  <a:gd name="T46" fmla="*/ 149 w 438"/>
                  <a:gd name="T47" fmla="*/ 71 h 192"/>
                  <a:gd name="T48" fmla="*/ 138 w 438"/>
                  <a:gd name="T49" fmla="*/ 73 h 192"/>
                  <a:gd name="T50" fmla="*/ 136 w 438"/>
                  <a:gd name="T51" fmla="*/ 73 h 192"/>
                  <a:gd name="T52" fmla="*/ 109 w 438"/>
                  <a:gd name="T53" fmla="*/ 54 h 192"/>
                  <a:gd name="T54" fmla="*/ 82 w 438"/>
                  <a:gd name="T55" fmla="*/ 59 h 192"/>
                  <a:gd name="T56" fmla="*/ 75 w 438"/>
                  <a:gd name="T57" fmla="*/ 51 h 192"/>
                  <a:gd name="T58" fmla="*/ 45 w 438"/>
                  <a:gd name="T59" fmla="*/ 54 h 192"/>
                  <a:gd name="T60" fmla="*/ 29 w 438"/>
                  <a:gd name="T61" fmla="*/ 62 h 192"/>
                  <a:gd name="T62" fmla="*/ 0 w 438"/>
                  <a:gd name="T63" fmla="*/ 64 h 192"/>
                  <a:gd name="T64" fmla="*/ 0 w 438"/>
                  <a:gd name="T65" fmla="*/ 57 h 192"/>
                  <a:gd name="T66" fmla="*/ 8 w 438"/>
                  <a:gd name="T67" fmla="*/ 57 h 192"/>
                  <a:gd name="T68" fmla="*/ 11 w 438"/>
                  <a:gd name="T69" fmla="*/ 51 h 192"/>
                  <a:gd name="T70" fmla="*/ 29 w 438"/>
                  <a:gd name="T71" fmla="*/ 41 h 192"/>
                  <a:gd name="T72" fmla="*/ 34 w 438"/>
                  <a:gd name="T73" fmla="*/ 34 h 192"/>
                  <a:gd name="T74" fmla="*/ 37 w 438"/>
                  <a:gd name="T75" fmla="*/ 37 h 192"/>
                  <a:gd name="T76" fmla="*/ 50 w 438"/>
                  <a:gd name="T77" fmla="*/ 30 h 192"/>
                  <a:gd name="T78" fmla="*/ 56 w 438"/>
                  <a:gd name="T79" fmla="*/ 25 h 192"/>
                  <a:gd name="T80" fmla="*/ 56 w 438"/>
                  <a:gd name="T81" fmla="*/ 18 h 192"/>
                  <a:gd name="T82" fmla="*/ 181 w 438"/>
                  <a:gd name="T83" fmla="*/ 0 h 192"/>
                  <a:gd name="T84" fmla="*/ 189 w 438"/>
                  <a:gd name="T85" fmla="*/ 9 h 192"/>
                  <a:gd name="T86" fmla="*/ 184 w 438"/>
                  <a:gd name="T87" fmla="*/ 5 h 192"/>
                  <a:gd name="T88" fmla="*/ 186 w 438"/>
                  <a:gd name="T89" fmla="*/ 9 h 192"/>
                  <a:gd name="T90" fmla="*/ 181 w 438"/>
                  <a:gd name="T91" fmla="*/ 7 h 192"/>
                  <a:gd name="T92" fmla="*/ 184 w 438"/>
                  <a:gd name="T93" fmla="*/ 9 h 192"/>
                  <a:gd name="T94" fmla="*/ 178 w 438"/>
                  <a:gd name="T95" fmla="*/ 9 h 192"/>
                  <a:gd name="T96" fmla="*/ 178 w 438"/>
                  <a:gd name="T97" fmla="*/ 12 h 192"/>
                  <a:gd name="T98" fmla="*/ 175 w 438"/>
                  <a:gd name="T99" fmla="*/ 12 h 192"/>
                  <a:gd name="T100" fmla="*/ 175 w 438"/>
                  <a:gd name="T101" fmla="*/ 14 h 192"/>
                  <a:gd name="T102" fmla="*/ 170 w 438"/>
                  <a:gd name="T103" fmla="*/ 14 h 192"/>
                  <a:gd name="T104" fmla="*/ 165 w 438"/>
                  <a:gd name="T105" fmla="*/ 7 h 192"/>
                  <a:gd name="T106" fmla="*/ 170 w 438"/>
                  <a:gd name="T107" fmla="*/ 18 h 192"/>
                  <a:gd name="T108" fmla="*/ 184 w 438"/>
                  <a:gd name="T109" fmla="*/ 14 h 192"/>
                  <a:gd name="T110" fmla="*/ 184 w 438"/>
                  <a:gd name="T111" fmla="*/ 20 h 192"/>
                  <a:gd name="T112" fmla="*/ 186 w 438"/>
                  <a:gd name="T113" fmla="*/ 20 h 192"/>
                  <a:gd name="T114" fmla="*/ 189 w 438"/>
                  <a:gd name="T115" fmla="*/ 14 h 192"/>
                  <a:gd name="T116" fmla="*/ 194 w 438"/>
                  <a:gd name="T117" fmla="*/ 20 h 192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w 438"/>
                  <a:gd name="T178" fmla="*/ 0 h 192"/>
                  <a:gd name="T179" fmla="*/ 438 w 438"/>
                  <a:gd name="T180" fmla="*/ 192 h 192"/>
                </a:gdLst>
                <a:ahLst/>
                <a:cxnLst>
                  <a:cxn ang="T118">
                    <a:pos x="T0" y="T1"/>
                  </a:cxn>
                  <a:cxn ang="T119">
                    <a:pos x="T2" y="T3"/>
                  </a:cxn>
                  <a:cxn ang="T120">
                    <a:pos x="T4" y="T5"/>
                  </a:cxn>
                  <a:cxn ang="T121">
                    <a:pos x="T6" y="T7"/>
                  </a:cxn>
                  <a:cxn ang="T122">
                    <a:pos x="T8" y="T9"/>
                  </a:cxn>
                  <a:cxn ang="T123">
                    <a:pos x="T10" y="T11"/>
                  </a:cxn>
                  <a:cxn ang="T124">
                    <a:pos x="T12" y="T13"/>
                  </a:cxn>
                  <a:cxn ang="T125">
                    <a:pos x="T14" y="T15"/>
                  </a:cxn>
                  <a:cxn ang="T126">
                    <a:pos x="T16" y="T17"/>
                  </a:cxn>
                  <a:cxn ang="T127">
                    <a:pos x="T18" y="T19"/>
                  </a:cxn>
                  <a:cxn ang="T128">
                    <a:pos x="T20" y="T21"/>
                  </a:cxn>
                  <a:cxn ang="T129">
                    <a:pos x="T22" y="T23"/>
                  </a:cxn>
                  <a:cxn ang="T130">
                    <a:pos x="T24" y="T25"/>
                  </a:cxn>
                  <a:cxn ang="T131">
                    <a:pos x="T26" y="T27"/>
                  </a:cxn>
                  <a:cxn ang="T132">
                    <a:pos x="T28" y="T29"/>
                  </a:cxn>
                  <a:cxn ang="T133">
                    <a:pos x="T30" y="T31"/>
                  </a:cxn>
                  <a:cxn ang="T134">
                    <a:pos x="T32" y="T33"/>
                  </a:cxn>
                  <a:cxn ang="T135">
                    <a:pos x="T34" y="T35"/>
                  </a:cxn>
                  <a:cxn ang="T136">
                    <a:pos x="T36" y="T37"/>
                  </a:cxn>
                  <a:cxn ang="T137">
                    <a:pos x="T38" y="T39"/>
                  </a:cxn>
                  <a:cxn ang="T138">
                    <a:pos x="T40" y="T41"/>
                  </a:cxn>
                  <a:cxn ang="T139">
                    <a:pos x="T42" y="T43"/>
                  </a:cxn>
                  <a:cxn ang="T140">
                    <a:pos x="T44" y="T45"/>
                  </a:cxn>
                  <a:cxn ang="T141">
                    <a:pos x="T46" y="T47"/>
                  </a:cxn>
                  <a:cxn ang="T142">
                    <a:pos x="T48" y="T49"/>
                  </a:cxn>
                  <a:cxn ang="T143">
                    <a:pos x="T50" y="T51"/>
                  </a:cxn>
                  <a:cxn ang="T144">
                    <a:pos x="T52" y="T53"/>
                  </a:cxn>
                  <a:cxn ang="T145">
                    <a:pos x="T54" y="T55"/>
                  </a:cxn>
                  <a:cxn ang="T146">
                    <a:pos x="T56" y="T57"/>
                  </a:cxn>
                  <a:cxn ang="T147">
                    <a:pos x="T58" y="T59"/>
                  </a:cxn>
                  <a:cxn ang="T148">
                    <a:pos x="T60" y="T61"/>
                  </a:cxn>
                  <a:cxn ang="T149">
                    <a:pos x="T62" y="T63"/>
                  </a:cxn>
                  <a:cxn ang="T150">
                    <a:pos x="T64" y="T65"/>
                  </a:cxn>
                  <a:cxn ang="T151">
                    <a:pos x="T66" y="T67"/>
                  </a:cxn>
                  <a:cxn ang="T152">
                    <a:pos x="T68" y="T69"/>
                  </a:cxn>
                  <a:cxn ang="T153">
                    <a:pos x="T70" y="T71"/>
                  </a:cxn>
                  <a:cxn ang="T154">
                    <a:pos x="T72" y="T73"/>
                  </a:cxn>
                  <a:cxn ang="T155">
                    <a:pos x="T74" y="T75"/>
                  </a:cxn>
                  <a:cxn ang="T156">
                    <a:pos x="T76" y="T77"/>
                  </a:cxn>
                  <a:cxn ang="T157">
                    <a:pos x="T78" y="T79"/>
                  </a:cxn>
                  <a:cxn ang="T158">
                    <a:pos x="T80" y="T81"/>
                  </a:cxn>
                  <a:cxn ang="T159">
                    <a:pos x="T82" y="T83"/>
                  </a:cxn>
                  <a:cxn ang="T160">
                    <a:pos x="T84" y="T85"/>
                  </a:cxn>
                  <a:cxn ang="T161">
                    <a:pos x="T86" y="T87"/>
                  </a:cxn>
                  <a:cxn ang="T162">
                    <a:pos x="T88" y="T89"/>
                  </a:cxn>
                  <a:cxn ang="T163">
                    <a:pos x="T90" y="T91"/>
                  </a:cxn>
                  <a:cxn ang="T164">
                    <a:pos x="T92" y="T93"/>
                  </a:cxn>
                  <a:cxn ang="T165">
                    <a:pos x="T94" y="T95"/>
                  </a:cxn>
                  <a:cxn ang="T166">
                    <a:pos x="T96" y="T97"/>
                  </a:cxn>
                  <a:cxn ang="T167">
                    <a:pos x="T98" y="T99"/>
                  </a:cxn>
                  <a:cxn ang="T168">
                    <a:pos x="T100" y="T101"/>
                  </a:cxn>
                  <a:cxn ang="T169">
                    <a:pos x="T102" y="T103"/>
                  </a:cxn>
                  <a:cxn ang="T170">
                    <a:pos x="T104" y="T105"/>
                  </a:cxn>
                  <a:cxn ang="T171">
                    <a:pos x="T106" y="T107"/>
                  </a:cxn>
                  <a:cxn ang="T172">
                    <a:pos x="T108" y="T109"/>
                  </a:cxn>
                  <a:cxn ang="T173">
                    <a:pos x="T110" y="T111"/>
                  </a:cxn>
                  <a:cxn ang="T174">
                    <a:pos x="T112" y="T113"/>
                  </a:cxn>
                  <a:cxn ang="T175">
                    <a:pos x="T114" y="T115"/>
                  </a:cxn>
                  <a:cxn ang="T176">
                    <a:pos x="T116" y="T117"/>
                  </a:cxn>
                </a:cxnLst>
                <a:rect l="T177" t="T178" r="T179" b="T180"/>
                <a:pathLst>
                  <a:path w="438" h="192">
                    <a:moveTo>
                      <a:pt x="438" y="54"/>
                    </a:moveTo>
                    <a:lnTo>
                      <a:pt x="420" y="78"/>
                    </a:lnTo>
                    <a:lnTo>
                      <a:pt x="402" y="78"/>
                    </a:lnTo>
                    <a:lnTo>
                      <a:pt x="396" y="66"/>
                    </a:lnTo>
                    <a:lnTo>
                      <a:pt x="390" y="72"/>
                    </a:lnTo>
                    <a:lnTo>
                      <a:pt x="396" y="78"/>
                    </a:lnTo>
                    <a:lnTo>
                      <a:pt x="372" y="78"/>
                    </a:lnTo>
                    <a:lnTo>
                      <a:pt x="402" y="84"/>
                    </a:lnTo>
                    <a:lnTo>
                      <a:pt x="390" y="108"/>
                    </a:lnTo>
                    <a:lnTo>
                      <a:pt x="372" y="102"/>
                    </a:lnTo>
                    <a:lnTo>
                      <a:pt x="390" y="108"/>
                    </a:lnTo>
                    <a:lnTo>
                      <a:pt x="408" y="96"/>
                    </a:lnTo>
                    <a:lnTo>
                      <a:pt x="414" y="108"/>
                    </a:lnTo>
                    <a:lnTo>
                      <a:pt x="408" y="120"/>
                    </a:lnTo>
                    <a:lnTo>
                      <a:pt x="396" y="114"/>
                    </a:lnTo>
                    <a:lnTo>
                      <a:pt x="378" y="126"/>
                    </a:lnTo>
                    <a:lnTo>
                      <a:pt x="372" y="126"/>
                    </a:lnTo>
                    <a:lnTo>
                      <a:pt x="372" y="138"/>
                    </a:lnTo>
                    <a:lnTo>
                      <a:pt x="360" y="126"/>
                    </a:lnTo>
                    <a:lnTo>
                      <a:pt x="366" y="144"/>
                    </a:lnTo>
                    <a:lnTo>
                      <a:pt x="348" y="162"/>
                    </a:lnTo>
                    <a:lnTo>
                      <a:pt x="348" y="180"/>
                    </a:lnTo>
                    <a:lnTo>
                      <a:pt x="342" y="174"/>
                    </a:lnTo>
                    <a:lnTo>
                      <a:pt x="336" y="186"/>
                    </a:lnTo>
                    <a:lnTo>
                      <a:pt x="312" y="192"/>
                    </a:lnTo>
                    <a:lnTo>
                      <a:pt x="306" y="192"/>
                    </a:lnTo>
                    <a:lnTo>
                      <a:pt x="246" y="144"/>
                    </a:lnTo>
                    <a:lnTo>
                      <a:pt x="186" y="156"/>
                    </a:lnTo>
                    <a:lnTo>
                      <a:pt x="168" y="132"/>
                    </a:lnTo>
                    <a:lnTo>
                      <a:pt x="102" y="144"/>
                    </a:lnTo>
                    <a:lnTo>
                      <a:pt x="66" y="162"/>
                    </a:lnTo>
                    <a:lnTo>
                      <a:pt x="0" y="168"/>
                    </a:lnTo>
                    <a:lnTo>
                      <a:pt x="0" y="150"/>
                    </a:lnTo>
                    <a:lnTo>
                      <a:pt x="18" y="150"/>
                    </a:lnTo>
                    <a:lnTo>
                      <a:pt x="24" y="132"/>
                    </a:lnTo>
                    <a:lnTo>
                      <a:pt x="66" y="108"/>
                    </a:lnTo>
                    <a:lnTo>
                      <a:pt x="78" y="90"/>
                    </a:lnTo>
                    <a:lnTo>
                      <a:pt x="84" y="96"/>
                    </a:lnTo>
                    <a:lnTo>
                      <a:pt x="114" y="78"/>
                    </a:lnTo>
                    <a:lnTo>
                      <a:pt x="126" y="66"/>
                    </a:lnTo>
                    <a:lnTo>
                      <a:pt x="126" y="48"/>
                    </a:lnTo>
                    <a:lnTo>
                      <a:pt x="408" y="0"/>
                    </a:lnTo>
                    <a:lnTo>
                      <a:pt x="426" y="24"/>
                    </a:lnTo>
                    <a:lnTo>
                      <a:pt x="414" y="12"/>
                    </a:lnTo>
                    <a:lnTo>
                      <a:pt x="420" y="24"/>
                    </a:lnTo>
                    <a:lnTo>
                      <a:pt x="408" y="18"/>
                    </a:lnTo>
                    <a:lnTo>
                      <a:pt x="414" y="24"/>
                    </a:lnTo>
                    <a:lnTo>
                      <a:pt x="402" y="24"/>
                    </a:lnTo>
                    <a:lnTo>
                      <a:pt x="402" y="30"/>
                    </a:lnTo>
                    <a:lnTo>
                      <a:pt x="396" y="30"/>
                    </a:lnTo>
                    <a:lnTo>
                      <a:pt x="396" y="36"/>
                    </a:lnTo>
                    <a:lnTo>
                      <a:pt x="384" y="36"/>
                    </a:lnTo>
                    <a:lnTo>
                      <a:pt x="372" y="18"/>
                    </a:lnTo>
                    <a:lnTo>
                      <a:pt x="384" y="48"/>
                    </a:lnTo>
                    <a:lnTo>
                      <a:pt x="414" y="36"/>
                    </a:lnTo>
                    <a:lnTo>
                      <a:pt x="414" y="54"/>
                    </a:lnTo>
                    <a:lnTo>
                      <a:pt x="420" y="54"/>
                    </a:lnTo>
                    <a:lnTo>
                      <a:pt x="426" y="36"/>
                    </a:lnTo>
                    <a:lnTo>
                      <a:pt x="438" y="5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11" name="Freeform 90"/>
              <p:cNvSpPr>
                <a:spLocks noChangeAspect="1"/>
              </p:cNvSpPr>
              <p:nvPr/>
            </p:nvSpPr>
            <p:spPr bwMode="auto">
              <a:xfrm>
                <a:off x="1993" y="1555"/>
                <a:ext cx="334" cy="139"/>
              </a:xfrm>
              <a:custGeom>
                <a:avLst/>
                <a:gdLst>
                  <a:gd name="T0" fmla="*/ 194 w 438"/>
                  <a:gd name="T1" fmla="*/ 20 h 192"/>
                  <a:gd name="T2" fmla="*/ 186 w 438"/>
                  <a:gd name="T3" fmla="*/ 30 h 192"/>
                  <a:gd name="T4" fmla="*/ 178 w 438"/>
                  <a:gd name="T5" fmla="*/ 30 h 192"/>
                  <a:gd name="T6" fmla="*/ 175 w 438"/>
                  <a:gd name="T7" fmla="*/ 25 h 192"/>
                  <a:gd name="T8" fmla="*/ 172 w 438"/>
                  <a:gd name="T9" fmla="*/ 28 h 192"/>
                  <a:gd name="T10" fmla="*/ 175 w 438"/>
                  <a:gd name="T11" fmla="*/ 30 h 192"/>
                  <a:gd name="T12" fmla="*/ 165 w 438"/>
                  <a:gd name="T13" fmla="*/ 30 h 192"/>
                  <a:gd name="T14" fmla="*/ 178 w 438"/>
                  <a:gd name="T15" fmla="*/ 32 h 192"/>
                  <a:gd name="T16" fmla="*/ 172 w 438"/>
                  <a:gd name="T17" fmla="*/ 41 h 192"/>
                  <a:gd name="T18" fmla="*/ 165 w 438"/>
                  <a:gd name="T19" fmla="*/ 39 h 192"/>
                  <a:gd name="T20" fmla="*/ 172 w 438"/>
                  <a:gd name="T21" fmla="*/ 41 h 192"/>
                  <a:gd name="T22" fmla="*/ 181 w 438"/>
                  <a:gd name="T23" fmla="*/ 37 h 192"/>
                  <a:gd name="T24" fmla="*/ 184 w 438"/>
                  <a:gd name="T25" fmla="*/ 41 h 192"/>
                  <a:gd name="T26" fmla="*/ 181 w 438"/>
                  <a:gd name="T27" fmla="*/ 46 h 192"/>
                  <a:gd name="T28" fmla="*/ 175 w 438"/>
                  <a:gd name="T29" fmla="*/ 43 h 192"/>
                  <a:gd name="T30" fmla="*/ 168 w 438"/>
                  <a:gd name="T31" fmla="*/ 48 h 192"/>
                  <a:gd name="T32" fmla="*/ 165 w 438"/>
                  <a:gd name="T33" fmla="*/ 48 h 192"/>
                  <a:gd name="T34" fmla="*/ 165 w 438"/>
                  <a:gd name="T35" fmla="*/ 52 h 192"/>
                  <a:gd name="T36" fmla="*/ 160 w 438"/>
                  <a:gd name="T37" fmla="*/ 48 h 192"/>
                  <a:gd name="T38" fmla="*/ 162 w 438"/>
                  <a:gd name="T39" fmla="*/ 54 h 192"/>
                  <a:gd name="T40" fmla="*/ 154 w 438"/>
                  <a:gd name="T41" fmla="*/ 62 h 192"/>
                  <a:gd name="T42" fmla="*/ 154 w 438"/>
                  <a:gd name="T43" fmla="*/ 68 h 192"/>
                  <a:gd name="T44" fmla="*/ 152 w 438"/>
                  <a:gd name="T45" fmla="*/ 66 h 192"/>
                  <a:gd name="T46" fmla="*/ 149 w 438"/>
                  <a:gd name="T47" fmla="*/ 71 h 192"/>
                  <a:gd name="T48" fmla="*/ 138 w 438"/>
                  <a:gd name="T49" fmla="*/ 73 h 192"/>
                  <a:gd name="T50" fmla="*/ 136 w 438"/>
                  <a:gd name="T51" fmla="*/ 73 h 192"/>
                  <a:gd name="T52" fmla="*/ 109 w 438"/>
                  <a:gd name="T53" fmla="*/ 54 h 192"/>
                  <a:gd name="T54" fmla="*/ 82 w 438"/>
                  <a:gd name="T55" fmla="*/ 59 h 192"/>
                  <a:gd name="T56" fmla="*/ 75 w 438"/>
                  <a:gd name="T57" fmla="*/ 51 h 192"/>
                  <a:gd name="T58" fmla="*/ 45 w 438"/>
                  <a:gd name="T59" fmla="*/ 54 h 192"/>
                  <a:gd name="T60" fmla="*/ 29 w 438"/>
                  <a:gd name="T61" fmla="*/ 62 h 192"/>
                  <a:gd name="T62" fmla="*/ 0 w 438"/>
                  <a:gd name="T63" fmla="*/ 64 h 192"/>
                  <a:gd name="T64" fmla="*/ 0 w 438"/>
                  <a:gd name="T65" fmla="*/ 57 h 192"/>
                  <a:gd name="T66" fmla="*/ 8 w 438"/>
                  <a:gd name="T67" fmla="*/ 57 h 192"/>
                  <a:gd name="T68" fmla="*/ 11 w 438"/>
                  <a:gd name="T69" fmla="*/ 51 h 192"/>
                  <a:gd name="T70" fmla="*/ 29 w 438"/>
                  <a:gd name="T71" fmla="*/ 41 h 192"/>
                  <a:gd name="T72" fmla="*/ 34 w 438"/>
                  <a:gd name="T73" fmla="*/ 34 h 192"/>
                  <a:gd name="T74" fmla="*/ 37 w 438"/>
                  <a:gd name="T75" fmla="*/ 37 h 192"/>
                  <a:gd name="T76" fmla="*/ 50 w 438"/>
                  <a:gd name="T77" fmla="*/ 30 h 192"/>
                  <a:gd name="T78" fmla="*/ 56 w 438"/>
                  <a:gd name="T79" fmla="*/ 25 h 192"/>
                  <a:gd name="T80" fmla="*/ 56 w 438"/>
                  <a:gd name="T81" fmla="*/ 18 h 192"/>
                  <a:gd name="T82" fmla="*/ 181 w 438"/>
                  <a:gd name="T83" fmla="*/ 0 h 192"/>
                  <a:gd name="T84" fmla="*/ 189 w 438"/>
                  <a:gd name="T85" fmla="*/ 9 h 192"/>
                  <a:gd name="T86" fmla="*/ 184 w 438"/>
                  <a:gd name="T87" fmla="*/ 5 h 192"/>
                  <a:gd name="T88" fmla="*/ 186 w 438"/>
                  <a:gd name="T89" fmla="*/ 9 h 192"/>
                  <a:gd name="T90" fmla="*/ 181 w 438"/>
                  <a:gd name="T91" fmla="*/ 7 h 192"/>
                  <a:gd name="T92" fmla="*/ 184 w 438"/>
                  <a:gd name="T93" fmla="*/ 9 h 192"/>
                  <a:gd name="T94" fmla="*/ 178 w 438"/>
                  <a:gd name="T95" fmla="*/ 9 h 192"/>
                  <a:gd name="T96" fmla="*/ 178 w 438"/>
                  <a:gd name="T97" fmla="*/ 12 h 192"/>
                  <a:gd name="T98" fmla="*/ 175 w 438"/>
                  <a:gd name="T99" fmla="*/ 12 h 192"/>
                  <a:gd name="T100" fmla="*/ 175 w 438"/>
                  <a:gd name="T101" fmla="*/ 14 h 192"/>
                  <a:gd name="T102" fmla="*/ 170 w 438"/>
                  <a:gd name="T103" fmla="*/ 14 h 192"/>
                  <a:gd name="T104" fmla="*/ 165 w 438"/>
                  <a:gd name="T105" fmla="*/ 7 h 192"/>
                  <a:gd name="T106" fmla="*/ 170 w 438"/>
                  <a:gd name="T107" fmla="*/ 18 h 192"/>
                  <a:gd name="T108" fmla="*/ 184 w 438"/>
                  <a:gd name="T109" fmla="*/ 14 h 192"/>
                  <a:gd name="T110" fmla="*/ 184 w 438"/>
                  <a:gd name="T111" fmla="*/ 20 h 192"/>
                  <a:gd name="T112" fmla="*/ 186 w 438"/>
                  <a:gd name="T113" fmla="*/ 20 h 192"/>
                  <a:gd name="T114" fmla="*/ 189 w 438"/>
                  <a:gd name="T115" fmla="*/ 14 h 192"/>
                  <a:gd name="T116" fmla="*/ 194 w 438"/>
                  <a:gd name="T117" fmla="*/ 20 h 192"/>
                  <a:gd name="T118" fmla="*/ 194 w 438"/>
                  <a:gd name="T119" fmla="*/ 22 h 192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w 438"/>
                  <a:gd name="T181" fmla="*/ 0 h 192"/>
                  <a:gd name="T182" fmla="*/ 438 w 438"/>
                  <a:gd name="T183" fmla="*/ 192 h 192"/>
                </a:gdLst>
                <a:ahLst/>
                <a:cxnLst>
                  <a:cxn ang="T120">
                    <a:pos x="T0" y="T1"/>
                  </a:cxn>
                  <a:cxn ang="T121">
                    <a:pos x="T2" y="T3"/>
                  </a:cxn>
                  <a:cxn ang="T122">
                    <a:pos x="T4" y="T5"/>
                  </a:cxn>
                  <a:cxn ang="T123">
                    <a:pos x="T6" y="T7"/>
                  </a:cxn>
                  <a:cxn ang="T124">
                    <a:pos x="T8" y="T9"/>
                  </a:cxn>
                  <a:cxn ang="T125">
                    <a:pos x="T10" y="T11"/>
                  </a:cxn>
                  <a:cxn ang="T126">
                    <a:pos x="T12" y="T13"/>
                  </a:cxn>
                  <a:cxn ang="T127">
                    <a:pos x="T14" y="T15"/>
                  </a:cxn>
                  <a:cxn ang="T128">
                    <a:pos x="T16" y="T17"/>
                  </a:cxn>
                  <a:cxn ang="T129">
                    <a:pos x="T18" y="T19"/>
                  </a:cxn>
                  <a:cxn ang="T130">
                    <a:pos x="T20" y="T21"/>
                  </a:cxn>
                  <a:cxn ang="T131">
                    <a:pos x="T22" y="T23"/>
                  </a:cxn>
                  <a:cxn ang="T132">
                    <a:pos x="T24" y="T25"/>
                  </a:cxn>
                  <a:cxn ang="T133">
                    <a:pos x="T26" y="T27"/>
                  </a:cxn>
                  <a:cxn ang="T134">
                    <a:pos x="T28" y="T29"/>
                  </a:cxn>
                  <a:cxn ang="T135">
                    <a:pos x="T30" y="T31"/>
                  </a:cxn>
                  <a:cxn ang="T136">
                    <a:pos x="T32" y="T33"/>
                  </a:cxn>
                  <a:cxn ang="T137">
                    <a:pos x="T34" y="T35"/>
                  </a:cxn>
                  <a:cxn ang="T138">
                    <a:pos x="T36" y="T37"/>
                  </a:cxn>
                  <a:cxn ang="T139">
                    <a:pos x="T38" y="T39"/>
                  </a:cxn>
                  <a:cxn ang="T140">
                    <a:pos x="T40" y="T41"/>
                  </a:cxn>
                  <a:cxn ang="T141">
                    <a:pos x="T42" y="T43"/>
                  </a:cxn>
                  <a:cxn ang="T142">
                    <a:pos x="T44" y="T45"/>
                  </a:cxn>
                  <a:cxn ang="T143">
                    <a:pos x="T46" y="T47"/>
                  </a:cxn>
                  <a:cxn ang="T144">
                    <a:pos x="T48" y="T49"/>
                  </a:cxn>
                  <a:cxn ang="T145">
                    <a:pos x="T50" y="T51"/>
                  </a:cxn>
                  <a:cxn ang="T146">
                    <a:pos x="T52" y="T53"/>
                  </a:cxn>
                  <a:cxn ang="T147">
                    <a:pos x="T54" y="T55"/>
                  </a:cxn>
                  <a:cxn ang="T148">
                    <a:pos x="T56" y="T57"/>
                  </a:cxn>
                  <a:cxn ang="T149">
                    <a:pos x="T58" y="T59"/>
                  </a:cxn>
                  <a:cxn ang="T150">
                    <a:pos x="T60" y="T61"/>
                  </a:cxn>
                  <a:cxn ang="T151">
                    <a:pos x="T62" y="T63"/>
                  </a:cxn>
                  <a:cxn ang="T152">
                    <a:pos x="T64" y="T65"/>
                  </a:cxn>
                  <a:cxn ang="T153">
                    <a:pos x="T66" y="T67"/>
                  </a:cxn>
                  <a:cxn ang="T154">
                    <a:pos x="T68" y="T69"/>
                  </a:cxn>
                  <a:cxn ang="T155">
                    <a:pos x="T70" y="T71"/>
                  </a:cxn>
                  <a:cxn ang="T156">
                    <a:pos x="T72" y="T73"/>
                  </a:cxn>
                  <a:cxn ang="T157">
                    <a:pos x="T74" y="T75"/>
                  </a:cxn>
                  <a:cxn ang="T158">
                    <a:pos x="T76" y="T77"/>
                  </a:cxn>
                  <a:cxn ang="T159">
                    <a:pos x="T78" y="T79"/>
                  </a:cxn>
                  <a:cxn ang="T160">
                    <a:pos x="T80" y="T81"/>
                  </a:cxn>
                  <a:cxn ang="T161">
                    <a:pos x="T82" y="T83"/>
                  </a:cxn>
                  <a:cxn ang="T162">
                    <a:pos x="T84" y="T85"/>
                  </a:cxn>
                  <a:cxn ang="T163">
                    <a:pos x="T86" y="T87"/>
                  </a:cxn>
                  <a:cxn ang="T164">
                    <a:pos x="T88" y="T89"/>
                  </a:cxn>
                  <a:cxn ang="T165">
                    <a:pos x="T90" y="T91"/>
                  </a:cxn>
                  <a:cxn ang="T166">
                    <a:pos x="T92" y="T93"/>
                  </a:cxn>
                  <a:cxn ang="T167">
                    <a:pos x="T94" y="T95"/>
                  </a:cxn>
                  <a:cxn ang="T168">
                    <a:pos x="T96" y="T97"/>
                  </a:cxn>
                  <a:cxn ang="T169">
                    <a:pos x="T98" y="T99"/>
                  </a:cxn>
                  <a:cxn ang="T170">
                    <a:pos x="T100" y="T101"/>
                  </a:cxn>
                  <a:cxn ang="T171">
                    <a:pos x="T102" y="T103"/>
                  </a:cxn>
                  <a:cxn ang="T172">
                    <a:pos x="T104" y="T105"/>
                  </a:cxn>
                  <a:cxn ang="T173">
                    <a:pos x="T106" y="T107"/>
                  </a:cxn>
                  <a:cxn ang="T174">
                    <a:pos x="T108" y="T109"/>
                  </a:cxn>
                  <a:cxn ang="T175">
                    <a:pos x="T110" y="T111"/>
                  </a:cxn>
                  <a:cxn ang="T176">
                    <a:pos x="T112" y="T113"/>
                  </a:cxn>
                  <a:cxn ang="T177">
                    <a:pos x="T114" y="T115"/>
                  </a:cxn>
                  <a:cxn ang="T178">
                    <a:pos x="T116" y="T117"/>
                  </a:cxn>
                  <a:cxn ang="T179">
                    <a:pos x="T118" y="T119"/>
                  </a:cxn>
                </a:cxnLst>
                <a:rect l="T180" t="T181" r="T182" b="T183"/>
                <a:pathLst>
                  <a:path w="438" h="192">
                    <a:moveTo>
                      <a:pt x="438" y="54"/>
                    </a:moveTo>
                    <a:lnTo>
                      <a:pt x="420" y="78"/>
                    </a:lnTo>
                    <a:lnTo>
                      <a:pt x="402" y="78"/>
                    </a:lnTo>
                    <a:lnTo>
                      <a:pt x="396" y="66"/>
                    </a:lnTo>
                    <a:lnTo>
                      <a:pt x="390" y="72"/>
                    </a:lnTo>
                    <a:lnTo>
                      <a:pt x="396" y="78"/>
                    </a:lnTo>
                    <a:lnTo>
                      <a:pt x="372" y="78"/>
                    </a:lnTo>
                    <a:lnTo>
                      <a:pt x="402" y="84"/>
                    </a:lnTo>
                    <a:lnTo>
                      <a:pt x="390" y="108"/>
                    </a:lnTo>
                    <a:lnTo>
                      <a:pt x="372" y="102"/>
                    </a:lnTo>
                    <a:lnTo>
                      <a:pt x="390" y="108"/>
                    </a:lnTo>
                    <a:lnTo>
                      <a:pt x="408" y="96"/>
                    </a:lnTo>
                    <a:lnTo>
                      <a:pt x="414" y="108"/>
                    </a:lnTo>
                    <a:lnTo>
                      <a:pt x="408" y="120"/>
                    </a:lnTo>
                    <a:lnTo>
                      <a:pt x="396" y="114"/>
                    </a:lnTo>
                    <a:lnTo>
                      <a:pt x="378" y="126"/>
                    </a:lnTo>
                    <a:lnTo>
                      <a:pt x="372" y="126"/>
                    </a:lnTo>
                    <a:lnTo>
                      <a:pt x="372" y="138"/>
                    </a:lnTo>
                    <a:lnTo>
                      <a:pt x="360" y="126"/>
                    </a:lnTo>
                    <a:lnTo>
                      <a:pt x="366" y="144"/>
                    </a:lnTo>
                    <a:lnTo>
                      <a:pt x="348" y="162"/>
                    </a:lnTo>
                    <a:lnTo>
                      <a:pt x="348" y="180"/>
                    </a:lnTo>
                    <a:lnTo>
                      <a:pt x="342" y="174"/>
                    </a:lnTo>
                    <a:lnTo>
                      <a:pt x="336" y="186"/>
                    </a:lnTo>
                    <a:lnTo>
                      <a:pt x="312" y="192"/>
                    </a:lnTo>
                    <a:lnTo>
                      <a:pt x="306" y="192"/>
                    </a:lnTo>
                    <a:lnTo>
                      <a:pt x="246" y="144"/>
                    </a:lnTo>
                    <a:lnTo>
                      <a:pt x="186" y="156"/>
                    </a:lnTo>
                    <a:lnTo>
                      <a:pt x="168" y="132"/>
                    </a:lnTo>
                    <a:lnTo>
                      <a:pt x="102" y="144"/>
                    </a:lnTo>
                    <a:lnTo>
                      <a:pt x="66" y="162"/>
                    </a:lnTo>
                    <a:lnTo>
                      <a:pt x="0" y="168"/>
                    </a:lnTo>
                    <a:lnTo>
                      <a:pt x="0" y="150"/>
                    </a:lnTo>
                    <a:lnTo>
                      <a:pt x="18" y="150"/>
                    </a:lnTo>
                    <a:lnTo>
                      <a:pt x="24" y="132"/>
                    </a:lnTo>
                    <a:lnTo>
                      <a:pt x="66" y="108"/>
                    </a:lnTo>
                    <a:lnTo>
                      <a:pt x="78" y="90"/>
                    </a:lnTo>
                    <a:lnTo>
                      <a:pt x="84" y="96"/>
                    </a:lnTo>
                    <a:lnTo>
                      <a:pt x="114" y="78"/>
                    </a:lnTo>
                    <a:lnTo>
                      <a:pt x="126" y="66"/>
                    </a:lnTo>
                    <a:lnTo>
                      <a:pt x="126" y="48"/>
                    </a:lnTo>
                    <a:lnTo>
                      <a:pt x="408" y="0"/>
                    </a:lnTo>
                    <a:lnTo>
                      <a:pt x="426" y="24"/>
                    </a:lnTo>
                    <a:lnTo>
                      <a:pt x="414" y="12"/>
                    </a:lnTo>
                    <a:lnTo>
                      <a:pt x="420" y="24"/>
                    </a:lnTo>
                    <a:lnTo>
                      <a:pt x="408" y="18"/>
                    </a:lnTo>
                    <a:lnTo>
                      <a:pt x="414" y="24"/>
                    </a:lnTo>
                    <a:lnTo>
                      <a:pt x="402" y="24"/>
                    </a:lnTo>
                    <a:lnTo>
                      <a:pt x="402" y="30"/>
                    </a:lnTo>
                    <a:lnTo>
                      <a:pt x="396" y="30"/>
                    </a:lnTo>
                    <a:lnTo>
                      <a:pt x="396" y="36"/>
                    </a:lnTo>
                    <a:lnTo>
                      <a:pt x="384" y="36"/>
                    </a:lnTo>
                    <a:lnTo>
                      <a:pt x="372" y="18"/>
                    </a:lnTo>
                    <a:lnTo>
                      <a:pt x="384" y="48"/>
                    </a:lnTo>
                    <a:lnTo>
                      <a:pt x="414" y="36"/>
                    </a:lnTo>
                    <a:lnTo>
                      <a:pt x="414" y="54"/>
                    </a:lnTo>
                    <a:lnTo>
                      <a:pt x="420" y="54"/>
                    </a:lnTo>
                    <a:lnTo>
                      <a:pt x="426" y="36"/>
                    </a:lnTo>
                    <a:lnTo>
                      <a:pt x="438" y="54"/>
                    </a:lnTo>
                    <a:lnTo>
                      <a:pt x="438" y="6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12" name="Freeform 91"/>
              <p:cNvSpPr>
                <a:spLocks noChangeAspect="1"/>
              </p:cNvSpPr>
              <p:nvPr/>
            </p:nvSpPr>
            <p:spPr bwMode="auto">
              <a:xfrm>
                <a:off x="2304" y="1555"/>
                <a:ext cx="4" cy="5"/>
              </a:xfrm>
              <a:custGeom>
                <a:avLst/>
                <a:gdLst>
                  <a:gd name="T0" fmla="*/ 2 w 6"/>
                  <a:gd name="T1" fmla="*/ 0 h 6"/>
                  <a:gd name="T2" fmla="*/ 0 w 6"/>
                  <a:gd name="T3" fmla="*/ 0 h 6"/>
                  <a:gd name="T4" fmla="*/ 2 w 6"/>
                  <a:gd name="T5" fmla="*/ 0 h 6"/>
                  <a:gd name="T6" fmla="*/ 2 w 6"/>
                  <a:gd name="T7" fmla="*/ 3 h 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"/>
                  <a:gd name="T13" fmla="*/ 0 h 6"/>
                  <a:gd name="T14" fmla="*/ 6 w 6"/>
                  <a:gd name="T15" fmla="*/ 6 h 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" h="6">
                    <a:moveTo>
                      <a:pt x="6" y="0"/>
                    </a:moveTo>
                    <a:lnTo>
                      <a:pt x="0" y="0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13" name="Freeform 92"/>
              <p:cNvSpPr>
                <a:spLocks noChangeAspect="1"/>
              </p:cNvSpPr>
              <p:nvPr/>
            </p:nvSpPr>
            <p:spPr bwMode="auto">
              <a:xfrm>
                <a:off x="1256" y="1045"/>
                <a:ext cx="256" cy="151"/>
              </a:xfrm>
              <a:custGeom>
                <a:avLst/>
                <a:gdLst>
                  <a:gd name="T0" fmla="*/ 149 w 336"/>
                  <a:gd name="T1" fmla="*/ 78 h 210"/>
                  <a:gd name="T2" fmla="*/ 0 w 336"/>
                  <a:gd name="T3" fmla="*/ 73 h 210"/>
                  <a:gd name="T4" fmla="*/ 3 w 336"/>
                  <a:gd name="T5" fmla="*/ 65 h 210"/>
                  <a:gd name="T6" fmla="*/ 8 w 336"/>
                  <a:gd name="T7" fmla="*/ 0 h 210"/>
                  <a:gd name="T8" fmla="*/ 138 w 336"/>
                  <a:gd name="T9" fmla="*/ 6 h 210"/>
                  <a:gd name="T10" fmla="*/ 149 w 336"/>
                  <a:gd name="T11" fmla="*/ 78 h 210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336"/>
                  <a:gd name="T19" fmla="*/ 0 h 210"/>
                  <a:gd name="T20" fmla="*/ 336 w 336"/>
                  <a:gd name="T21" fmla="*/ 210 h 210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336" h="210">
                    <a:moveTo>
                      <a:pt x="336" y="210"/>
                    </a:moveTo>
                    <a:lnTo>
                      <a:pt x="0" y="198"/>
                    </a:lnTo>
                    <a:lnTo>
                      <a:pt x="6" y="174"/>
                    </a:lnTo>
                    <a:lnTo>
                      <a:pt x="18" y="0"/>
                    </a:lnTo>
                    <a:lnTo>
                      <a:pt x="312" y="18"/>
                    </a:lnTo>
                    <a:lnTo>
                      <a:pt x="336" y="21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14" name="Freeform 93"/>
              <p:cNvSpPr>
                <a:spLocks noChangeAspect="1"/>
              </p:cNvSpPr>
              <p:nvPr/>
            </p:nvSpPr>
            <p:spPr bwMode="auto">
              <a:xfrm>
                <a:off x="1256" y="1045"/>
                <a:ext cx="256" cy="156"/>
              </a:xfrm>
              <a:custGeom>
                <a:avLst/>
                <a:gdLst>
                  <a:gd name="T0" fmla="*/ 149 w 336"/>
                  <a:gd name="T1" fmla="*/ 79 h 216"/>
                  <a:gd name="T2" fmla="*/ 0 w 336"/>
                  <a:gd name="T3" fmla="*/ 74 h 216"/>
                  <a:gd name="T4" fmla="*/ 3 w 336"/>
                  <a:gd name="T5" fmla="*/ 66 h 216"/>
                  <a:gd name="T6" fmla="*/ 8 w 336"/>
                  <a:gd name="T7" fmla="*/ 0 h 216"/>
                  <a:gd name="T8" fmla="*/ 138 w 336"/>
                  <a:gd name="T9" fmla="*/ 7 h 216"/>
                  <a:gd name="T10" fmla="*/ 149 w 336"/>
                  <a:gd name="T11" fmla="*/ 79 h 216"/>
                  <a:gd name="T12" fmla="*/ 149 w 336"/>
                  <a:gd name="T13" fmla="*/ 82 h 21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336"/>
                  <a:gd name="T22" fmla="*/ 0 h 216"/>
                  <a:gd name="T23" fmla="*/ 336 w 336"/>
                  <a:gd name="T24" fmla="*/ 216 h 216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336" h="216">
                    <a:moveTo>
                      <a:pt x="336" y="210"/>
                    </a:moveTo>
                    <a:lnTo>
                      <a:pt x="0" y="198"/>
                    </a:lnTo>
                    <a:lnTo>
                      <a:pt x="6" y="174"/>
                    </a:lnTo>
                    <a:lnTo>
                      <a:pt x="18" y="0"/>
                    </a:lnTo>
                    <a:lnTo>
                      <a:pt x="312" y="18"/>
                    </a:lnTo>
                    <a:lnTo>
                      <a:pt x="336" y="210"/>
                    </a:lnTo>
                    <a:lnTo>
                      <a:pt x="336" y="21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15" name="Freeform 94"/>
              <p:cNvSpPr>
                <a:spLocks noChangeAspect="1"/>
              </p:cNvSpPr>
              <p:nvPr/>
            </p:nvSpPr>
            <p:spPr bwMode="auto">
              <a:xfrm>
                <a:off x="1938" y="1339"/>
                <a:ext cx="160" cy="173"/>
              </a:xfrm>
              <a:custGeom>
                <a:avLst/>
                <a:gdLst>
                  <a:gd name="T0" fmla="*/ 93 w 210"/>
                  <a:gd name="T1" fmla="*/ 32 h 240"/>
                  <a:gd name="T2" fmla="*/ 90 w 210"/>
                  <a:gd name="T3" fmla="*/ 34 h 240"/>
                  <a:gd name="T4" fmla="*/ 93 w 210"/>
                  <a:gd name="T5" fmla="*/ 38 h 240"/>
                  <a:gd name="T6" fmla="*/ 90 w 210"/>
                  <a:gd name="T7" fmla="*/ 56 h 240"/>
                  <a:gd name="T8" fmla="*/ 75 w 210"/>
                  <a:gd name="T9" fmla="*/ 68 h 240"/>
                  <a:gd name="T10" fmla="*/ 75 w 210"/>
                  <a:gd name="T11" fmla="*/ 74 h 240"/>
                  <a:gd name="T12" fmla="*/ 69 w 210"/>
                  <a:gd name="T13" fmla="*/ 74 h 240"/>
                  <a:gd name="T14" fmla="*/ 66 w 210"/>
                  <a:gd name="T15" fmla="*/ 83 h 240"/>
                  <a:gd name="T16" fmla="*/ 59 w 210"/>
                  <a:gd name="T17" fmla="*/ 90 h 240"/>
                  <a:gd name="T18" fmla="*/ 50 w 210"/>
                  <a:gd name="T19" fmla="*/ 83 h 240"/>
                  <a:gd name="T20" fmla="*/ 34 w 210"/>
                  <a:gd name="T21" fmla="*/ 88 h 240"/>
                  <a:gd name="T22" fmla="*/ 21 w 210"/>
                  <a:gd name="T23" fmla="*/ 83 h 240"/>
                  <a:gd name="T24" fmla="*/ 16 w 210"/>
                  <a:gd name="T25" fmla="*/ 76 h 240"/>
                  <a:gd name="T26" fmla="*/ 8 w 210"/>
                  <a:gd name="T27" fmla="*/ 79 h 240"/>
                  <a:gd name="T28" fmla="*/ 0 w 210"/>
                  <a:gd name="T29" fmla="*/ 16 h 240"/>
                  <a:gd name="T30" fmla="*/ 8 w 210"/>
                  <a:gd name="T31" fmla="*/ 16 h 240"/>
                  <a:gd name="T32" fmla="*/ 27 w 210"/>
                  <a:gd name="T33" fmla="*/ 12 h 240"/>
                  <a:gd name="T34" fmla="*/ 27 w 210"/>
                  <a:gd name="T35" fmla="*/ 14 h 240"/>
                  <a:gd name="T36" fmla="*/ 43 w 210"/>
                  <a:gd name="T37" fmla="*/ 16 h 240"/>
                  <a:gd name="T38" fmla="*/ 40 w 210"/>
                  <a:gd name="T39" fmla="*/ 18 h 240"/>
                  <a:gd name="T40" fmla="*/ 50 w 210"/>
                  <a:gd name="T41" fmla="*/ 18 h 240"/>
                  <a:gd name="T42" fmla="*/ 66 w 210"/>
                  <a:gd name="T43" fmla="*/ 14 h 240"/>
                  <a:gd name="T44" fmla="*/ 72 w 210"/>
                  <a:gd name="T45" fmla="*/ 6 h 240"/>
                  <a:gd name="T46" fmla="*/ 88 w 210"/>
                  <a:gd name="T47" fmla="*/ 0 h 240"/>
                  <a:gd name="T48" fmla="*/ 93 w 210"/>
                  <a:gd name="T49" fmla="*/ 25 h 240"/>
                  <a:gd name="T50" fmla="*/ 93 w 210"/>
                  <a:gd name="T51" fmla="*/ 32 h 240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210"/>
                  <a:gd name="T79" fmla="*/ 0 h 240"/>
                  <a:gd name="T80" fmla="*/ 210 w 210"/>
                  <a:gd name="T81" fmla="*/ 240 h 240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210" h="240">
                    <a:moveTo>
                      <a:pt x="210" y="84"/>
                    </a:moveTo>
                    <a:lnTo>
                      <a:pt x="204" y="90"/>
                    </a:lnTo>
                    <a:lnTo>
                      <a:pt x="210" y="102"/>
                    </a:lnTo>
                    <a:lnTo>
                      <a:pt x="204" y="150"/>
                    </a:lnTo>
                    <a:lnTo>
                      <a:pt x="168" y="180"/>
                    </a:lnTo>
                    <a:lnTo>
                      <a:pt x="168" y="198"/>
                    </a:lnTo>
                    <a:lnTo>
                      <a:pt x="156" y="198"/>
                    </a:lnTo>
                    <a:lnTo>
                      <a:pt x="150" y="222"/>
                    </a:lnTo>
                    <a:lnTo>
                      <a:pt x="132" y="240"/>
                    </a:lnTo>
                    <a:lnTo>
                      <a:pt x="114" y="222"/>
                    </a:lnTo>
                    <a:lnTo>
                      <a:pt x="78" y="234"/>
                    </a:lnTo>
                    <a:lnTo>
                      <a:pt x="48" y="222"/>
                    </a:lnTo>
                    <a:lnTo>
                      <a:pt x="36" y="204"/>
                    </a:lnTo>
                    <a:lnTo>
                      <a:pt x="18" y="210"/>
                    </a:lnTo>
                    <a:lnTo>
                      <a:pt x="0" y="42"/>
                    </a:lnTo>
                    <a:lnTo>
                      <a:pt x="18" y="42"/>
                    </a:lnTo>
                    <a:lnTo>
                      <a:pt x="60" y="30"/>
                    </a:lnTo>
                    <a:lnTo>
                      <a:pt x="60" y="36"/>
                    </a:lnTo>
                    <a:lnTo>
                      <a:pt x="96" y="42"/>
                    </a:lnTo>
                    <a:lnTo>
                      <a:pt x="90" y="48"/>
                    </a:lnTo>
                    <a:lnTo>
                      <a:pt x="114" y="48"/>
                    </a:lnTo>
                    <a:lnTo>
                      <a:pt x="150" y="36"/>
                    </a:lnTo>
                    <a:lnTo>
                      <a:pt x="162" y="18"/>
                    </a:lnTo>
                    <a:lnTo>
                      <a:pt x="198" y="0"/>
                    </a:lnTo>
                    <a:lnTo>
                      <a:pt x="210" y="66"/>
                    </a:lnTo>
                    <a:lnTo>
                      <a:pt x="210" y="8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16" name="Freeform 95"/>
              <p:cNvSpPr>
                <a:spLocks noChangeAspect="1"/>
              </p:cNvSpPr>
              <p:nvPr/>
            </p:nvSpPr>
            <p:spPr bwMode="auto">
              <a:xfrm>
                <a:off x="1938" y="1339"/>
                <a:ext cx="160" cy="173"/>
              </a:xfrm>
              <a:custGeom>
                <a:avLst/>
                <a:gdLst>
                  <a:gd name="T0" fmla="*/ 93 w 210"/>
                  <a:gd name="T1" fmla="*/ 32 h 240"/>
                  <a:gd name="T2" fmla="*/ 90 w 210"/>
                  <a:gd name="T3" fmla="*/ 34 h 240"/>
                  <a:gd name="T4" fmla="*/ 93 w 210"/>
                  <a:gd name="T5" fmla="*/ 38 h 240"/>
                  <a:gd name="T6" fmla="*/ 90 w 210"/>
                  <a:gd name="T7" fmla="*/ 56 h 240"/>
                  <a:gd name="T8" fmla="*/ 75 w 210"/>
                  <a:gd name="T9" fmla="*/ 68 h 240"/>
                  <a:gd name="T10" fmla="*/ 75 w 210"/>
                  <a:gd name="T11" fmla="*/ 74 h 240"/>
                  <a:gd name="T12" fmla="*/ 69 w 210"/>
                  <a:gd name="T13" fmla="*/ 74 h 240"/>
                  <a:gd name="T14" fmla="*/ 66 w 210"/>
                  <a:gd name="T15" fmla="*/ 83 h 240"/>
                  <a:gd name="T16" fmla="*/ 59 w 210"/>
                  <a:gd name="T17" fmla="*/ 90 h 240"/>
                  <a:gd name="T18" fmla="*/ 50 w 210"/>
                  <a:gd name="T19" fmla="*/ 83 h 240"/>
                  <a:gd name="T20" fmla="*/ 34 w 210"/>
                  <a:gd name="T21" fmla="*/ 88 h 240"/>
                  <a:gd name="T22" fmla="*/ 21 w 210"/>
                  <a:gd name="T23" fmla="*/ 83 h 240"/>
                  <a:gd name="T24" fmla="*/ 16 w 210"/>
                  <a:gd name="T25" fmla="*/ 76 h 240"/>
                  <a:gd name="T26" fmla="*/ 8 w 210"/>
                  <a:gd name="T27" fmla="*/ 79 h 240"/>
                  <a:gd name="T28" fmla="*/ 0 w 210"/>
                  <a:gd name="T29" fmla="*/ 16 h 240"/>
                  <a:gd name="T30" fmla="*/ 8 w 210"/>
                  <a:gd name="T31" fmla="*/ 16 h 240"/>
                  <a:gd name="T32" fmla="*/ 27 w 210"/>
                  <a:gd name="T33" fmla="*/ 12 h 240"/>
                  <a:gd name="T34" fmla="*/ 27 w 210"/>
                  <a:gd name="T35" fmla="*/ 14 h 240"/>
                  <a:gd name="T36" fmla="*/ 43 w 210"/>
                  <a:gd name="T37" fmla="*/ 16 h 240"/>
                  <a:gd name="T38" fmla="*/ 40 w 210"/>
                  <a:gd name="T39" fmla="*/ 18 h 240"/>
                  <a:gd name="T40" fmla="*/ 50 w 210"/>
                  <a:gd name="T41" fmla="*/ 18 h 240"/>
                  <a:gd name="T42" fmla="*/ 66 w 210"/>
                  <a:gd name="T43" fmla="*/ 14 h 240"/>
                  <a:gd name="T44" fmla="*/ 72 w 210"/>
                  <a:gd name="T45" fmla="*/ 6 h 240"/>
                  <a:gd name="T46" fmla="*/ 88 w 210"/>
                  <a:gd name="T47" fmla="*/ 0 h 240"/>
                  <a:gd name="T48" fmla="*/ 93 w 210"/>
                  <a:gd name="T49" fmla="*/ 25 h 240"/>
                  <a:gd name="T50" fmla="*/ 93 w 210"/>
                  <a:gd name="T51" fmla="*/ 32 h 240"/>
                  <a:gd name="T52" fmla="*/ 93 w 210"/>
                  <a:gd name="T53" fmla="*/ 34 h 240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210"/>
                  <a:gd name="T82" fmla="*/ 0 h 240"/>
                  <a:gd name="T83" fmla="*/ 210 w 210"/>
                  <a:gd name="T84" fmla="*/ 240 h 240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210" h="240">
                    <a:moveTo>
                      <a:pt x="210" y="84"/>
                    </a:moveTo>
                    <a:lnTo>
                      <a:pt x="204" y="90"/>
                    </a:lnTo>
                    <a:lnTo>
                      <a:pt x="210" y="102"/>
                    </a:lnTo>
                    <a:lnTo>
                      <a:pt x="204" y="150"/>
                    </a:lnTo>
                    <a:lnTo>
                      <a:pt x="168" y="180"/>
                    </a:lnTo>
                    <a:lnTo>
                      <a:pt x="168" y="198"/>
                    </a:lnTo>
                    <a:lnTo>
                      <a:pt x="156" y="198"/>
                    </a:lnTo>
                    <a:lnTo>
                      <a:pt x="150" y="222"/>
                    </a:lnTo>
                    <a:lnTo>
                      <a:pt x="132" y="240"/>
                    </a:lnTo>
                    <a:lnTo>
                      <a:pt x="114" y="222"/>
                    </a:lnTo>
                    <a:lnTo>
                      <a:pt x="78" y="234"/>
                    </a:lnTo>
                    <a:lnTo>
                      <a:pt x="48" y="222"/>
                    </a:lnTo>
                    <a:lnTo>
                      <a:pt x="36" y="204"/>
                    </a:lnTo>
                    <a:lnTo>
                      <a:pt x="18" y="210"/>
                    </a:lnTo>
                    <a:lnTo>
                      <a:pt x="0" y="42"/>
                    </a:lnTo>
                    <a:lnTo>
                      <a:pt x="18" y="42"/>
                    </a:lnTo>
                    <a:lnTo>
                      <a:pt x="60" y="30"/>
                    </a:lnTo>
                    <a:lnTo>
                      <a:pt x="60" y="36"/>
                    </a:lnTo>
                    <a:lnTo>
                      <a:pt x="96" y="42"/>
                    </a:lnTo>
                    <a:lnTo>
                      <a:pt x="90" y="48"/>
                    </a:lnTo>
                    <a:lnTo>
                      <a:pt x="114" y="48"/>
                    </a:lnTo>
                    <a:lnTo>
                      <a:pt x="150" y="36"/>
                    </a:lnTo>
                    <a:lnTo>
                      <a:pt x="162" y="18"/>
                    </a:lnTo>
                    <a:lnTo>
                      <a:pt x="198" y="0"/>
                    </a:lnTo>
                    <a:lnTo>
                      <a:pt x="210" y="66"/>
                    </a:lnTo>
                    <a:lnTo>
                      <a:pt x="210" y="84"/>
                    </a:lnTo>
                    <a:lnTo>
                      <a:pt x="210" y="9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17" name="Freeform 96"/>
              <p:cNvSpPr>
                <a:spLocks noChangeAspect="1"/>
              </p:cNvSpPr>
              <p:nvPr/>
            </p:nvSpPr>
            <p:spPr bwMode="auto">
              <a:xfrm>
                <a:off x="1256" y="1599"/>
                <a:ext cx="338" cy="164"/>
              </a:xfrm>
              <a:custGeom>
                <a:avLst/>
                <a:gdLst>
                  <a:gd name="T0" fmla="*/ 190 w 444"/>
                  <a:gd name="T1" fmla="*/ 18 h 228"/>
                  <a:gd name="T2" fmla="*/ 196 w 444"/>
                  <a:gd name="T3" fmla="*/ 45 h 228"/>
                  <a:gd name="T4" fmla="*/ 193 w 444"/>
                  <a:gd name="T5" fmla="*/ 85 h 228"/>
                  <a:gd name="T6" fmla="*/ 177 w 444"/>
                  <a:gd name="T7" fmla="*/ 78 h 228"/>
                  <a:gd name="T8" fmla="*/ 151 w 444"/>
                  <a:gd name="T9" fmla="*/ 85 h 228"/>
                  <a:gd name="T10" fmla="*/ 143 w 444"/>
                  <a:gd name="T11" fmla="*/ 80 h 228"/>
                  <a:gd name="T12" fmla="*/ 138 w 444"/>
                  <a:gd name="T13" fmla="*/ 80 h 228"/>
                  <a:gd name="T14" fmla="*/ 138 w 444"/>
                  <a:gd name="T15" fmla="*/ 78 h 228"/>
                  <a:gd name="T16" fmla="*/ 132 w 444"/>
                  <a:gd name="T17" fmla="*/ 85 h 228"/>
                  <a:gd name="T18" fmla="*/ 130 w 444"/>
                  <a:gd name="T19" fmla="*/ 80 h 228"/>
                  <a:gd name="T20" fmla="*/ 127 w 444"/>
                  <a:gd name="T21" fmla="*/ 83 h 228"/>
                  <a:gd name="T22" fmla="*/ 120 w 444"/>
                  <a:gd name="T23" fmla="*/ 78 h 228"/>
                  <a:gd name="T24" fmla="*/ 113 w 444"/>
                  <a:gd name="T25" fmla="*/ 80 h 228"/>
                  <a:gd name="T26" fmla="*/ 108 w 444"/>
                  <a:gd name="T27" fmla="*/ 73 h 228"/>
                  <a:gd name="T28" fmla="*/ 100 w 444"/>
                  <a:gd name="T29" fmla="*/ 76 h 228"/>
                  <a:gd name="T30" fmla="*/ 85 w 444"/>
                  <a:gd name="T31" fmla="*/ 71 h 228"/>
                  <a:gd name="T32" fmla="*/ 82 w 444"/>
                  <a:gd name="T33" fmla="*/ 65 h 228"/>
                  <a:gd name="T34" fmla="*/ 74 w 444"/>
                  <a:gd name="T35" fmla="*/ 67 h 228"/>
                  <a:gd name="T36" fmla="*/ 66 w 444"/>
                  <a:gd name="T37" fmla="*/ 63 h 228"/>
                  <a:gd name="T38" fmla="*/ 69 w 444"/>
                  <a:gd name="T39" fmla="*/ 16 h 228"/>
                  <a:gd name="T40" fmla="*/ 0 w 444"/>
                  <a:gd name="T41" fmla="*/ 14 h 228"/>
                  <a:gd name="T42" fmla="*/ 3 w 444"/>
                  <a:gd name="T43" fmla="*/ 0 h 228"/>
                  <a:gd name="T44" fmla="*/ 24 w 444"/>
                  <a:gd name="T45" fmla="*/ 2 h 228"/>
                  <a:gd name="T46" fmla="*/ 190 w 444"/>
                  <a:gd name="T47" fmla="*/ 4 h 228"/>
                  <a:gd name="T48" fmla="*/ 190 w 444"/>
                  <a:gd name="T49" fmla="*/ 14 h 228"/>
                  <a:gd name="T50" fmla="*/ 190 w 444"/>
                  <a:gd name="T51" fmla="*/ 18 h 228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444"/>
                  <a:gd name="T79" fmla="*/ 0 h 228"/>
                  <a:gd name="T80" fmla="*/ 444 w 444"/>
                  <a:gd name="T81" fmla="*/ 228 h 228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444" h="228">
                    <a:moveTo>
                      <a:pt x="432" y="48"/>
                    </a:moveTo>
                    <a:lnTo>
                      <a:pt x="444" y="120"/>
                    </a:lnTo>
                    <a:lnTo>
                      <a:pt x="438" y="228"/>
                    </a:lnTo>
                    <a:lnTo>
                      <a:pt x="402" y="210"/>
                    </a:lnTo>
                    <a:lnTo>
                      <a:pt x="342" y="228"/>
                    </a:lnTo>
                    <a:lnTo>
                      <a:pt x="324" y="216"/>
                    </a:lnTo>
                    <a:lnTo>
                      <a:pt x="312" y="216"/>
                    </a:lnTo>
                    <a:lnTo>
                      <a:pt x="312" y="210"/>
                    </a:lnTo>
                    <a:lnTo>
                      <a:pt x="300" y="228"/>
                    </a:lnTo>
                    <a:lnTo>
                      <a:pt x="294" y="216"/>
                    </a:lnTo>
                    <a:lnTo>
                      <a:pt x="288" y="222"/>
                    </a:lnTo>
                    <a:lnTo>
                      <a:pt x="270" y="210"/>
                    </a:lnTo>
                    <a:lnTo>
                      <a:pt x="258" y="216"/>
                    </a:lnTo>
                    <a:lnTo>
                      <a:pt x="246" y="198"/>
                    </a:lnTo>
                    <a:lnTo>
                      <a:pt x="228" y="204"/>
                    </a:lnTo>
                    <a:lnTo>
                      <a:pt x="192" y="192"/>
                    </a:lnTo>
                    <a:lnTo>
                      <a:pt x="186" y="174"/>
                    </a:lnTo>
                    <a:lnTo>
                      <a:pt x="168" y="180"/>
                    </a:lnTo>
                    <a:lnTo>
                      <a:pt x="150" y="168"/>
                    </a:lnTo>
                    <a:lnTo>
                      <a:pt x="156" y="42"/>
                    </a:lnTo>
                    <a:lnTo>
                      <a:pt x="0" y="36"/>
                    </a:lnTo>
                    <a:lnTo>
                      <a:pt x="6" y="0"/>
                    </a:lnTo>
                    <a:lnTo>
                      <a:pt x="54" y="6"/>
                    </a:lnTo>
                    <a:lnTo>
                      <a:pt x="432" y="12"/>
                    </a:lnTo>
                    <a:lnTo>
                      <a:pt x="432" y="36"/>
                    </a:lnTo>
                    <a:lnTo>
                      <a:pt x="432" y="48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18" name="Freeform 97"/>
              <p:cNvSpPr>
                <a:spLocks noChangeAspect="1"/>
              </p:cNvSpPr>
              <p:nvPr/>
            </p:nvSpPr>
            <p:spPr bwMode="auto">
              <a:xfrm>
                <a:off x="1256" y="1599"/>
                <a:ext cx="338" cy="164"/>
              </a:xfrm>
              <a:custGeom>
                <a:avLst/>
                <a:gdLst>
                  <a:gd name="T0" fmla="*/ 190 w 444"/>
                  <a:gd name="T1" fmla="*/ 18 h 228"/>
                  <a:gd name="T2" fmla="*/ 196 w 444"/>
                  <a:gd name="T3" fmla="*/ 45 h 228"/>
                  <a:gd name="T4" fmla="*/ 193 w 444"/>
                  <a:gd name="T5" fmla="*/ 85 h 228"/>
                  <a:gd name="T6" fmla="*/ 177 w 444"/>
                  <a:gd name="T7" fmla="*/ 78 h 228"/>
                  <a:gd name="T8" fmla="*/ 151 w 444"/>
                  <a:gd name="T9" fmla="*/ 85 h 228"/>
                  <a:gd name="T10" fmla="*/ 143 w 444"/>
                  <a:gd name="T11" fmla="*/ 80 h 228"/>
                  <a:gd name="T12" fmla="*/ 138 w 444"/>
                  <a:gd name="T13" fmla="*/ 80 h 228"/>
                  <a:gd name="T14" fmla="*/ 138 w 444"/>
                  <a:gd name="T15" fmla="*/ 78 h 228"/>
                  <a:gd name="T16" fmla="*/ 132 w 444"/>
                  <a:gd name="T17" fmla="*/ 85 h 228"/>
                  <a:gd name="T18" fmla="*/ 130 w 444"/>
                  <a:gd name="T19" fmla="*/ 80 h 228"/>
                  <a:gd name="T20" fmla="*/ 127 w 444"/>
                  <a:gd name="T21" fmla="*/ 83 h 228"/>
                  <a:gd name="T22" fmla="*/ 120 w 444"/>
                  <a:gd name="T23" fmla="*/ 78 h 228"/>
                  <a:gd name="T24" fmla="*/ 113 w 444"/>
                  <a:gd name="T25" fmla="*/ 80 h 228"/>
                  <a:gd name="T26" fmla="*/ 108 w 444"/>
                  <a:gd name="T27" fmla="*/ 73 h 228"/>
                  <a:gd name="T28" fmla="*/ 100 w 444"/>
                  <a:gd name="T29" fmla="*/ 76 h 228"/>
                  <a:gd name="T30" fmla="*/ 85 w 444"/>
                  <a:gd name="T31" fmla="*/ 71 h 228"/>
                  <a:gd name="T32" fmla="*/ 82 w 444"/>
                  <a:gd name="T33" fmla="*/ 65 h 228"/>
                  <a:gd name="T34" fmla="*/ 74 w 444"/>
                  <a:gd name="T35" fmla="*/ 67 h 228"/>
                  <a:gd name="T36" fmla="*/ 66 w 444"/>
                  <a:gd name="T37" fmla="*/ 63 h 228"/>
                  <a:gd name="T38" fmla="*/ 69 w 444"/>
                  <a:gd name="T39" fmla="*/ 16 h 228"/>
                  <a:gd name="T40" fmla="*/ 0 w 444"/>
                  <a:gd name="T41" fmla="*/ 14 h 228"/>
                  <a:gd name="T42" fmla="*/ 3 w 444"/>
                  <a:gd name="T43" fmla="*/ 0 h 228"/>
                  <a:gd name="T44" fmla="*/ 24 w 444"/>
                  <a:gd name="T45" fmla="*/ 2 h 228"/>
                  <a:gd name="T46" fmla="*/ 190 w 444"/>
                  <a:gd name="T47" fmla="*/ 4 h 228"/>
                  <a:gd name="T48" fmla="*/ 190 w 444"/>
                  <a:gd name="T49" fmla="*/ 14 h 228"/>
                  <a:gd name="T50" fmla="*/ 190 w 444"/>
                  <a:gd name="T51" fmla="*/ 18 h 228"/>
                  <a:gd name="T52" fmla="*/ 190 w 444"/>
                  <a:gd name="T53" fmla="*/ 20 h 228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444"/>
                  <a:gd name="T82" fmla="*/ 0 h 228"/>
                  <a:gd name="T83" fmla="*/ 444 w 444"/>
                  <a:gd name="T84" fmla="*/ 228 h 228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444" h="228">
                    <a:moveTo>
                      <a:pt x="432" y="48"/>
                    </a:moveTo>
                    <a:lnTo>
                      <a:pt x="444" y="120"/>
                    </a:lnTo>
                    <a:lnTo>
                      <a:pt x="438" y="228"/>
                    </a:lnTo>
                    <a:lnTo>
                      <a:pt x="402" y="210"/>
                    </a:lnTo>
                    <a:lnTo>
                      <a:pt x="342" y="228"/>
                    </a:lnTo>
                    <a:lnTo>
                      <a:pt x="324" y="216"/>
                    </a:lnTo>
                    <a:lnTo>
                      <a:pt x="312" y="216"/>
                    </a:lnTo>
                    <a:lnTo>
                      <a:pt x="312" y="210"/>
                    </a:lnTo>
                    <a:lnTo>
                      <a:pt x="300" y="228"/>
                    </a:lnTo>
                    <a:lnTo>
                      <a:pt x="294" y="216"/>
                    </a:lnTo>
                    <a:lnTo>
                      <a:pt x="288" y="222"/>
                    </a:lnTo>
                    <a:lnTo>
                      <a:pt x="270" y="210"/>
                    </a:lnTo>
                    <a:lnTo>
                      <a:pt x="258" y="216"/>
                    </a:lnTo>
                    <a:lnTo>
                      <a:pt x="246" y="198"/>
                    </a:lnTo>
                    <a:lnTo>
                      <a:pt x="228" y="204"/>
                    </a:lnTo>
                    <a:lnTo>
                      <a:pt x="192" y="192"/>
                    </a:lnTo>
                    <a:lnTo>
                      <a:pt x="186" y="174"/>
                    </a:lnTo>
                    <a:lnTo>
                      <a:pt x="168" y="180"/>
                    </a:lnTo>
                    <a:lnTo>
                      <a:pt x="150" y="168"/>
                    </a:lnTo>
                    <a:lnTo>
                      <a:pt x="156" y="42"/>
                    </a:lnTo>
                    <a:lnTo>
                      <a:pt x="0" y="36"/>
                    </a:lnTo>
                    <a:lnTo>
                      <a:pt x="6" y="0"/>
                    </a:lnTo>
                    <a:lnTo>
                      <a:pt x="54" y="6"/>
                    </a:lnTo>
                    <a:lnTo>
                      <a:pt x="432" y="12"/>
                    </a:lnTo>
                    <a:lnTo>
                      <a:pt x="432" y="36"/>
                    </a:lnTo>
                    <a:lnTo>
                      <a:pt x="432" y="48"/>
                    </a:lnTo>
                    <a:lnTo>
                      <a:pt x="432" y="5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19" name="Freeform 98"/>
              <p:cNvSpPr>
                <a:spLocks noChangeAspect="1"/>
              </p:cNvSpPr>
              <p:nvPr/>
            </p:nvSpPr>
            <p:spPr bwMode="auto">
              <a:xfrm>
                <a:off x="528" y="1053"/>
                <a:ext cx="307" cy="247"/>
              </a:xfrm>
              <a:custGeom>
                <a:avLst/>
                <a:gdLst>
                  <a:gd name="T0" fmla="*/ 82 w 402"/>
                  <a:gd name="T1" fmla="*/ 116 h 342"/>
                  <a:gd name="T2" fmla="*/ 0 w 402"/>
                  <a:gd name="T3" fmla="*/ 95 h 342"/>
                  <a:gd name="T4" fmla="*/ 0 w 402"/>
                  <a:gd name="T5" fmla="*/ 74 h 342"/>
                  <a:gd name="T6" fmla="*/ 14 w 402"/>
                  <a:gd name="T7" fmla="*/ 56 h 342"/>
                  <a:gd name="T8" fmla="*/ 35 w 402"/>
                  <a:gd name="T9" fmla="*/ 16 h 342"/>
                  <a:gd name="T10" fmla="*/ 37 w 402"/>
                  <a:gd name="T11" fmla="*/ 0 h 342"/>
                  <a:gd name="T12" fmla="*/ 48 w 402"/>
                  <a:gd name="T13" fmla="*/ 2 h 342"/>
                  <a:gd name="T14" fmla="*/ 56 w 402"/>
                  <a:gd name="T15" fmla="*/ 7 h 342"/>
                  <a:gd name="T16" fmla="*/ 56 w 402"/>
                  <a:gd name="T17" fmla="*/ 18 h 342"/>
                  <a:gd name="T18" fmla="*/ 64 w 402"/>
                  <a:gd name="T19" fmla="*/ 22 h 342"/>
                  <a:gd name="T20" fmla="*/ 75 w 402"/>
                  <a:gd name="T21" fmla="*/ 20 h 342"/>
                  <a:gd name="T22" fmla="*/ 88 w 402"/>
                  <a:gd name="T23" fmla="*/ 27 h 342"/>
                  <a:gd name="T24" fmla="*/ 134 w 402"/>
                  <a:gd name="T25" fmla="*/ 27 h 342"/>
                  <a:gd name="T26" fmla="*/ 171 w 402"/>
                  <a:gd name="T27" fmla="*/ 34 h 342"/>
                  <a:gd name="T28" fmla="*/ 179 w 402"/>
                  <a:gd name="T29" fmla="*/ 45 h 342"/>
                  <a:gd name="T30" fmla="*/ 155 w 402"/>
                  <a:gd name="T31" fmla="*/ 70 h 342"/>
                  <a:gd name="T32" fmla="*/ 160 w 402"/>
                  <a:gd name="T33" fmla="*/ 77 h 342"/>
                  <a:gd name="T34" fmla="*/ 144 w 402"/>
                  <a:gd name="T35" fmla="*/ 129 h 342"/>
                  <a:gd name="T36" fmla="*/ 96 w 402"/>
                  <a:gd name="T37" fmla="*/ 117 h 342"/>
                  <a:gd name="T38" fmla="*/ 82 w 402"/>
                  <a:gd name="T39" fmla="*/ 116 h 342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402"/>
                  <a:gd name="T61" fmla="*/ 0 h 342"/>
                  <a:gd name="T62" fmla="*/ 402 w 402"/>
                  <a:gd name="T63" fmla="*/ 342 h 342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402" h="342">
                    <a:moveTo>
                      <a:pt x="186" y="306"/>
                    </a:moveTo>
                    <a:lnTo>
                      <a:pt x="0" y="252"/>
                    </a:lnTo>
                    <a:lnTo>
                      <a:pt x="0" y="198"/>
                    </a:lnTo>
                    <a:lnTo>
                      <a:pt x="30" y="150"/>
                    </a:lnTo>
                    <a:lnTo>
                      <a:pt x="78" y="42"/>
                    </a:lnTo>
                    <a:lnTo>
                      <a:pt x="84" y="0"/>
                    </a:lnTo>
                    <a:lnTo>
                      <a:pt x="108" y="6"/>
                    </a:lnTo>
                    <a:lnTo>
                      <a:pt x="126" y="18"/>
                    </a:lnTo>
                    <a:lnTo>
                      <a:pt x="126" y="48"/>
                    </a:lnTo>
                    <a:lnTo>
                      <a:pt x="144" y="60"/>
                    </a:lnTo>
                    <a:lnTo>
                      <a:pt x="168" y="54"/>
                    </a:lnTo>
                    <a:lnTo>
                      <a:pt x="198" y="72"/>
                    </a:lnTo>
                    <a:lnTo>
                      <a:pt x="300" y="72"/>
                    </a:lnTo>
                    <a:lnTo>
                      <a:pt x="384" y="90"/>
                    </a:lnTo>
                    <a:lnTo>
                      <a:pt x="402" y="120"/>
                    </a:lnTo>
                    <a:lnTo>
                      <a:pt x="348" y="186"/>
                    </a:lnTo>
                    <a:lnTo>
                      <a:pt x="360" y="204"/>
                    </a:lnTo>
                    <a:lnTo>
                      <a:pt x="324" y="342"/>
                    </a:lnTo>
                    <a:lnTo>
                      <a:pt x="216" y="312"/>
                    </a:lnTo>
                    <a:lnTo>
                      <a:pt x="186" y="30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20" name="Freeform 99"/>
              <p:cNvSpPr>
                <a:spLocks noChangeAspect="1"/>
              </p:cNvSpPr>
              <p:nvPr/>
            </p:nvSpPr>
            <p:spPr bwMode="auto">
              <a:xfrm>
                <a:off x="528" y="1053"/>
                <a:ext cx="307" cy="247"/>
              </a:xfrm>
              <a:custGeom>
                <a:avLst/>
                <a:gdLst>
                  <a:gd name="T0" fmla="*/ 82 w 402"/>
                  <a:gd name="T1" fmla="*/ 116 h 342"/>
                  <a:gd name="T2" fmla="*/ 0 w 402"/>
                  <a:gd name="T3" fmla="*/ 95 h 342"/>
                  <a:gd name="T4" fmla="*/ 0 w 402"/>
                  <a:gd name="T5" fmla="*/ 74 h 342"/>
                  <a:gd name="T6" fmla="*/ 14 w 402"/>
                  <a:gd name="T7" fmla="*/ 56 h 342"/>
                  <a:gd name="T8" fmla="*/ 35 w 402"/>
                  <a:gd name="T9" fmla="*/ 16 h 342"/>
                  <a:gd name="T10" fmla="*/ 37 w 402"/>
                  <a:gd name="T11" fmla="*/ 0 h 342"/>
                  <a:gd name="T12" fmla="*/ 48 w 402"/>
                  <a:gd name="T13" fmla="*/ 2 h 342"/>
                  <a:gd name="T14" fmla="*/ 56 w 402"/>
                  <a:gd name="T15" fmla="*/ 7 h 342"/>
                  <a:gd name="T16" fmla="*/ 56 w 402"/>
                  <a:gd name="T17" fmla="*/ 18 h 342"/>
                  <a:gd name="T18" fmla="*/ 64 w 402"/>
                  <a:gd name="T19" fmla="*/ 22 h 342"/>
                  <a:gd name="T20" fmla="*/ 75 w 402"/>
                  <a:gd name="T21" fmla="*/ 20 h 342"/>
                  <a:gd name="T22" fmla="*/ 88 w 402"/>
                  <a:gd name="T23" fmla="*/ 27 h 342"/>
                  <a:gd name="T24" fmla="*/ 134 w 402"/>
                  <a:gd name="T25" fmla="*/ 27 h 342"/>
                  <a:gd name="T26" fmla="*/ 171 w 402"/>
                  <a:gd name="T27" fmla="*/ 34 h 342"/>
                  <a:gd name="T28" fmla="*/ 179 w 402"/>
                  <a:gd name="T29" fmla="*/ 45 h 342"/>
                  <a:gd name="T30" fmla="*/ 155 w 402"/>
                  <a:gd name="T31" fmla="*/ 70 h 342"/>
                  <a:gd name="T32" fmla="*/ 160 w 402"/>
                  <a:gd name="T33" fmla="*/ 77 h 342"/>
                  <a:gd name="T34" fmla="*/ 144 w 402"/>
                  <a:gd name="T35" fmla="*/ 129 h 342"/>
                  <a:gd name="T36" fmla="*/ 96 w 402"/>
                  <a:gd name="T37" fmla="*/ 117 h 342"/>
                  <a:gd name="T38" fmla="*/ 82 w 402"/>
                  <a:gd name="T39" fmla="*/ 116 h 342"/>
                  <a:gd name="T40" fmla="*/ 82 w 402"/>
                  <a:gd name="T41" fmla="*/ 117 h 342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w 402"/>
                  <a:gd name="T64" fmla="*/ 0 h 342"/>
                  <a:gd name="T65" fmla="*/ 402 w 402"/>
                  <a:gd name="T66" fmla="*/ 342 h 342"/>
                </a:gdLst>
                <a:ahLst/>
                <a:cxnLst>
                  <a:cxn ang="T42">
                    <a:pos x="T0" y="T1"/>
                  </a:cxn>
                  <a:cxn ang="T43">
                    <a:pos x="T2" y="T3"/>
                  </a:cxn>
                  <a:cxn ang="T44">
                    <a:pos x="T4" y="T5"/>
                  </a:cxn>
                  <a:cxn ang="T45">
                    <a:pos x="T6" y="T7"/>
                  </a:cxn>
                  <a:cxn ang="T46">
                    <a:pos x="T8" y="T9"/>
                  </a:cxn>
                  <a:cxn ang="T47">
                    <a:pos x="T10" y="T11"/>
                  </a:cxn>
                  <a:cxn ang="T48">
                    <a:pos x="T12" y="T13"/>
                  </a:cxn>
                  <a:cxn ang="T49">
                    <a:pos x="T14" y="T15"/>
                  </a:cxn>
                  <a:cxn ang="T50">
                    <a:pos x="T16" y="T17"/>
                  </a:cxn>
                  <a:cxn ang="T51">
                    <a:pos x="T18" y="T19"/>
                  </a:cxn>
                  <a:cxn ang="T52">
                    <a:pos x="T20" y="T21"/>
                  </a:cxn>
                  <a:cxn ang="T53">
                    <a:pos x="T22" y="T23"/>
                  </a:cxn>
                  <a:cxn ang="T54">
                    <a:pos x="T24" y="T25"/>
                  </a:cxn>
                  <a:cxn ang="T55">
                    <a:pos x="T26" y="T27"/>
                  </a:cxn>
                  <a:cxn ang="T56">
                    <a:pos x="T28" y="T29"/>
                  </a:cxn>
                  <a:cxn ang="T57">
                    <a:pos x="T30" y="T31"/>
                  </a:cxn>
                  <a:cxn ang="T58">
                    <a:pos x="T32" y="T33"/>
                  </a:cxn>
                  <a:cxn ang="T59">
                    <a:pos x="T34" y="T35"/>
                  </a:cxn>
                  <a:cxn ang="T60">
                    <a:pos x="T36" y="T37"/>
                  </a:cxn>
                  <a:cxn ang="T61">
                    <a:pos x="T38" y="T39"/>
                  </a:cxn>
                  <a:cxn ang="T62">
                    <a:pos x="T40" y="T41"/>
                  </a:cxn>
                </a:cxnLst>
                <a:rect l="T63" t="T64" r="T65" b="T66"/>
                <a:pathLst>
                  <a:path w="402" h="342">
                    <a:moveTo>
                      <a:pt x="186" y="306"/>
                    </a:moveTo>
                    <a:lnTo>
                      <a:pt x="0" y="252"/>
                    </a:lnTo>
                    <a:lnTo>
                      <a:pt x="0" y="198"/>
                    </a:lnTo>
                    <a:lnTo>
                      <a:pt x="30" y="150"/>
                    </a:lnTo>
                    <a:lnTo>
                      <a:pt x="78" y="42"/>
                    </a:lnTo>
                    <a:lnTo>
                      <a:pt x="84" y="0"/>
                    </a:lnTo>
                    <a:lnTo>
                      <a:pt x="108" y="6"/>
                    </a:lnTo>
                    <a:lnTo>
                      <a:pt x="126" y="18"/>
                    </a:lnTo>
                    <a:lnTo>
                      <a:pt x="126" y="48"/>
                    </a:lnTo>
                    <a:lnTo>
                      <a:pt x="144" y="60"/>
                    </a:lnTo>
                    <a:lnTo>
                      <a:pt x="168" y="54"/>
                    </a:lnTo>
                    <a:lnTo>
                      <a:pt x="198" y="72"/>
                    </a:lnTo>
                    <a:lnTo>
                      <a:pt x="300" y="72"/>
                    </a:lnTo>
                    <a:lnTo>
                      <a:pt x="384" y="90"/>
                    </a:lnTo>
                    <a:lnTo>
                      <a:pt x="402" y="120"/>
                    </a:lnTo>
                    <a:lnTo>
                      <a:pt x="348" y="186"/>
                    </a:lnTo>
                    <a:lnTo>
                      <a:pt x="360" y="204"/>
                    </a:lnTo>
                    <a:lnTo>
                      <a:pt x="324" y="342"/>
                    </a:lnTo>
                    <a:lnTo>
                      <a:pt x="216" y="312"/>
                    </a:lnTo>
                    <a:lnTo>
                      <a:pt x="186" y="306"/>
                    </a:lnTo>
                    <a:lnTo>
                      <a:pt x="186" y="3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21" name="Freeform 100"/>
              <p:cNvSpPr>
                <a:spLocks noChangeAspect="1"/>
              </p:cNvSpPr>
              <p:nvPr/>
            </p:nvSpPr>
            <p:spPr bwMode="auto">
              <a:xfrm>
                <a:off x="2089" y="1304"/>
                <a:ext cx="224" cy="135"/>
              </a:xfrm>
              <a:custGeom>
                <a:avLst/>
                <a:gdLst>
                  <a:gd name="T0" fmla="*/ 14 w 294"/>
                  <a:gd name="T1" fmla="*/ 9 h 186"/>
                  <a:gd name="T2" fmla="*/ 16 w 294"/>
                  <a:gd name="T3" fmla="*/ 14 h 186"/>
                  <a:gd name="T4" fmla="*/ 106 w 294"/>
                  <a:gd name="T5" fmla="*/ 0 h 186"/>
                  <a:gd name="T6" fmla="*/ 117 w 294"/>
                  <a:gd name="T7" fmla="*/ 9 h 186"/>
                  <a:gd name="T8" fmla="*/ 125 w 294"/>
                  <a:gd name="T9" fmla="*/ 12 h 186"/>
                  <a:gd name="T10" fmla="*/ 117 w 294"/>
                  <a:gd name="T11" fmla="*/ 23 h 186"/>
                  <a:gd name="T12" fmla="*/ 120 w 294"/>
                  <a:gd name="T13" fmla="*/ 32 h 186"/>
                  <a:gd name="T14" fmla="*/ 130 w 294"/>
                  <a:gd name="T15" fmla="*/ 41 h 186"/>
                  <a:gd name="T16" fmla="*/ 120 w 294"/>
                  <a:gd name="T17" fmla="*/ 53 h 186"/>
                  <a:gd name="T18" fmla="*/ 117 w 294"/>
                  <a:gd name="T19" fmla="*/ 53 h 186"/>
                  <a:gd name="T20" fmla="*/ 111 w 294"/>
                  <a:gd name="T21" fmla="*/ 55 h 186"/>
                  <a:gd name="T22" fmla="*/ 104 w 294"/>
                  <a:gd name="T23" fmla="*/ 57 h 186"/>
                  <a:gd name="T24" fmla="*/ 32 w 294"/>
                  <a:gd name="T25" fmla="*/ 69 h 186"/>
                  <a:gd name="T26" fmla="*/ 27 w 294"/>
                  <a:gd name="T27" fmla="*/ 69 h 186"/>
                  <a:gd name="T28" fmla="*/ 11 w 294"/>
                  <a:gd name="T29" fmla="*/ 71 h 186"/>
                  <a:gd name="T30" fmla="*/ 5 w 294"/>
                  <a:gd name="T31" fmla="*/ 51 h 186"/>
                  <a:gd name="T32" fmla="*/ 5 w 294"/>
                  <a:gd name="T33" fmla="*/ 44 h 186"/>
                  <a:gd name="T34" fmla="*/ 0 w 294"/>
                  <a:gd name="T35" fmla="*/ 18 h 186"/>
                  <a:gd name="T36" fmla="*/ 14 w 294"/>
                  <a:gd name="T37" fmla="*/ 9 h 18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294"/>
                  <a:gd name="T58" fmla="*/ 0 h 186"/>
                  <a:gd name="T59" fmla="*/ 294 w 294"/>
                  <a:gd name="T60" fmla="*/ 186 h 186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294" h="186">
                    <a:moveTo>
                      <a:pt x="30" y="24"/>
                    </a:moveTo>
                    <a:lnTo>
                      <a:pt x="36" y="36"/>
                    </a:lnTo>
                    <a:lnTo>
                      <a:pt x="240" y="0"/>
                    </a:lnTo>
                    <a:lnTo>
                      <a:pt x="264" y="24"/>
                    </a:lnTo>
                    <a:lnTo>
                      <a:pt x="282" y="30"/>
                    </a:lnTo>
                    <a:lnTo>
                      <a:pt x="264" y="60"/>
                    </a:lnTo>
                    <a:lnTo>
                      <a:pt x="270" y="84"/>
                    </a:lnTo>
                    <a:lnTo>
                      <a:pt x="294" y="108"/>
                    </a:lnTo>
                    <a:lnTo>
                      <a:pt x="270" y="138"/>
                    </a:lnTo>
                    <a:lnTo>
                      <a:pt x="264" y="138"/>
                    </a:lnTo>
                    <a:lnTo>
                      <a:pt x="252" y="144"/>
                    </a:lnTo>
                    <a:lnTo>
                      <a:pt x="234" y="150"/>
                    </a:lnTo>
                    <a:lnTo>
                      <a:pt x="72" y="180"/>
                    </a:lnTo>
                    <a:lnTo>
                      <a:pt x="60" y="180"/>
                    </a:lnTo>
                    <a:lnTo>
                      <a:pt x="24" y="186"/>
                    </a:lnTo>
                    <a:lnTo>
                      <a:pt x="12" y="132"/>
                    </a:lnTo>
                    <a:lnTo>
                      <a:pt x="12" y="114"/>
                    </a:lnTo>
                    <a:lnTo>
                      <a:pt x="0" y="48"/>
                    </a:lnTo>
                    <a:lnTo>
                      <a:pt x="30" y="2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22" name="Freeform 101"/>
              <p:cNvSpPr>
                <a:spLocks noChangeAspect="1"/>
              </p:cNvSpPr>
              <p:nvPr/>
            </p:nvSpPr>
            <p:spPr bwMode="auto">
              <a:xfrm>
                <a:off x="2089" y="1304"/>
                <a:ext cx="224" cy="135"/>
              </a:xfrm>
              <a:custGeom>
                <a:avLst/>
                <a:gdLst>
                  <a:gd name="T0" fmla="*/ 14 w 294"/>
                  <a:gd name="T1" fmla="*/ 9 h 186"/>
                  <a:gd name="T2" fmla="*/ 16 w 294"/>
                  <a:gd name="T3" fmla="*/ 14 h 186"/>
                  <a:gd name="T4" fmla="*/ 106 w 294"/>
                  <a:gd name="T5" fmla="*/ 0 h 186"/>
                  <a:gd name="T6" fmla="*/ 117 w 294"/>
                  <a:gd name="T7" fmla="*/ 9 h 186"/>
                  <a:gd name="T8" fmla="*/ 125 w 294"/>
                  <a:gd name="T9" fmla="*/ 12 h 186"/>
                  <a:gd name="T10" fmla="*/ 117 w 294"/>
                  <a:gd name="T11" fmla="*/ 23 h 186"/>
                  <a:gd name="T12" fmla="*/ 120 w 294"/>
                  <a:gd name="T13" fmla="*/ 32 h 186"/>
                  <a:gd name="T14" fmla="*/ 130 w 294"/>
                  <a:gd name="T15" fmla="*/ 41 h 186"/>
                  <a:gd name="T16" fmla="*/ 120 w 294"/>
                  <a:gd name="T17" fmla="*/ 53 h 186"/>
                  <a:gd name="T18" fmla="*/ 117 w 294"/>
                  <a:gd name="T19" fmla="*/ 53 h 186"/>
                  <a:gd name="T20" fmla="*/ 111 w 294"/>
                  <a:gd name="T21" fmla="*/ 55 h 186"/>
                  <a:gd name="T22" fmla="*/ 104 w 294"/>
                  <a:gd name="T23" fmla="*/ 57 h 186"/>
                  <a:gd name="T24" fmla="*/ 32 w 294"/>
                  <a:gd name="T25" fmla="*/ 69 h 186"/>
                  <a:gd name="T26" fmla="*/ 27 w 294"/>
                  <a:gd name="T27" fmla="*/ 69 h 186"/>
                  <a:gd name="T28" fmla="*/ 11 w 294"/>
                  <a:gd name="T29" fmla="*/ 71 h 186"/>
                  <a:gd name="T30" fmla="*/ 5 w 294"/>
                  <a:gd name="T31" fmla="*/ 51 h 186"/>
                  <a:gd name="T32" fmla="*/ 5 w 294"/>
                  <a:gd name="T33" fmla="*/ 44 h 186"/>
                  <a:gd name="T34" fmla="*/ 0 w 294"/>
                  <a:gd name="T35" fmla="*/ 18 h 186"/>
                  <a:gd name="T36" fmla="*/ 14 w 294"/>
                  <a:gd name="T37" fmla="*/ 9 h 186"/>
                  <a:gd name="T38" fmla="*/ 14 w 294"/>
                  <a:gd name="T39" fmla="*/ 12 h 18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294"/>
                  <a:gd name="T61" fmla="*/ 0 h 186"/>
                  <a:gd name="T62" fmla="*/ 294 w 294"/>
                  <a:gd name="T63" fmla="*/ 186 h 186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294" h="186">
                    <a:moveTo>
                      <a:pt x="30" y="24"/>
                    </a:moveTo>
                    <a:lnTo>
                      <a:pt x="36" y="36"/>
                    </a:lnTo>
                    <a:lnTo>
                      <a:pt x="240" y="0"/>
                    </a:lnTo>
                    <a:lnTo>
                      <a:pt x="264" y="24"/>
                    </a:lnTo>
                    <a:lnTo>
                      <a:pt x="282" y="30"/>
                    </a:lnTo>
                    <a:lnTo>
                      <a:pt x="264" y="60"/>
                    </a:lnTo>
                    <a:lnTo>
                      <a:pt x="270" y="84"/>
                    </a:lnTo>
                    <a:lnTo>
                      <a:pt x="294" y="108"/>
                    </a:lnTo>
                    <a:lnTo>
                      <a:pt x="270" y="138"/>
                    </a:lnTo>
                    <a:lnTo>
                      <a:pt x="264" y="138"/>
                    </a:lnTo>
                    <a:lnTo>
                      <a:pt x="252" y="144"/>
                    </a:lnTo>
                    <a:lnTo>
                      <a:pt x="234" y="150"/>
                    </a:lnTo>
                    <a:lnTo>
                      <a:pt x="72" y="180"/>
                    </a:lnTo>
                    <a:lnTo>
                      <a:pt x="60" y="180"/>
                    </a:lnTo>
                    <a:lnTo>
                      <a:pt x="24" y="186"/>
                    </a:lnTo>
                    <a:lnTo>
                      <a:pt x="12" y="132"/>
                    </a:lnTo>
                    <a:lnTo>
                      <a:pt x="12" y="114"/>
                    </a:lnTo>
                    <a:lnTo>
                      <a:pt x="0" y="48"/>
                    </a:lnTo>
                    <a:lnTo>
                      <a:pt x="30" y="24"/>
                    </a:lnTo>
                    <a:lnTo>
                      <a:pt x="30" y="3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23" name="Freeform 102"/>
              <p:cNvSpPr>
                <a:spLocks noChangeAspect="1"/>
              </p:cNvSpPr>
              <p:nvPr/>
            </p:nvSpPr>
            <p:spPr bwMode="auto">
              <a:xfrm>
                <a:off x="2400" y="1270"/>
                <a:ext cx="27" cy="34"/>
              </a:xfrm>
              <a:custGeom>
                <a:avLst/>
                <a:gdLst>
                  <a:gd name="T0" fmla="*/ 15 w 36"/>
                  <a:gd name="T1" fmla="*/ 11 h 48"/>
                  <a:gd name="T2" fmla="*/ 12 w 36"/>
                  <a:gd name="T3" fmla="*/ 13 h 48"/>
                  <a:gd name="T4" fmla="*/ 10 w 36"/>
                  <a:gd name="T5" fmla="*/ 9 h 48"/>
                  <a:gd name="T6" fmla="*/ 10 w 36"/>
                  <a:gd name="T7" fmla="*/ 15 h 48"/>
                  <a:gd name="T8" fmla="*/ 2 w 36"/>
                  <a:gd name="T9" fmla="*/ 17 h 48"/>
                  <a:gd name="T10" fmla="*/ 0 w 36"/>
                  <a:gd name="T11" fmla="*/ 2 h 48"/>
                  <a:gd name="T12" fmla="*/ 7 w 36"/>
                  <a:gd name="T13" fmla="*/ 0 h 48"/>
                  <a:gd name="T14" fmla="*/ 15 w 36"/>
                  <a:gd name="T15" fmla="*/ 9 h 48"/>
                  <a:gd name="T16" fmla="*/ 15 w 36"/>
                  <a:gd name="T17" fmla="*/ 11 h 48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36"/>
                  <a:gd name="T28" fmla="*/ 0 h 48"/>
                  <a:gd name="T29" fmla="*/ 36 w 36"/>
                  <a:gd name="T30" fmla="*/ 48 h 48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36" h="48">
                    <a:moveTo>
                      <a:pt x="36" y="30"/>
                    </a:moveTo>
                    <a:lnTo>
                      <a:pt x="30" y="36"/>
                    </a:lnTo>
                    <a:lnTo>
                      <a:pt x="24" y="24"/>
                    </a:lnTo>
                    <a:lnTo>
                      <a:pt x="24" y="42"/>
                    </a:lnTo>
                    <a:lnTo>
                      <a:pt x="6" y="48"/>
                    </a:lnTo>
                    <a:lnTo>
                      <a:pt x="0" y="6"/>
                    </a:lnTo>
                    <a:lnTo>
                      <a:pt x="18" y="0"/>
                    </a:lnTo>
                    <a:lnTo>
                      <a:pt x="36" y="24"/>
                    </a:lnTo>
                    <a:lnTo>
                      <a:pt x="36" y="30"/>
                    </a:lnTo>
                    <a:close/>
                  </a:path>
                </a:pathLst>
              </a:custGeom>
              <a:solidFill>
                <a:srgbClr val="FFFFFF"/>
              </a:solidFill>
              <a:ln w="9525">
                <a:solidFill>
                  <a:srgbClr val="FFFFFF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24" name="Freeform 103"/>
              <p:cNvSpPr>
                <a:spLocks noChangeAspect="1"/>
              </p:cNvSpPr>
              <p:nvPr/>
            </p:nvSpPr>
            <p:spPr bwMode="auto">
              <a:xfrm>
                <a:off x="2400" y="1270"/>
                <a:ext cx="27" cy="34"/>
              </a:xfrm>
              <a:custGeom>
                <a:avLst/>
                <a:gdLst>
                  <a:gd name="T0" fmla="*/ 15 w 36"/>
                  <a:gd name="T1" fmla="*/ 11 h 48"/>
                  <a:gd name="T2" fmla="*/ 12 w 36"/>
                  <a:gd name="T3" fmla="*/ 13 h 48"/>
                  <a:gd name="T4" fmla="*/ 10 w 36"/>
                  <a:gd name="T5" fmla="*/ 9 h 48"/>
                  <a:gd name="T6" fmla="*/ 10 w 36"/>
                  <a:gd name="T7" fmla="*/ 15 h 48"/>
                  <a:gd name="T8" fmla="*/ 2 w 36"/>
                  <a:gd name="T9" fmla="*/ 17 h 48"/>
                  <a:gd name="T10" fmla="*/ 0 w 36"/>
                  <a:gd name="T11" fmla="*/ 2 h 48"/>
                  <a:gd name="T12" fmla="*/ 7 w 36"/>
                  <a:gd name="T13" fmla="*/ 0 h 48"/>
                  <a:gd name="T14" fmla="*/ 15 w 36"/>
                  <a:gd name="T15" fmla="*/ 9 h 48"/>
                  <a:gd name="T16" fmla="*/ 15 w 36"/>
                  <a:gd name="T17" fmla="*/ 11 h 48"/>
                  <a:gd name="T18" fmla="*/ 15 w 36"/>
                  <a:gd name="T19" fmla="*/ 13 h 4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6"/>
                  <a:gd name="T31" fmla="*/ 0 h 48"/>
                  <a:gd name="T32" fmla="*/ 36 w 36"/>
                  <a:gd name="T33" fmla="*/ 48 h 4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6" h="48">
                    <a:moveTo>
                      <a:pt x="36" y="30"/>
                    </a:moveTo>
                    <a:lnTo>
                      <a:pt x="30" y="36"/>
                    </a:lnTo>
                    <a:lnTo>
                      <a:pt x="24" y="24"/>
                    </a:lnTo>
                    <a:lnTo>
                      <a:pt x="24" y="42"/>
                    </a:lnTo>
                    <a:lnTo>
                      <a:pt x="6" y="48"/>
                    </a:lnTo>
                    <a:lnTo>
                      <a:pt x="0" y="6"/>
                    </a:lnTo>
                    <a:lnTo>
                      <a:pt x="18" y="0"/>
                    </a:lnTo>
                    <a:lnTo>
                      <a:pt x="36" y="24"/>
                    </a:lnTo>
                    <a:lnTo>
                      <a:pt x="36" y="30"/>
                    </a:lnTo>
                    <a:lnTo>
                      <a:pt x="36" y="3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25" name="Freeform 104"/>
              <p:cNvSpPr>
                <a:spLocks noChangeAspect="1"/>
              </p:cNvSpPr>
              <p:nvPr/>
            </p:nvSpPr>
            <p:spPr bwMode="auto">
              <a:xfrm>
                <a:off x="2034" y="1651"/>
                <a:ext cx="196" cy="143"/>
              </a:xfrm>
              <a:custGeom>
                <a:avLst/>
                <a:gdLst>
                  <a:gd name="T0" fmla="*/ 113 w 258"/>
                  <a:gd name="T1" fmla="*/ 22 h 198"/>
                  <a:gd name="T2" fmla="*/ 100 w 258"/>
                  <a:gd name="T3" fmla="*/ 38 h 198"/>
                  <a:gd name="T4" fmla="*/ 103 w 258"/>
                  <a:gd name="T5" fmla="*/ 43 h 198"/>
                  <a:gd name="T6" fmla="*/ 90 w 258"/>
                  <a:gd name="T7" fmla="*/ 54 h 198"/>
                  <a:gd name="T8" fmla="*/ 87 w 258"/>
                  <a:gd name="T9" fmla="*/ 52 h 198"/>
                  <a:gd name="T10" fmla="*/ 87 w 258"/>
                  <a:gd name="T11" fmla="*/ 56 h 198"/>
                  <a:gd name="T12" fmla="*/ 74 w 258"/>
                  <a:gd name="T13" fmla="*/ 63 h 198"/>
                  <a:gd name="T14" fmla="*/ 74 w 258"/>
                  <a:gd name="T15" fmla="*/ 68 h 198"/>
                  <a:gd name="T16" fmla="*/ 68 w 258"/>
                  <a:gd name="T17" fmla="*/ 66 h 198"/>
                  <a:gd name="T18" fmla="*/ 71 w 258"/>
                  <a:gd name="T19" fmla="*/ 70 h 198"/>
                  <a:gd name="T20" fmla="*/ 68 w 258"/>
                  <a:gd name="T21" fmla="*/ 74 h 198"/>
                  <a:gd name="T22" fmla="*/ 61 w 258"/>
                  <a:gd name="T23" fmla="*/ 72 h 198"/>
                  <a:gd name="T24" fmla="*/ 50 w 258"/>
                  <a:gd name="T25" fmla="*/ 54 h 198"/>
                  <a:gd name="T26" fmla="*/ 21 w 258"/>
                  <a:gd name="T27" fmla="*/ 34 h 198"/>
                  <a:gd name="T28" fmla="*/ 13 w 258"/>
                  <a:gd name="T29" fmla="*/ 22 h 198"/>
                  <a:gd name="T30" fmla="*/ 0 w 258"/>
                  <a:gd name="T31" fmla="*/ 18 h 198"/>
                  <a:gd name="T32" fmla="*/ 5 w 258"/>
                  <a:gd name="T33" fmla="*/ 12 h 198"/>
                  <a:gd name="T34" fmla="*/ 21 w 258"/>
                  <a:gd name="T35" fmla="*/ 5 h 198"/>
                  <a:gd name="T36" fmla="*/ 50 w 258"/>
                  <a:gd name="T37" fmla="*/ 0 h 198"/>
                  <a:gd name="T38" fmla="*/ 58 w 258"/>
                  <a:gd name="T39" fmla="*/ 9 h 198"/>
                  <a:gd name="T40" fmla="*/ 84 w 258"/>
                  <a:gd name="T41" fmla="*/ 5 h 198"/>
                  <a:gd name="T42" fmla="*/ 110 w 258"/>
                  <a:gd name="T43" fmla="*/ 22 h 198"/>
                  <a:gd name="T44" fmla="*/ 113 w 258"/>
                  <a:gd name="T45" fmla="*/ 22 h 198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258"/>
                  <a:gd name="T70" fmla="*/ 0 h 198"/>
                  <a:gd name="T71" fmla="*/ 258 w 258"/>
                  <a:gd name="T72" fmla="*/ 198 h 198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258" h="198">
                    <a:moveTo>
                      <a:pt x="258" y="60"/>
                    </a:moveTo>
                    <a:lnTo>
                      <a:pt x="228" y="102"/>
                    </a:lnTo>
                    <a:lnTo>
                      <a:pt x="234" y="114"/>
                    </a:lnTo>
                    <a:lnTo>
                      <a:pt x="204" y="144"/>
                    </a:lnTo>
                    <a:lnTo>
                      <a:pt x="198" y="138"/>
                    </a:lnTo>
                    <a:lnTo>
                      <a:pt x="198" y="150"/>
                    </a:lnTo>
                    <a:lnTo>
                      <a:pt x="168" y="168"/>
                    </a:lnTo>
                    <a:lnTo>
                      <a:pt x="168" y="180"/>
                    </a:lnTo>
                    <a:lnTo>
                      <a:pt x="156" y="174"/>
                    </a:lnTo>
                    <a:lnTo>
                      <a:pt x="162" y="186"/>
                    </a:lnTo>
                    <a:lnTo>
                      <a:pt x="156" y="198"/>
                    </a:lnTo>
                    <a:lnTo>
                      <a:pt x="138" y="192"/>
                    </a:lnTo>
                    <a:lnTo>
                      <a:pt x="114" y="144"/>
                    </a:lnTo>
                    <a:lnTo>
                      <a:pt x="48" y="90"/>
                    </a:lnTo>
                    <a:lnTo>
                      <a:pt x="30" y="60"/>
                    </a:lnTo>
                    <a:lnTo>
                      <a:pt x="0" y="48"/>
                    </a:lnTo>
                    <a:lnTo>
                      <a:pt x="12" y="30"/>
                    </a:lnTo>
                    <a:lnTo>
                      <a:pt x="48" y="12"/>
                    </a:lnTo>
                    <a:lnTo>
                      <a:pt x="114" y="0"/>
                    </a:lnTo>
                    <a:lnTo>
                      <a:pt x="132" y="24"/>
                    </a:lnTo>
                    <a:lnTo>
                      <a:pt x="192" y="12"/>
                    </a:lnTo>
                    <a:lnTo>
                      <a:pt x="252" y="60"/>
                    </a:lnTo>
                    <a:lnTo>
                      <a:pt x="258" y="6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26" name="Freeform 105"/>
              <p:cNvSpPr>
                <a:spLocks noChangeAspect="1"/>
              </p:cNvSpPr>
              <p:nvPr/>
            </p:nvSpPr>
            <p:spPr bwMode="auto">
              <a:xfrm>
                <a:off x="2034" y="1651"/>
                <a:ext cx="196" cy="143"/>
              </a:xfrm>
              <a:custGeom>
                <a:avLst/>
                <a:gdLst>
                  <a:gd name="T0" fmla="*/ 113 w 258"/>
                  <a:gd name="T1" fmla="*/ 22 h 198"/>
                  <a:gd name="T2" fmla="*/ 100 w 258"/>
                  <a:gd name="T3" fmla="*/ 38 h 198"/>
                  <a:gd name="T4" fmla="*/ 103 w 258"/>
                  <a:gd name="T5" fmla="*/ 43 h 198"/>
                  <a:gd name="T6" fmla="*/ 90 w 258"/>
                  <a:gd name="T7" fmla="*/ 54 h 198"/>
                  <a:gd name="T8" fmla="*/ 87 w 258"/>
                  <a:gd name="T9" fmla="*/ 52 h 198"/>
                  <a:gd name="T10" fmla="*/ 87 w 258"/>
                  <a:gd name="T11" fmla="*/ 56 h 198"/>
                  <a:gd name="T12" fmla="*/ 74 w 258"/>
                  <a:gd name="T13" fmla="*/ 63 h 198"/>
                  <a:gd name="T14" fmla="*/ 74 w 258"/>
                  <a:gd name="T15" fmla="*/ 68 h 198"/>
                  <a:gd name="T16" fmla="*/ 68 w 258"/>
                  <a:gd name="T17" fmla="*/ 66 h 198"/>
                  <a:gd name="T18" fmla="*/ 71 w 258"/>
                  <a:gd name="T19" fmla="*/ 70 h 198"/>
                  <a:gd name="T20" fmla="*/ 68 w 258"/>
                  <a:gd name="T21" fmla="*/ 74 h 198"/>
                  <a:gd name="T22" fmla="*/ 61 w 258"/>
                  <a:gd name="T23" fmla="*/ 72 h 198"/>
                  <a:gd name="T24" fmla="*/ 50 w 258"/>
                  <a:gd name="T25" fmla="*/ 54 h 198"/>
                  <a:gd name="T26" fmla="*/ 21 w 258"/>
                  <a:gd name="T27" fmla="*/ 34 h 198"/>
                  <a:gd name="T28" fmla="*/ 13 w 258"/>
                  <a:gd name="T29" fmla="*/ 22 h 198"/>
                  <a:gd name="T30" fmla="*/ 0 w 258"/>
                  <a:gd name="T31" fmla="*/ 18 h 198"/>
                  <a:gd name="T32" fmla="*/ 5 w 258"/>
                  <a:gd name="T33" fmla="*/ 12 h 198"/>
                  <a:gd name="T34" fmla="*/ 21 w 258"/>
                  <a:gd name="T35" fmla="*/ 5 h 198"/>
                  <a:gd name="T36" fmla="*/ 50 w 258"/>
                  <a:gd name="T37" fmla="*/ 0 h 198"/>
                  <a:gd name="T38" fmla="*/ 58 w 258"/>
                  <a:gd name="T39" fmla="*/ 9 h 198"/>
                  <a:gd name="T40" fmla="*/ 84 w 258"/>
                  <a:gd name="T41" fmla="*/ 5 h 198"/>
                  <a:gd name="T42" fmla="*/ 110 w 258"/>
                  <a:gd name="T43" fmla="*/ 22 h 198"/>
                  <a:gd name="T44" fmla="*/ 113 w 258"/>
                  <a:gd name="T45" fmla="*/ 22 h 198"/>
                  <a:gd name="T46" fmla="*/ 113 w 258"/>
                  <a:gd name="T47" fmla="*/ 25 h 198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w 258"/>
                  <a:gd name="T73" fmla="*/ 0 h 198"/>
                  <a:gd name="T74" fmla="*/ 258 w 258"/>
                  <a:gd name="T75" fmla="*/ 198 h 198"/>
                </a:gdLst>
                <a:ahLst/>
                <a:cxnLst>
                  <a:cxn ang="T48">
                    <a:pos x="T0" y="T1"/>
                  </a:cxn>
                  <a:cxn ang="T49">
                    <a:pos x="T2" y="T3"/>
                  </a:cxn>
                  <a:cxn ang="T50">
                    <a:pos x="T4" y="T5"/>
                  </a:cxn>
                  <a:cxn ang="T51">
                    <a:pos x="T6" y="T7"/>
                  </a:cxn>
                  <a:cxn ang="T52">
                    <a:pos x="T8" y="T9"/>
                  </a:cxn>
                  <a:cxn ang="T53">
                    <a:pos x="T10" y="T11"/>
                  </a:cxn>
                  <a:cxn ang="T54">
                    <a:pos x="T12" y="T13"/>
                  </a:cxn>
                  <a:cxn ang="T55">
                    <a:pos x="T14" y="T15"/>
                  </a:cxn>
                  <a:cxn ang="T56">
                    <a:pos x="T16" y="T17"/>
                  </a:cxn>
                  <a:cxn ang="T57">
                    <a:pos x="T18" y="T19"/>
                  </a:cxn>
                  <a:cxn ang="T58">
                    <a:pos x="T20" y="T21"/>
                  </a:cxn>
                  <a:cxn ang="T59">
                    <a:pos x="T22" y="T23"/>
                  </a:cxn>
                  <a:cxn ang="T60">
                    <a:pos x="T24" y="T25"/>
                  </a:cxn>
                  <a:cxn ang="T61">
                    <a:pos x="T26" y="T27"/>
                  </a:cxn>
                  <a:cxn ang="T62">
                    <a:pos x="T28" y="T29"/>
                  </a:cxn>
                  <a:cxn ang="T63">
                    <a:pos x="T30" y="T31"/>
                  </a:cxn>
                  <a:cxn ang="T64">
                    <a:pos x="T32" y="T33"/>
                  </a:cxn>
                  <a:cxn ang="T65">
                    <a:pos x="T34" y="T35"/>
                  </a:cxn>
                  <a:cxn ang="T66">
                    <a:pos x="T36" y="T37"/>
                  </a:cxn>
                  <a:cxn ang="T67">
                    <a:pos x="T38" y="T39"/>
                  </a:cxn>
                  <a:cxn ang="T68">
                    <a:pos x="T40" y="T41"/>
                  </a:cxn>
                  <a:cxn ang="T69">
                    <a:pos x="T42" y="T43"/>
                  </a:cxn>
                  <a:cxn ang="T70">
                    <a:pos x="T44" y="T45"/>
                  </a:cxn>
                  <a:cxn ang="T71">
                    <a:pos x="T46" y="T47"/>
                  </a:cxn>
                </a:cxnLst>
                <a:rect l="T72" t="T73" r="T74" b="T75"/>
                <a:pathLst>
                  <a:path w="258" h="198">
                    <a:moveTo>
                      <a:pt x="258" y="60"/>
                    </a:moveTo>
                    <a:lnTo>
                      <a:pt x="228" y="102"/>
                    </a:lnTo>
                    <a:lnTo>
                      <a:pt x="234" y="114"/>
                    </a:lnTo>
                    <a:lnTo>
                      <a:pt x="204" y="144"/>
                    </a:lnTo>
                    <a:lnTo>
                      <a:pt x="198" y="138"/>
                    </a:lnTo>
                    <a:lnTo>
                      <a:pt x="198" y="150"/>
                    </a:lnTo>
                    <a:lnTo>
                      <a:pt x="168" y="168"/>
                    </a:lnTo>
                    <a:lnTo>
                      <a:pt x="168" y="180"/>
                    </a:lnTo>
                    <a:lnTo>
                      <a:pt x="156" y="174"/>
                    </a:lnTo>
                    <a:lnTo>
                      <a:pt x="162" y="186"/>
                    </a:lnTo>
                    <a:lnTo>
                      <a:pt x="156" y="198"/>
                    </a:lnTo>
                    <a:lnTo>
                      <a:pt x="138" y="192"/>
                    </a:lnTo>
                    <a:lnTo>
                      <a:pt x="114" y="144"/>
                    </a:lnTo>
                    <a:lnTo>
                      <a:pt x="48" y="90"/>
                    </a:lnTo>
                    <a:lnTo>
                      <a:pt x="30" y="60"/>
                    </a:lnTo>
                    <a:lnTo>
                      <a:pt x="0" y="48"/>
                    </a:lnTo>
                    <a:lnTo>
                      <a:pt x="12" y="30"/>
                    </a:lnTo>
                    <a:lnTo>
                      <a:pt x="48" y="12"/>
                    </a:lnTo>
                    <a:lnTo>
                      <a:pt x="114" y="0"/>
                    </a:lnTo>
                    <a:lnTo>
                      <a:pt x="132" y="24"/>
                    </a:lnTo>
                    <a:lnTo>
                      <a:pt x="192" y="12"/>
                    </a:lnTo>
                    <a:lnTo>
                      <a:pt x="252" y="60"/>
                    </a:lnTo>
                    <a:lnTo>
                      <a:pt x="258" y="60"/>
                    </a:lnTo>
                    <a:lnTo>
                      <a:pt x="258" y="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27" name="Freeform 106"/>
              <p:cNvSpPr>
                <a:spLocks noChangeAspect="1"/>
              </p:cNvSpPr>
              <p:nvPr/>
            </p:nvSpPr>
            <p:spPr bwMode="auto">
              <a:xfrm>
                <a:off x="1242" y="1188"/>
                <a:ext cx="275" cy="168"/>
              </a:xfrm>
              <a:custGeom>
                <a:avLst/>
                <a:gdLst>
                  <a:gd name="T0" fmla="*/ 160 w 360"/>
                  <a:gd name="T1" fmla="*/ 62 h 234"/>
                  <a:gd name="T2" fmla="*/ 157 w 360"/>
                  <a:gd name="T3" fmla="*/ 65 h 234"/>
                  <a:gd name="T4" fmla="*/ 160 w 360"/>
                  <a:gd name="T5" fmla="*/ 71 h 234"/>
                  <a:gd name="T6" fmla="*/ 155 w 360"/>
                  <a:gd name="T7" fmla="*/ 80 h 234"/>
                  <a:gd name="T8" fmla="*/ 160 w 360"/>
                  <a:gd name="T9" fmla="*/ 87 h 234"/>
                  <a:gd name="T10" fmla="*/ 157 w 360"/>
                  <a:gd name="T11" fmla="*/ 87 h 234"/>
                  <a:gd name="T12" fmla="*/ 144 w 360"/>
                  <a:gd name="T13" fmla="*/ 78 h 234"/>
                  <a:gd name="T14" fmla="*/ 128 w 360"/>
                  <a:gd name="T15" fmla="*/ 80 h 234"/>
                  <a:gd name="T16" fmla="*/ 118 w 360"/>
                  <a:gd name="T17" fmla="*/ 73 h 234"/>
                  <a:gd name="T18" fmla="*/ 0 w 360"/>
                  <a:gd name="T19" fmla="*/ 69 h 234"/>
                  <a:gd name="T20" fmla="*/ 3 w 360"/>
                  <a:gd name="T21" fmla="*/ 57 h 234"/>
                  <a:gd name="T22" fmla="*/ 5 w 360"/>
                  <a:gd name="T23" fmla="*/ 20 h 234"/>
                  <a:gd name="T24" fmla="*/ 8 w 360"/>
                  <a:gd name="T25" fmla="*/ 0 h 234"/>
                  <a:gd name="T26" fmla="*/ 157 w 360"/>
                  <a:gd name="T27" fmla="*/ 4 h 234"/>
                  <a:gd name="T28" fmla="*/ 152 w 360"/>
                  <a:gd name="T29" fmla="*/ 11 h 234"/>
                  <a:gd name="T30" fmla="*/ 160 w 360"/>
                  <a:gd name="T31" fmla="*/ 20 h 234"/>
                  <a:gd name="T32" fmla="*/ 160 w 360"/>
                  <a:gd name="T33" fmla="*/ 53 h 234"/>
                  <a:gd name="T34" fmla="*/ 160 w 360"/>
                  <a:gd name="T35" fmla="*/ 62 h 234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360"/>
                  <a:gd name="T55" fmla="*/ 0 h 234"/>
                  <a:gd name="T56" fmla="*/ 360 w 360"/>
                  <a:gd name="T57" fmla="*/ 234 h 234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360" h="234">
                    <a:moveTo>
                      <a:pt x="360" y="168"/>
                    </a:moveTo>
                    <a:lnTo>
                      <a:pt x="354" y="174"/>
                    </a:lnTo>
                    <a:lnTo>
                      <a:pt x="360" y="192"/>
                    </a:lnTo>
                    <a:lnTo>
                      <a:pt x="348" y="216"/>
                    </a:lnTo>
                    <a:lnTo>
                      <a:pt x="360" y="234"/>
                    </a:lnTo>
                    <a:lnTo>
                      <a:pt x="354" y="234"/>
                    </a:lnTo>
                    <a:lnTo>
                      <a:pt x="324" y="210"/>
                    </a:lnTo>
                    <a:lnTo>
                      <a:pt x="288" y="216"/>
                    </a:lnTo>
                    <a:lnTo>
                      <a:pt x="264" y="198"/>
                    </a:lnTo>
                    <a:lnTo>
                      <a:pt x="0" y="186"/>
                    </a:lnTo>
                    <a:lnTo>
                      <a:pt x="6" y="156"/>
                    </a:lnTo>
                    <a:lnTo>
                      <a:pt x="12" y="54"/>
                    </a:lnTo>
                    <a:lnTo>
                      <a:pt x="18" y="0"/>
                    </a:lnTo>
                    <a:lnTo>
                      <a:pt x="354" y="12"/>
                    </a:lnTo>
                    <a:lnTo>
                      <a:pt x="342" y="30"/>
                    </a:lnTo>
                    <a:lnTo>
                      <a:pt x="360" y="54"/>
                    </a:lnTo>
                    <a:lnTo>
                      <a:pt x="360" y="144"/>
                    </a:lnTo>
                    <a:lnTo>
                      <a:pt x="360" y="16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28" name="Freeform 107"/>
              <p:cNvSpPr>
                <a:spLocks noChangeAspect="1"/>
              </p:cNvSpPr>
              <p:nvPr/>
            </p:nvSpPr>
            <p:spPr bwMode="auto">
              <a:xfrm>
                <a:off x="1242" y="1188"/>
                <a:ext cx="275" cy="168"/>
              </a:xfrm>
              <a:custGeom>
                <a:avLst/>
                <a:gdLst>
                  <a:gd name="T0" fmla="*/ 160 w 360"/>
                  <a:gd name="T1" fmla="*/ 62 h 234"/>
                  <a:gd name="T2" fmla="*/ 157 w 360"/>
                  <a:gd name="T3" fmla="*/ 65 h 234"/>
                  <a:gd name="T4" fmla="*/ 160 w 360"/>
                  <a:gd name="T5" fmla="*/ 71 h 234"/>
                  <a:gd name="T6" fmla="*/ 155 w 360"/>
                  <a:gd name="T7" fmla="*/ 80 h 234"/>
                  <a:gd name="T8" fmla="*/ 160 w 360"/>
                  <a:gd name="T9" fmla="*/ 87 h 234"/>
                  <a:gd name="T10" fmla="*/ 157 w 360"/>
                  <a:gd name="T11" fmla="*/ 87 h 234"/>
                  <a:gd name="T12" fmla="*/ 144 w 360"/>
                  <a:gd name="T13" fmla="*/ 78 h 234"/>
                  <a:gd name="T14" fmla="*/ 128 w 360"/>
                  <a:gd name="T15" fmla="*/ 80 h 234"/>
                  <a:gd name="T16" fmla="*/ 118 w 360"/>
                  <a:gd name="T17" fmla="*/ 73 h 234"/>
                  <a:gd name="T18" fmla="*/ 0 w 360"/>
                  <a:gd name="T19" fmla="*/ 69 h 234"/>
                  <a:gd name="T20" fmla="*/ 3 w 360"/>
                  <a:gd name="T21" fmla="*/ 57 h 234"/>
                  <a:gd name="T22" fmla="*/ 5 w 360"/>
                  <a:gd name="T23" fmla="*/ 20 h 234"/>
                  <a:gd name="T24" fmla="*/ 8 w 360"/>
                  <a:gd name="T25" fmla="*/ 0 h 234"/>
                  <a:gd name="T26" fmla="*/ 157 w 360"/>
                  <a:gd name="T27" fmla="*/ 4 h 234"/>
                  <a:gd name="T28" fmla="*/ 152 w 360"/>
                  <a:gd name="T29" fmla="*/ 11 h 234"/>
                  <a:gd name="T30" fmla="*/ 160 w 360"/>
                  <a:gd name="T31" fmla="*/ 20 h 234"/>
                  <a:gd name="T32" fmla="*/ 160 w 360"/>
                  <a:gd name="T33" fmla="*/ 53 h 234"/>
                  <a:gd name="T34" fmla="*/ 160 w 360"/>
                  <a:gd name="T35" fmla="*/ 62 h 234"/>
                  <a:gd name="T36" fmla="*/ 160 w 360"/>
                  <a:gd name="T37" fmla="*/ 65 h 234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360"/>
                  <a:gd name="T58" fmla="*/ 0 h 234"/>
                  <a:gd name="T59" fmla="*/ 360 w 360"/>
                  <a:gd name="T60" fmla="*/ 234 h 234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360" h="234">
                    <a:moveTo>
                      <a:pt x="360" y="168"/>
                    </a:moveTo>
                    <a:lnTo>
                      <a:pt x="354" y="174"/>
                    </a:lnTo>
                    <a:lnTo>
                      <a:pt x="360" y="192"/>
                    </a:lnTo>
                    <a:lnTo>
                      <a:pt x="348" y="216"/>
                    </a:lnTo>
                    <a:lnTo>
                      <a:pt x="360" y="234"/>
                    </a:lnTo>
                    <a:lnTo>
                      <a:pt x="354" y="234"/>
                    </a:lnTo>
                    <a:lnTo>
                      <a:pt x="324" y="210"/>
                    </a:lnTo>
                    <a:lnTo>
                      <a:pt x="288" y="216"/>
                    </a:lnTo>
                    <a:lnTo>
                      <a:pt x="264" y="198"/>
                    </a:lnTo>
                    <a:lnTo>
                      <a:pt x="0" y="186"/>
                    </a:lnTo>
                    <a:lnTo>
                      <a:pt x="6" y="156"/>
                    </a:lnTo>
                    <a:lnTo>
                      <a:pt x="12" y="54"/>
                    </a:lnTo>
                    <a:lnTo>
                      <a:pt x="18" y="0"/>
                    </a:lnTo>
                    <a:lnTo>
                      <a:pt x="354" y="12"/>
                    </a:lnTo>
                    <a:lnTo>
                      <a:pt x="342" y="30"/>
                    </a:lnTo>
                    <a:lnTo>
                      <a:pt x="360" y="54"/>
                    </a:lnTo>
                    <a:lnTo>
                      <a:pt x="360" y="144"/>
                    </a:lnTo>
                    <a:lnTo>
                      <a:pt x="360" y="168"/>
                    </a:lnTo>
                    <a:lnTo>
                      <a:pt x="360" y="17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29" name="Freeform 108"/>
              <p:cNvSpPr>
                <a:spLocks noChangeAspect="1"/>
              </p:cNvSpPr>
              <p:nvPr/>
            </p:nvSpPr>
            <p:spPr bwMode="auto">
              <a:xfrm>
                <a:off x="1759" y="1590"/>
                <a:ext cx="330" cy="108"/>
              </a:xfrm>
              <a:custGeom>
                <a:avLst/>
                <a:gdLst>
                  <a:gd name="T0" fmla="*/ 192 w 432"/>
                  <a:gd name="T1" fmla="*/ 0 h 150"/>
                  <a:gd name="T2" fmla="*/ 192 w 432"/>
                  <a:gd name="T3" fmla="*/ 6 h 150"/>
                  <a:gd name="T4" fmla="*/ 187 w 432"/>
                  <a:gd name="T5" fmla="*/ 12 h 150"/>
                  <a:gd name="T6" fmla="*/ 174 w 432"/>
                  <a:gd name="T7" fmla="*/ 18 h 150"/>
                  <a:gd name="T8" fmla="*/ 171 w 432"/>
                  <a:gd name="T9" fmla="*/ 16 h 150"/>
                  <a:gd name="T10" fmla="*/ 166 w 432"/>
                  <a:gd name="T11" fmla="*/ 22 h 150"/>
                  <a:gd name="T12" fmla="*/ 147 w 432"/>
                  <a:gd name="T13" fmla="*/ 31 h 150"/>
                  <a:gd name="T14" fmla="*/ 144 w 432"/>
                  <a:gd name="T15" fmla="*/ 38 h 150"/>
                  <a:gd name="T16" fmla="*/ 137 w 432"/>
                  <a:gd name="T17" fmla="*/ 38 h 150"/>
                  <a:gd name="T18" fmla="*/ 137 w 432"/>
                  <a:gd name="T19" fmla="*/ 45 h 150"/>
                  <a:gd name="T20" fmla="*/ 107 w 432"/>
                  <a:gd name="T21" fmla="*/ 49 h 150"/>
                  <a:gd name="T22" fmla="*/ 48 w 432"/>
                  <a:gd name="T23" fmla="*/ 51 h 150"/>
                  <a:gd name="T24" fmla="*/ 0 w 432"/>
                  <a:gd name="T25" fmla="*/ 56 h 150"/>
                  <a:gd name="T26" fmla="*/ 5 w 432"/>
                  <a:gd name="T27" fmla="*/ 51 h 150"/>
                  <a:gd name="T28" fmla="*/ 0 w 432"/>
                  <a:gd name="T29" fmla="*/ 45 h 150"/>
                  <a:gd name="T30" fmla="*/ 8 w 432"/>
                  <a:gd name="T31" fmla="*/ 42 h 150"/>
                  <a:gd name="T32" fmla="*/ 5 w 432"/>
                  <a:gd name="T33" fmla="*/ 38 h 150"/>
                  <a:gd name="T34" fmla="*/ 14 w 432"/>
                  <a:gd name="T35" fmla="*/ 31 h 150"/>
                  <a:gd name="T36" fmla="*/ 11 w 432"/>
                  <a:gd name="T37" fmla="*/ 31 h 150"/>
                  <a:gd name="T38" fmla="*/ 11 w 432"/>
                  <a:gd name="T39" fmla="*/ 29 h 150"/>
                  <a:gd name="T40" fmla="*/ 14 w 432"/>
                  <a:gd name="T41" fmla="*/ 16 h 150"/>
                  <a:gd name="T42" fmla="*/ 16 w 432"/>
                  <a:gd name="T43" fmla="*/ 18 h 150"/>
                  <a:gd name="T44" fmla="*/ 48 w 432"/>
                  <a:gd name="T45" fmla="*/ 16 h 150"/>
                  <a:gd name="T46" fmla="*/ 48 w 432"/>
                  <a:gd name="T47" fmla="*/ 12 h 150"/>
                  <a:gd name="T48" fmla="*/ 147 w 432"/>
                  <a:gd name="T49" fmla="*/ 4 h 150"/>
                  <a:gd name="T50" fmla="*/ 192 w 432"/>
                  <a:gd name="T51" fmla="*/ 0 h 150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432"/>
                  <a:gd name="T79" fmla="*/ 0 h 150"/>
                  <a:gd name="T80" fmla="*/ 432 w 432"/>
                  <a:gd name="T81" fmla="*/ 150 h 150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432" h="150">
                    <a:moveTo>
                      <a:pt x="432" y="0"/>
                    </a:moveTo>
                    <a:lnTo>
                      <a:pt x="432" y="18"/>
                    </a:lnTo>
                    <a:lnTo>
                      <a:pt x="420" y="30"/>
                    </a:lnTo>
                    <a:lnTo>
                      <a:pt x="390" y="48"/>
                    </a:lnTo>
                    <a:lnTo>
                      <a:pt x="384" y="42"/>
                    </a:lnTo>
                    <a:lnTo>
                      <a:pt x="372" y="60"/>
                    </a:lnTo>
                    <a:lnTo>
                      <a:pt x="330" y="84"/>
                    </a:lnTo>
                    <a:lnTo>
                      <a:pt x="324" y="102"/>
                    </a:lnTo>
                    <a:lnTo>
                      <a:pt x="306" y="102"/>
                    </a:lnTo>
                    <a:lnTo>
                      <a:pt x="306" y="120"/>
                    </a:lnTo>
                    <a:lnTo>
                      <a:pt x="240" y="132"/>
                    </a:lnTo>
                    <a:lnTo>
                      <a:pt x="108" y="138"/>
                    </a:lnTo>
                    <a:lnTo>
                      <a:pt x="0" y="150"/>
                    </a:lnTo>
                    <a:lnTo>
                      <a:pt x="12" y="138"/>
                    </a:lnTo>
                    <a:lnTo>
                      <a:pt x="0" y="120"/>
                    </a:lnTo>
                    <a:lnTo>
                      <a:pt x="18" y="114"/>
                    </a:lnTo>
                    <a:lnTo>
                      <a:pt x="12" y="102"/>
                    </a:lnTo>
                    <a:lnTo>
                      <a:pt x="30" y="84"/>
                    </a:lnTo>
                    <a:lnTo>
                      <a:pt x="24" y="84"/>
                    </a:lnTo>
                    <a:lnTo>
                      <a:pt x="24" y="78"/>
                    </a:lnTo>
                    <a:lnTo>
                      <a:pt x="30" y="42"/>
                    </a:lnTo>
                    <a:lnTo>
                      <a:pt x="36" y="48"/>
                    </a:lnTo>
                    <a:lnTo>
                      <a:pt x="108" y="42"/>
                    </a:lnTo>
                    <a:lnTo>
                      <a:pt x="108" y="30"/>
                    </a:lnTo>
                    <a:lnTo>
                      <a:pt x="330" y="12"/>
                    </a:lnTo>
                    <a:lnTo>
                      <a:pt x="432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30" name="Freeform 109"/>
              <p:cNvSpPr>
                <a:spLocks noChangeAspect="1"/>
              </p:cNvSpPr>
              <p:nvPr/>
            </p:nvSpPr>
            <p:spPr bwMode="auto">
              <a:xfrm>
                <a:off x="1759" y="1590"/>
                <a:ext cx="330" cy="108"/>
              </a:xfrm>
              <a:custGeom>
                <a:avLst/>
                <a:gdLst>
                  <a:gd name="T0" fmla="*/ 192 w 432"/>
                  <a:gd name="T1" fmla="*/ 0 h 150"/>
                  <a:gd name="T2" fmla="*/ 192 w 432"/>
                  <a:gd name="T3" fmla="*/ 6 h 150"/>
                  <a:gd name="T4" fmla="*/ 187 w 432"/>
                  <a:gd name="T5" fmla="*/ 12 h 150"/>
                  <a:gd name="T6" fmla="*/ 174 w 432"/>
                  <a:gd name="T7" fmla="*/ 18 h 150"/>
                  <a:gd name="T8" fmla="*/ 171 w 432"/>
                  <a:gd name="T9" fmla="*/ 16 h 150"/>
                  <a:gd name="T10" fmla="*/ 166 w 432"/>
                  <a:gd name="T11" fmla="*/ 22 h 150"/>
                  <a:gd name="T12" fmla="*/ 147 w 432"/>
                  <a:gd name="T13" fmla="*/ 31 h 150"/>
                  <a:gd name="T14" fmla="*/ 144 w 432"/>
                  <a:gd name="T15" fmla="*/ 38 h 150"/>
                  <a:gd name="T16" fmla="*/ 137 w 432"/>
                  <a:gd name="T17" fmla="*/ 38 h 150"/>
                  <a:gd name="T18" fmla="*/ 137 w 432"/>
                  <a:gd name="T19" fmla="*/ 45 h 150"/>
                  <a:gd name="T20" fmla="*/ 107 w 432"/>
                  <a:gd name="T21" fmla="*/ 49 h 150"/>
                  <a:gd name="T22" fmla="*/ 48 w 432"/>
                  <a:gd name="T23" fmla="*/ 51 h 150"/>
                  <a:gd name="T24" fmla="*/ 0 w 432"/>
                  <a:gd name="T25" fmla="*/ 56 h 150"/>
                  <a:gd name="T26" fmla="*/ 5 w 432"/>
                  <a:gd name="T27" fmla="*/ 51 h 150"/>
                  <a:gd name="T28" fmla="*/ 0 w 432"/>
                  <a:gd name="T29" fmla="*/ 45 h 150"/>
                  <a:gd name="T30" fmla="*/ 8 w 432"/>
                  <a:gd name="T31" fmla="*/ 42 h 150"/>
                  <a:gd name="T32" fmla="*/ 5 w 432"/>
                  <a:gd name="T33" fmla="*/ 38 h 150"/>
                  <a:gd name="T34" fmla="*/ 14 w 432"/>
                  <a:gd name="T35" fmla="*/ 31 h 150"/>
                  <a:gd name="T36" fmla="*/ 11 w 432"/>
                  <a:gd name="T37" fmla="*/ 31 h 150"/>
                  <a:gd name="T38" fmla="*/ 11 w 432"/>
                  <a:gd name="T39" fmla="*/ 29 h 150"/>
                  <a:gd name="T40" fmla="*/ 14 w 432"/>
                  <a:gd name="T41" fmla="*/ 16 h 150"/>
                  <a:gd name="T42" fmla="*/ 16 w 432"/>
                  <a:gd name="T43" fmla="*/ 18 h 150"/>
                  <a:gd name="T44" fmla="*/ 48 w 432"/>
                  <a:gd name="T45" fmla="*/ 16 h 150"/>
                  <a:gd name="T46" fmla="*/ 48 w 432"/>
                  <a:gd name="T47" fmla="*/ 12 h 150"/>
                  <a:gd name="T48" fmla="*/ 147 w 432"/>
                  <a:gd name="T49" fmla="*/ 4 h 150"/>
                  <a:gd name="T50" fmla="*/ 192 w 432"/>
                  <a:gd name="T51" fmla="*/ 0 h 150"/>
                  <a:gd name="T52" fmla="*/ 192 w 432"/>
                  <a:gd name="T53" fmla="*/ 2 h 150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432"/>
                  <a:gd name="T82" fmla="*/ 0 h 150"/>
                  <a:gd name="T83" fmla="*/ 432 w 432"/>
                  <a:gd name="T84" fmla="*/ 150 h 150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432" h="150">
                    <a:moveTo>
                      <a:pt x="432" y="0"/>
                    </a:moveTo>
                    <a:lnTo>
                      <a:pt x="432" y="18"/>
                    </a:lnTo>
                    <a:lnTo>
                      <a:pt x="420" y="30"/>
                    </a:lnTo>
                    <a:lnTo>
                      <a:pt x="390" y="48"/>
                    </a:lnTo>
                    <a:lnTo>
                      <a:pt x="384" y="42"/>
                    </a:lnTo>
                    <a:lnTo>
                      <a:pt x="372" y="60"/>
                    </a:lnTo>
                    <a:lnTo>
                      <a:pt x="330" y="84"/>
                    </a:lnTo>
                    <a:lnTo>
                      <a:pt x="324" y="102"/>
                    </a:lnTo>
                    <a:lnTo>
                      <a:pt x="306" y="102"/>
                    </a:lnTo>
                    <a:lnTo>
                      <a:pt x="306" y="120"/>
                    </a:lnTo>
                    <a:lnTo>
                      <a:pt x="240" y="132"/>
                    </a:lnTo>
                    <a:lnTo>
                      <a:pt x="108" y="138"/>
                    </a:lnTo>
                    <a:lnTo>
                      <a:pt x="0" y="150"/>
                    </a:lnTo>
                    <a:lnTo>
                      <a:pt x="12" y="138"/>
                    </a:lnTo>
                    <a:lnTo>
                      <a:pt x="0" y="120"/>
                    </a:lnTo>
                    <a:lnTo>
                      <a:pt x="18" y="114"/>
                    </a:lnTo>
                    <a:lnTo>
                      <a:pt x="12" y="102"/>
                    </a:lnTo>
                    <a:lnTo>
                      <a:pt x="30" y="84"/>
                    </a:lnTo>
                    <a:lnTo>
                      <a:pt x="24" y="84"/>
                    </a:lnTo>
                    <a:lnTo>
                      <a:pt x="24" y="78"/>
                    </a:lnTo>
                    <a:lnTo>
                      <a:pt x="30" y="42"/>
                    </a:lnTo>
                    <a:lnTo>
                      <a:pt x="36" y="48"/>
                    </a:lnTo>
                    <a:lnTo>
                      <a:pt x="108" y="42"/>
                    </a:lnTo>
                    <a:lnTo>
                      <a:pt x="108" y="30"/>
                    </a:lnTo>
                    <a:lnTo>
                      <a:pt x="330" y="12"/>
                    </a:lnTo>
                    <a:lnTo>
                      <a:pt x="432" y="0"/>
                    </a:lnTo>
                    <a:lnTo>
                      <a:pt x="432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31" name="Freeform 110"/>
              <p:cNvSpPr>
                <a:spLocks noChangeAspect="1"/>
              </p:cNvSpPr>
              <p:nvPr/>
            </p:nvSpPr>
            <p:spPr bwMode="auto">
              <a:xfrm>
                <a:off x="1091" y="1625"/>
                <a:ext cx="545" cy="493"/>
              </a:xfrm>
              <a:custGeom>
                <a:avLst/>
                <a:gdLst>
                  <a:gd name="T0" fmla="*/ 302 w 714"/>
                  <a:gd name="T1" fmla="*/ 74 h 684"/>
                  <a:gd name="T2" fmla="*/ 304 w 714"/>
                  <a:gd name="T3" fmla="*/ 112 h 684"/>
                  <a:gd name="T4" fmla="*/ 312 w 714"/>
                  <a:gd name="T5" fmla="*/ 146 h 684"/>
                  <a:gd name="T6" fmla="*/ 307 w 714"/>
                  <a:gd name="T7" fmla="*/ 164 h 684"/>
                  <a:gd name="T8" fmla="*/ 285 w 714"/>
                  <a:gd name="T9" fmla="*/ 175 h 684"/>
                  <a:gd name="T10" fmla="*/ 285 w 714"/>
                  <a:gd name="T11" fmla="*/ 171 h 684"/>
                  <a:gd name="T12" fmla="*/ 282 w 714"/>
                  <a:gd name="T13" fmla="*/ 169 h 684"/>
                  <a:gd name="T14" fmla="*/ 282 w 714"/>
                  <a:gd name="T15" fmla="*/ 175 h 684"/>
                  <a:gd name="T16" fmla="*/ 275 w 714"/>
                  <a:gd name="T17" fmla="*/ 185 h 684"/>
                  <a:gd name="T18" fmla="*/ 262 w 714"/>
                  <a:gd name="T19" fmla="*/ 189 h 684"/>
                  <a:gd name="T20" fmla="*/ 251 w 714"/>
                  <a:gd name="T21" fmla="*/ 191 h 684"/>
                  <a:gd name="T22" fmla="*/ 245 w 714"/>
                  <a:gd name="T23" fmla="*/ 191 h 684"/>
                  <a:gd name="T24" fmla="*/ 240 w 714"/>
                  <a:gd name="T25" fmla="*/ 191 h 684"/>
                  <a:gd name="T26" fmla="*/ 245 w 714"/>
                  <a:gd name="T27" fmla="*/ 198 h 684"/>
                  <a:gd name="T28" fmla="*/ 235 w 714"/>
                  <a:gd name="T29" fmla="*/ 195 h 684"/>
                  <a:gd name="T30" fmla="*/ 232 w 714"/>
                  <a:gd name="T31" fmla="*/ 205 h 684"/>
                  <a:gd name="T32" fmla="*/ 224 w 714"/>
                  <a:gd name="T33" fmla="*/ 207 h 684"/>
                  <a:gd name="T34" fmla="*/ 221 w 714"/>
                  <a:gd name="T35" fmla="*/ 211 h 684"/>
                  <a:gd name="T36" fmla="*/ 224 w 714"/>
                  <a:gd name="T37" fmla="*/ 216 h 684"/>
                  <a:gd name="T38" fmla="*/ 216 w 714"/>
                  <a:gd name="T39" fmla="*/ 224 h 684"/>
                  <a:gd name="T40" fmla="*/ 213 w 714"/>
                  <a:gd name="T41" fmla="*/ 224 h 684"/>
                  <a:gd name="T42" fmla="*/ 211 w 714"/>
                  <a:gd name="T43" fmla="*/ 224 h 684"/>
                  <a:gd name="T44" fmla="*/ 216 w 714"/>
                  <a:gd name="T45" fmla="*/ 236 h 684"/>
                  <a:gd name="T46" fmla="*/ 200 w 714"/>
                  <a:gd name="T47" fmla="*/ 254 h 684"/>
                  <a:gd name="T48" fmla="*/ 169 w 714"/>
                  <a:gd name="T49" fmla="*/ 229 h 684"/>
                  <a:gd name="T50" fmla="*/ 149 w 714"/>
                  <a:gd name="T51" fmla="*/ 200 h 684"/>
                  <a:gd name="T52" fmla="*/ 123 w 714"/>
                  <a:gd name="T53" fmla="*/ 164 h 684"/>
                  <a:gd name="T54" fmla="*/ 91 w 714"/>
                  <a:gd name="T55" fmla="*/ 161 h 684"/>
                  <a:gd name="T56" fmla="*/ 78 w 714"/>
                  <a:gd name="T57" fmla="*/ 179 h 684"/>
                  <a:gd name="T58" fmla="*/ 46 w 714"/>
                  <a:gd name="T59" fmla="*/ 161 h 684"/>
                  <a:gd name="T60" fmla="*/ 3 w 714"/>
                  <a:gd name="T61" fmla="*/ 105 h 684"/>
                  <a:gd name="T62" fmla="*/ 85 w 714"/>
                  <a:gd name="T63" fmla="*/ 108 h 684"/>
                  <a:gd name="T64" fmla="*/ 166 w 714"/>
                  <a:gd name="T65" fmla="*/ 2 h 684"/>
                  <a:gd name="T66" fmla="*/ 171 w 714"/>
                  <a:gd name="T67" fmla="*/ 54 h 684"/>
                  <a:gd name="T68" fmla="*/ 181 w 714"/>
                  <a:gd name="T69" fmla="*/ 58 h 684"/>
                  <a:gd name="T70" fmla="*/ 205 w 714"/>
                  <a:gd name="T71" fmla="*/ 61 h 684"/>
                  <a:gd name="T72" fmla="*/ 216 w 714"/>
                  <a:gd name="T73" fmla="*/ 65 h 684"/>
                  <a:gd name="T74" fmla="*/ 227 w 714"/>
                  <a:gd name="T75" fmla="*/ 68 h 684"/>
                  <a:gd name="T76" fmla="*/ 235 w 714"/>
                  <a:gd name="T77" fmla="*/ 65 h 684"/>
                  <a:gd name="T78" fmla="*/ 240 w 714"/>
                  <a:gd name="T79" fmla="*/ 68 h 684"/>
                  <a:gd name="T80" fmla="*/ 275 w 714"/>
                  <a:gd name="T81" fmla="*/ 65 h 684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w 714"/>
                  <a:gd name="T124" fmla="*/ 0 h 684"/>
                  <a:gd name="T125" fmla="*/ 714 w 714"/>
                  <a:gd name="T126" fmla="*/ 684 h 684"/>
                </a:gdLst>
                <a:ahLst/>
                <a:cxnLst>
                  <a:cxn ang="T82">
                    <a:pos x="T0" y="T1"/>
                  </a:cxn>
                  <a:cxn ang="T83">
                    <a:pos x="T2" y="T3"/>
                  </a:cxn>
                  <a:cxn ang="T84">
                    <a:pos x="T4" y="T5"/>
                  </a:cxn>
                  <a:cxn ang="T85">
                    <a:pos x="T6" y="T7"/>
                  </a:cxn>
                  <a:cxn ang="T86">
                    <a:pos x="T8" y="T9"/>
                  </a:cxn>
                  <a:cxn ang="T87">
                    <a:pos x="T10" y="T11"/>
                  </a:cxn>
                  <a:cxn ang="T88">
                    <a:pos x="T12" y="T13"/>
                  </a:cxn>
                  <a:cxn ang="T89">
                    <a:pos x="T14" y="T15"/>
                  </a:cxn>
                  <a:cxn ang="T90">
                    <a:pos x="T16" y="T17"/>
                  </a:cxn>
                  <a:cxn ang="T91">
                    <a:pos x="T18" y="T19"/>
                  </a:cxn>
                  <a:cxn ang="T92">
                    <a:pos x="T20" y="T21"/>
                  </a:cxn>
                  <a:cxn ang="T93">
                    <a:pos x="T22" y="T23"/>
                  </a:cxn>
                  <a:cxn ang="T94">
                    <a:pos x="T24" y="T25"/>
                  </a:cxn>
                  <a:cxn ang="T95">
                    <a:pos x="T26" y="T27"/>
                  </a:cxn>
                  <a:cxn ang="T96">
                    <a:pos x="T28" y="T29"/>
                  </a:cxn>
                  <a:cxn ang="T97">
                    <a:pos x="T30" y="T31"/>
                  </a:cxn>
                  <a:cxn ang="T98">
                    <a:pos x="T32" y="T33"/>
                  </a:cxn>
                  <a:cxn ang="T99">
                    <a:pos x="T34" y="T35"/>
                  </a:cxn>
                  <a:cxn ang="T100">
                    <a:pos x="T36" y="T37"/>
                  </a:cxn>
                  <a:cxn ang="T101">
                    <a:pos x="T38" y="T39"/>
                  </a:cxn>
                  <a:cxn ang="T102">
                    <a:pos x="T40" y="T41"/>
                  </a:cxn>
                  <a:cxn ang="T103">
                    <a:pos x="T42" y="T43"/>
                  </a:cxn>
                  <a:cxn ang="T104">
                    <a:pos x="T44" y="T45"/>
                  </a:cxn>
                  <a:cxn ang="T105">
                    <a:pos x="T46" y="T47"/>
                  </a:cxn>
                  <a:cxn ang="T106">
                    <a:pos x="T48" y="T49"/>
                  </a:cxn>
                  <a:cxn ang="T107">
                    <a:pos x="T50" y="T51"/>
                  </a:cxn>
                  <a:cxn ang="T108">
                    <a:pos x="T52" y="T53"/>
                  </a:cxn>
                  <a:cxn ang="T109">
                    <a:pos x="T54" y="T55"/>
                  </a:cxn>
                  <a:cxn ang="T110">
                    <a:pos x="T56" y="T57"/>
                  </a:cxn>
                  <a:cxn ang="T111">
                    <a:pos x="T58" y="T59"/>
                  </a:cxn>
                  <a:cxn ang="T112">
                    <a:pos x="T60" y="T61"/>
                  </a:cxn>
                  <a:cxn ang="T113">
                    <a:pos x="T62" y="T63"/>
                  </a:cxn>
                  <a:cxn ang="T114">
                    <a:pos x="T64" y="T65"/>
                  </a:cxn>
                  <a:cxn ang="T115">
                    <a:pos x="T66" y="T67"/>
                  </a:cxn>
                  <a:cxn ang="T116">
                    <a:pos x="T68" y="T69"/>
                  </a:cxn>
                  <a:cxn ang="T117">
                    <a:pos x="T70" y="T71"/>
                  </a:cxn>
                  <a:cxn ang="T118">
                    <a:pos x="T72" y="T73"/>
                  </a:cxn>
                  <a:cxn ang="T119">
                    <a:pos x="T74" y="T75"/>
                  </a:cxn>
                  <a:cxn ang="T120">
                    <a:pos x="T76" y="T77"/>
                  </a:cxn>
                  <a:cxn ang="T121">
                    <a:pos x="T78" y="T79"/>
                  </a:cxn>
                  <a:cxn ang="T122">
                    <a:pos x="T80" y="T81"/>
                  </a:cxn>
                </a:cxnLst>
                <a:rect l="T123" t="T124" r="T125" b="T126"/>
                <a:pathLst>
                  <a:path w="714" h="684">
                    <a:moveTo>
                      <a:pt x="654" y="192"/>
                    </a:moveTo>
                    <a:lnTo>
                      <a:pt x="678" y="198"/>
                    </a:lnTo>
                    <a:lnTo>
                      <a:pt x="678" y="234"/>
                    </a:lnTo>
                    <a:lnTo>
                      <a:pt x="684" y="300"/>
                    </a:lnTo>
                    <a:lnTo>
                      <a:pt x="714" y="360"/>
                    </a:lnTo>
                    <a:lnTo>
                      <a:pt x="702" y="390"/>
                    </a:lnTo>
                    <a:lnTo>
                      <a:pt x="702" y="426"/>
                    </a:lnTo>
                    <a:lnTo>
                      <a:pt x="690" y="438"/>
                    </a:lnTo>
                    <a:lnTo>
                      <a:pt x="696" y="444"/>
                    </a:lnTo>
                    <a:lnTo>
                      <a:pt x="642" y="468"/>
                    </a:lnTo>
                    <a:lnTo>
                      <a:pt x="660" y="456"/>
                    </a:lnTo>
                    <a:lnTo>
                      <a:pt x="642" y="456"/>
                    </a:lnTo>
                    <a:lnTo>
                      <a:pt x="648" y="438"/>
                    </a:lnTo>
                    <a:lnTo>
                      <a:pt x="636" y="450"/>
                    </a:lnTo>
                    <a:lnTo>
                      <a:pt x="630" y="444"/>
                    </a:lnTo>
                    <a:lnTo>
                      <a:pt x="636" y="468"/>
                    </a:lnTo>
                    <a:lnTo>
                      <a:pt x="624" y="480"/>
                    </a:lnTo>
                    <a:lnTo>
                      <a:pt x="618" y="492"/>
                    </a:lnTo>
                    <a:lnTo>
                      <a:pt x="552" y="528"/>
                    </a:lnTo>
                    <a:lnTo>
                      <a:pt x="588" y="504"/>
                    </a:lnTo>
                    <a:lnTo>
                      <a:pt x="564" y="516"/>
                    </a:lnTo>
                    <a:lnTo>
                      <a:pt x="564" y="510"/>
                    </a:lnTo>
                    <a:lnTo>
                      <a:pt x="558" y="516"/>
                    </a:lnTo>
                    <a:lnTo>
                      <a:pt x="552" y="510"/>
                    </a:lnTo>
                    <a:lnTo>
                      <a:pt x="546" y="516"/>
                    </a:lnTo>
                    <a:lnTo>
                      <a:pt x="540" y="510"/>
                    </a:lnTo>
                    <a:lnTo>
                      <a:pt x="540" y="522"/>
                    </a:lnTo>
                    <a:lnTo>
                      <a:pt x="552" y="528"/>
                    </a:lnTo>
                    <a:lnTo>
                      <a:pt x="534" y="534"/>
                    </a:lnTo>
                    <a:lnTo>
                      <a:pt x="528" y="522"/>
                    </a:lnTo>
                    <a:lnTo>
                      <a:pt x="528" y="540"/>
                    </a:lnTo>
                    <a:lnTo>
                      <a:pt x="522" y="546"/>
                    </a:lnTo>
                    <a:lnTo>
                      <a:pt x="522" y="540"/>
                    </a:lnTo>
                    <a:lnTo>
                      <a:pt x="504" y="552"/>
                    </a:lnTo>
                    <a:lnTo>
                      <a:pt x="510" y="564"/>
                    </a:lnTo>
                    <a:lnTo>
                      <a:pt x="498" y="564"/>
                    </a:lnTo>
                    <a:lnTo>
                      <a:pt x="498" y="576"/>
                    </a:lnTo>
                    <a:lnTo>
                      <a:pt x="504" y="576"/>
                    </a:lnTo>
                    <a:lnTo>
                      <a:pt x="492" y="600"/>
                    </a:lnTo>
                    <a:lnTo>
                      <a:pt x="486" y="600"/>
                    </a:lnTo>
                    <a:lnTo>
                      <a:pt x="486" y="594"/>
                    </a:lnTo>
                    <a:lnTo>
                      <a:pt x="480" y="600"/>
                    </a:lnTo>
                    <a:lnTo>
                      <a:pt x="474" y="588"/>
                    </a:lnTo>
                    <a:lnTo>
                      <a:pt x="474" y="600"/>
                    </a:lnTo>
                    <a:lnTo>
                      <a:pt x="492" y="600"/>
                    </a:lnTo>
                    <a:lnTo>
                      <a:pt x="486" y="630"/>
                    </a:lnTo>
                    <a:lnTo>
                      <a:pt x="510" y="684"/>
                    </a:lnTo>
                    <a:lnTo>
                      <a:pt x="450" y="678"/>
                    </a:lnTo>
                    <a:lnTo>
                      <a:pt x="396" y="654"/>
                    </a:lnTo>
                    <a:lnTo>
                      <a:pt x="378" y="612"/>
                    </a:lnTo>
                    <a:lnTo>
                      <a:pt x="372" y="576"/>
                    </a:lnTo>
                    <a:lnTo>
                      <a:pt x="336" y="534"/>
                    </a:lnTo>
                    <a:lnTo>
                      <a:pt x="306" y="468"/>
                    </a:lnTo>
                    <a:lnTo>
                      <a:pt x="276" y="438"/>
                    </a:lnTo>
                    <a:lnTo>
                      <a:pt x="222" y="426"/>
                    </a:lnTo>
                    <a:lnTo>
                      <a:pt x="204" y="432"/>
                    </a:lnTo>
                    <a:lnTo>
                      <a:pt x="192" y="462"/>
                    </a:lnTo>
                    <a:lnTo>
                      <a:pt x="174" y="480"/>
                    </a:lnTo>
                    <a:lnTo>
                      <a:pt x="162" y="474"/>
                    </a:lnTo>
                    <a:lnTo>
                      <a:pt x="102" y="432"/>
                    </a:lnTo>
                    <a:lnTo>
                      <a:pt x="84" y="372"/>
                    </a:lnTo>
                    <a:lnTo>
                      <a:pt x="6" y="282"/>
                    </a:lnTo>
                    <a:lnTo>
                      <a:pt x="0" y="270"/>
                    </a:lnTo>
                    <a:lnTo>
                      <a:pt x="192" y="288"/>
                    </a:lnTo>
                    <a:lnTo>
                      <a:pt x="216" y="0"/>
                    </a:lnTo>
                    <a:lnTo>
                      <a:pt x="372" y="6"/>
                    </a:lnTo>
                    <a:lnTo>
                      <a:pt x="366" y="132"/>
                    </a:lnTo>
                    <a:lnTo>
                      <a:pt x="384" y="144"/>
                    </a:lnTo>
                    <a:lnTo>
                      <a:pt x="402" y="138"/>
                    </a:lnTo>
                    <a:lnTo>
                      <a:pt x="408" y="156"/>
                    </a:lnTo>
                    <a:lnTo>
                      <a:pt x="444" y="168"/>
                    </a:lnTo>
                    <a:lnTo>
                      <a:pt x="462" y="162"/>
                    </a:lnTo>
                    <a:lnTo>
                      <a:pt x="474" y="180"/>
                    </a:lnTo>
                    <a:lnTo>
                      <a:pt x="486" y="174"/>
                    </a:lnTo>
                    <a:lnTo>
                      <a:pt x="504" y="186"/>
                    </a:lnTo>
                    <a:lnTo>
                      <a:pt x="510" y="180"/>
                    </a:lnTo>
                    <a:lnTo>
                      <a:pt x="516" y="192"/>
                    </a:lnTo>
                    <a:lnTo>
                      <a:pt x="528" y="174"/>
                    </a:lnTo>
                    <a:lnTo>
                      <a:pt x="528" y="180"/>
                    </a:lnTo>
                    <a:lnTo>
                      <a:pt x="540" y="180"/>
                    </a:lnTo>
                    <a:lnTo>
                      <a:pt x="558" y="192"/>
                    </a:lnTo>
                    <a:lnTo>
                      <a:pt x="618" y="174"/>
                    </a:lnTo>
                    <a:lnTo>
                      <a:pt x="654" y="19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32" name="Freeform 111"/>
              <p:cNvSpPr>
                <a:spLocks noChangeAspect="1"/>
              </p:cNvSpPr>
              <p:nvPr/>
            </p:nvSpPr>
            <p:spPr bwMode="auto">
              <a:xfrm>
                <a:off x="1091" y="1625"/>
                <a:ext cx="545" cy="493"/>
              </a:xfrm>
              <a:custGeom>
                <a:avLst/>
                <a:gdLst>
                  <a:gd name="T0" fmla="*/ 302 w 714"/>
                  <a:gd name="T1" fmla="*/ 74 h 684"/>
                  <a:gd name="T2" fmla="*/ 304 w 714"/>
                  <a:gd name="T3" fmla="*/ 112 h 684"/>
                  <a:gd name="T4" fmla="*/ 312 w 714"/>
                  <a:gd name="T5" fmla="*/ 146 h 684"/>
                  <a:gd name="T6" fmla="*/ 307 w 714"/>
                  <a:gd name="T7" fmla="*/ 164 h 684"/>
                  <a:gd name="T8" fmla="*/ 285 w 714"/>
                  <a:gd name="T9" fmla="*/ 175 h 684"/>
                  <a:gd name="T10" fmla="*/ 285 w 714"/>
                  <a:gd name="T11" fmla="*/ 171 h 684"/>
                  <a:gd name="T12" fmla="*/ 282 w 714"/>
                  <a:gd name="T13" fmla="*/ 169 h 684"/>
                  <a:gd name="T14" fmla="*/ 282 w 714"/>
                  <a:gd name="T15" fmla="*/ 175 h 684"/>
                  <a:gd name="T16" fmla="*/ 275 w 714"/>
                  <a:gd name="T17" fmla="*/ 185 h 684"/>
                  <a:gd name="T18" fmla="*/ 262 w 714"/>
                  <a:gd name="T19" fmla="*/ 189 h 684"/>
                  <a:gd name="T20" fmla="*/ 251 w 714"/>
                  <a:gd name="T21" fmla="*/ 191 h 684"/>
                  <a:gd name="T22" fmla="*/ 245 w 714"/>
                  <a:gd name="T23" fmla="*/ 191 h 684"/>
                  <a:gd name="T24" fmla="*/ 240 w 714"/>
                  <a:gd name="T25" fmla="*/ 191 h 684"/>
                  <a:gd name="T26" fmla="*/ 245 w 714"/>
                  <a:gd name="T27" fmla="*/ 198 h 684"/>
                  <a:gd name="T28" fmla="*/ 235 w 714"/>
                  <a:gd name="T29" fmla="*/ 195 h 684"/>
                  <a:gd name="T30" fmla="*/ 232 w 714"/>
                  <a:gd name="T31" fmla="*/ 205 h 684"/>
                  <a:gd name="T32" fmla="*/ 224 w 714"/>
                  <a:gd name="T33" fmla="*/ 207 h 684"/>
                  <a:gd name="T34" fmla="*/ 216 w 714"/>
                  <a:gd name="T35" fmla="*/ 211 h 684"/>
                  <a:gd name="T36" fmla="*/ 221 w 714"/>
                  <a:gd name="T37" fmla="*/ 216 h 684"/>
                  <a:gd name="T38" fmla="*/ 219 w 714"/>
                  <a:gd name="T39" fmla="*/ 224 h 684"/>
                  <a:gd name="T40" fmla="*/ 216 w 714"/>
                  <a:gd name="T41" fmla="*/ 222 h 684"/>
                  <a:gd name="T42" fmla="*/ 211 w 714"/>
                  <a:gd name="T43" fmla="*/ 221 h 684"/>
                  <a:gd name="T44" fmla="*/ 219 w 714"/>
                  <a:gd name="T45" fmla="*/ 224 h 684"/>
                  <a:gd name="T46" fmla="*/ 227 w 714"/>
                  <a:gd name="T47" fmla="*/ 256 h 684"/>
                  <a:gd name="T48" fmla="*/ 176 w 714"/>
                  <a:gd name="T49" fmla="*/ 244 h 684"/>
                  <a:gd name="T50" fmla="*/ 166 w 714"/>
                  <a:gd name="T51" fmla="*/ 216 h 684"/>
                  <a:gd name="T52" fmla="*/ 137 w 714"/>
                  <a:gd name="T53" fmla="*/ 175 h 684"/>
                  <a:gd name="T54" fmla="*/ 98 w 714"/>
                  <a:gd name="T55" fmla="*/ 159 h 684"/>
                  <a:gd name="T56" fmla="*/ 85 w 714"/>
                  <a:gd name="T57" fmla="*/ 173 h 684"/>
                  <a:gd name="T58" fmla="*/ 73 w 714"/>
                  <a:gd name="T59" fmla="*/ 178 h 684"/>
                  <a:gd name="T60" fmla="*/ 37 w 714"/>
                  <a:gd name="T61" fmla="*/ 139 h 684"/>
                  <a:gd name="T62" fmla="*/ 0 w 714"/>
                  <a:gd name="T63" fmla="*/ 102 h 684"/>
                  <a:gd name="T64" fmla="*/ 96 w 714"/>
                  <a:gd name="T65" fmla="*/ 0 h 684"/>
                  <a:gd name="T66" fmla="*/ 163 w 714"/>
                  <a:gd name="T67" fmla="*/ 49 h 684"/>
                  <a:gd name="T68" fmla="*/ 179 w 714"/>
                  <a:gd name="T69" fmla="*/ 51 h 684"/>
                  <a:gd name="T70" fmla="*/ 198 w 714"/>
                  <a:gd name="T71" fmla="*/ 63 h 684"/>
                  <a:gd name="T72" fmla="*/ 211 w 714"/>
                  <a:gd name="T73" fmla="*/ 68 h 684"/>
                  <a:gd name="T74" fmla="*/ 224 w 714"/>
                  <a:gd name="T75" fmla="*/ 70 h 684"/>
                  <a:gd name="T76" fmla="*/ 230 w 714"/>
                  <a:gd name="T77" fmla="*/ 71 h 684"/>
                  <a:gd name="T78" fmla="*/ 235 w 714"/>
                  <a:gd name="T79" fmla="*/ 68 h 684"/>
                  <a:gd name="T80" fmla="*/ 248 w 714"/>
                  <a:gd name="T81" fmla="*/ 71 h 684"/>
                  <a:gd name="T82" fmla="*/ 291 w 714"/>
                  <a:gd name="T83" fmla="*/ 71 h 684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714"/>
                  <a:gd name="T127" fmla="*/ 0 h 684"/>
                  <a:gd name="T128" fmla="*/ 714 w 714"/>
                  <a:gd name="T129" fmla="*/ 684 h 684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714" h="684">
                    <a:moveTo>
                      <a:pt x="654" y="192"/>
                    </a:moveTo>
                    <a:lnTo>
                      <a:pt x="678" y="198"/>
                    </a:lnTo>
                    <a:lnTo>
                      <a:pt x="678" y="234"/>
                    </a:lnTo>
                    <a:lnTo>
                      <a:pt x="684" y="300"/>
                    </a:lnTo>
                    <a:lnTo>
                      <a:pt x="714" y="360"/>
                    </a:lnTo>
                    <a:lnTo>
                      <a:pt x="702" y="390"/>
                    </a:lnTo>
                    <a:lnTo>
                      <a:pt x="702" y="426"/>
                    </a:lnTo>
                    <a:lnTo>
                      <a:pt x="690" y="438"/>
                    </a:lnTo>
                    <a:lnTo>
                      <a:pt x="696" y="444"/>
                    </a:lnTo>
                    <a:lnTo>
                      <a:pt x="642" y="468"/>
                    </a:lnTo>
                    <a:lnTo>
                      <a:pt x="660" y="456"/>
                    </a:lnTo>
                    <a:lnTo>
                      <a:pt x="642" y="456"/>
                    </a:lnTo>
                    <a:lnTo>
                      <a:pt x="648" y="438"/>
                    </a:lnTo>
                    <a:lnTo>
                      <a:pt x="636" y="450"/>
                    </a:lnTo>
                    <a:lnTo>
                      <a:pt x="630" y="444"/>
                    </a:lnTo>
                    <a:lnTo>
                      <a:pt x="636" y="468"/>
                    </a:lnTo>
                    <a:lnTo>
                      <a:pt x="624" y="480"/>
                    </a:lnTo>
                    <a:lnTo>
                      <a:pt x="618" y="492"/>
                    </a:lnTo>
                    <a:lnTo>
                      <a:pt x="552" y="528"/>
                    </a:lnTo>
                    <a:lnTo>
                      <a:pt x="588" y="504"/>
                    </a:lnTo>
                    <a:lnTo>
                      <a:pt x="564" y="516"/>
                    </a:lnTo>
                    <a:lnTo>
                      <a:pt x="564" y="510"/>
                    </a:lnTo>
                    <a:lnTo>
                      <a:pt x="558" y="516"/>
                    </a:lnTo>
                    <a:lnTo>
                      <a:pt x="552" y="510"/>
                    </a:lnTo>
                    <a:lnTo>
                      <a:pt x="546" y="516"/>
                    </a:lnTo>
                    <a:lnTo>
                      <a:pt x="540" y="510"/>
                    </a:lnTo>
                    <a:lnTo>
                      <a:pt x="540" y="522"/>
                    </a:lnTo>
                    <a:lnTo>
                      <a:pt x="552" y="528"/>
                    </a:lnTo>
                    <a:lnTo>
                      <a:pt x="534" y="534"/>
                    </a:lnTo>
                    <a:lnTo>
                      <a:pt x="528" y="522"/>
                    </a:lnTo>
                    <a:lnTo>
                      <a:pt x="528" y="540"/>
                    </a:lnTo>
                    <a:lnTo>
                      <a:pt x="522" y="546"/>
                    </a:lnTo>
                    <a:lnTo>
                      <a:pt x="522" y="540"/>
                    </a:lnTo>
                    <a:lnTo>
                      <a:pt x="504" y="552"/>
                    </a:lnTo>
                    <a:lnTo>
                      <a:pt x="510" y="564"/>
                    </a:lnTo>
                    <a:lnTo>
                      <a:pt x="486" y="564"/>
                    </a:lnTo>
                    <a:lnTo>
                      <a:pt x="498" y="564"/>
                    </a:lnTo>
                    <a:lnTo>
                      <a:pt x="498" y="576"/>
                    </a:lnTo>
                    <a:lnTo>
                      <a:pt x="504" y="576"/>
                    </a:lnTo>
                    <a:lnTo>
                      <a:pt x="492" y="600"/>
                    </a:lnTo>
                    <a:lnTo>
                      <a:pt x="486" y="600"/>
                    </a:lnTo>
                    <a:lnTo>
                      <a:pt x="486" y="594"/>
                    </a:lnTo>
                    <a:lnTo>
                      <a:pt x="480" y="600"/>
                    </a:lnTo>
                    <a:lnTo>
                      <a:pt x="474" y="588"/>
                    </a:lnTo>
                    <a:lnTo>
                      <a:pt x="474" y="600"/>
                    </a:lnTo>
                    <a:lnTo>
                      <a:pt x="492" y="600"/>
                    </a:lnTo>
                    <a:lnTo>
                      <a:pt x="486" y="630"/>
                    </a:lnTo>
                    <a:lnTo>
                      <a:pt x="510" y="684"/>
                    </a:lnTo>
                    <a:lnTo>
                      <a:pt x="450" y="678"/>
                    </a:lnTo>
                    <a:lnTo>
                      <a:pt x="396" y="654"/>
                    </a:lnTo>
                    <a:lnTo>
                      <a:pt x="378" y="612"/>
                    </a:lnTo>
                    <a:lnTo>
                      <a:pt x="372" y="576"/>
                    </a:lnTo>
                    <a:lnTo>
                      <a:pt x="336" y="534"/>
                    </a:lnTo>
                    <a:lnTo>
                      <a:pt x="306" y="468"/>
                    </a:lnTo>
                    <a:lnTo>
                      <a:pt x="276" y="438"/>
                    </a:lnTo>
                    <a:lnTo>
                      <a:pt x="222" y="426"/>
                    </a:lnTo>
                    <a:lnTo>
                      <a:pt x="204" y="432"/>
                    </a:lnTo>
                    <a:lnTo>
                      <a:pt x="192" y="462"/>
                    </a:lnTo>
                    <a:lnTo>
                      <a:pt x="174" y="480"/>
                    </a:lnTo>
                    <a:lnTo>
                      <a:pt x="162" y="474"/>
                    </a:lnTo>
                    <a:lnTo>
                      <a:pt x="102" y="432"/>
                    </a:lnTo>
                    <a:lnTo>
                      <a:pt x="84" y="372"/>
                    </a:lnTo>
                    <a:lnTo>
                      <a:pt x="6" y="282"/>
                    </a:lnTo>
                    <a:lnTo>
                      <a:pt x="0" y="270"/>
                    </a:lnTo>
                    <a:lnTo>
                      <a:pt x="192" y="288"/>
                    </a:lnTo>
                    <a:lnTo>
                      <a:pt x="216" y="0"/>
                    </a:lnTo>
                    <a:lnTo>
                      <a:pt x="372" y="6"/>
                    </a:lnTo>
                    <a:lnTo>
                      <a:pt x="366" y="132"/>
                    </a:lnTo>
                    <a:lnTo>
                      <a:pt x="384" y="144"/>
                    </a:lnTo>
                    <a:lnTo>
                      <a:pt x="402" y="138"/>
                    </a:lnTo>
                    <a:lnTo>
                      <a:pt x="408" y="156"/>
                    </a:lnTo>
                    <a:lnTo>
                      <a:pt x="444" y="168"/>
                    </a:lnTo>
                    <a:lnTo>
                      <a:pt x="462" y="162"/>
                    </a:lnTo>
                    <a:lnTo>
                      <a:pt x="474" y="180"/>
                    </a:lnTo>
                    <a:lnTo>
                      <a:pt x="486" y="174"/>
                    </a:lnTo>
                    <a:lnTo>
                      <a:pt x="504" y="186"/>
                    </a:lnTo>
                    <a:lnTo>
                      <a:pt x="510" y="180"/>
                    </a:lnTo>
                    <a:lnTo>
                      <a:pt x="516" y="192"/>
                    </a:lnTo>
                    <a:lnTo>
                      <a:pt x="528" y="174"/>
                    </a:lnTo>
                    <a:lnTo>
                      <a:pt x="528" y="180"/>
                    </a:lnTo>
                    <a:lnTo>
                      <a:pt x="540" y="180"/>
                    </a:lnTo>
                    <a:lnTo>
                      <a:pt x="558" y="192"/>
                    </a:lnTo>
                    <a:lnTo>
                      <a:pt x="618" y="174"/>
                    </a:lnTo>
                    <a:lnTo>
                      <a:pt x="654" y="192"/>
                    </a:lnTo>
                    <a:lnTo>
                      <a:pt x="654" y="19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33" name="Freeform 112"/>
              <p:cNvSpPr>
                <a:spLocks noChangeAspect="1"/>
              </p:cNvSpPr>
              <p:nvPr/>
            </p:nvSpPr>
            <p:spPr bwMode="auto">
              <a:xfrm>
                <a:off x="835" y="1317"/>
                <a:ext cx="219" cy="260"/>
              </a:xfrm>
              <a:custGeom>
                <a:avLst/>
                <a:gdLst>
                  <a:gd name="T0" fmla="*/ 111 w 288"/>
                  <a:gd name="T1" fmla="*/ 136 h 360"/>
                  <a:gd name="T2" fmla="*/ 0 w 288"/>
                  <a:gd name="T3" fmla="*/ 120 h 360"/>
                  <a:gd name="T4" fmla="*/ 27 w 288"/>
                  <a:gd name="T5" fmla="*/ 0 h 360"/>
                  <a:gd name="T6" fmla="*/ 47 w 288"/>
                  <a:gd name="T7" fmla="*/ 5 h 360"/>
                  <a:gd name="T8" fmla="*/ 90 w 288"/>
                  <a:gd name="T9" fmla="*/ 12 h 360"/>
                  <a:gd name="T10" fmla="*/ 84 w 288"/>
                  <a:gd name="T11" fmla="*/ 34 h 360"/>
                  <a:gd name="T12" fmla="*/ 127 w 288"/>
                  <a:gd name="T13" fmla="*/ 40 h 360"/>
                  <a:gd name="T14" fmla="*/ 113 w 288"/>
                  <a:gd name="T15" fmla="*/ 120 h 360"/>
                  <a:gd name="T16" fmla="*/ 111 w 288"/>
                  <a:gd name="T17" fmla="*/ 136 h 360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288"/>
                  <a:gd name="T28" fmla="*/ 0 h 360"/>
                  <a:gd name="T29" fmla="*/ 288 w 288"/>
                  <a:gd name="T30" fmla="*/ 360 h 360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288" h="360">
                    <a:moveTo>
                      <a:pt x="252" y="360"/>
                    </a:moveTo>
                    <a:lnTo>
                      <a:pt x="0" y="318"/>
                    </a:lnTo>
                    <a:lnTo>
                      <a:pt x="60" y="0"/>
                    </a:lnTo>
                    <a:lnTo>
                      <a:pt x="108" y="12"/>
                    </a:lnTo>
                    <a:lnTo>
                      <a:pt x="204" y="30"/>
                    </a:lnTo>
                    <a:lnTo>
                      <a:pt x="192" y="90"/>
                    </a:lnTo>
                    <a:lnTo>
                      <a:pt x="288" y="108"/>
                    </a:lnTo>
                    <a:lnTo>
                      <a:pt x="258" y="318"/>
                    </a:lnTo>
                    <a:lnTo>
                      <a:pt x="252" y="36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34" name="Freeform 113"/>
              <p:cNvSpPr>
                <a:spLocks noChangeAspect="1"/>
              </p:cNvSpPr>
              <p:nvPr/>
            </p:nvSpPr>
            <p:spPr bwMode="auto">
              <a:xfrm>
                <a:off x="835" y="1317"/>
                <a:ext cx="219" cy="264"/>
              </a:xfrm>
              <a:custGeom>
                <a:avLst/>
                <a:gdLst>
                  <a:gd name="T0" fmla="*/ 111 w 288"/>
                  <a:gd name="T1" fmla="*/ 136 h 366"/>
                  <a:gd name="T2" fmla="*/ 0 w 288"/>
                  <a:gd name="T3" fmla="*/ 119 h 366"/>
                  <a:gd name="T4" fmla="*/ 27 w 288"/>
                  <a:gd name="T5" fmla="*/ 0 h 366"/>
                  <a:gd name="T6" fmla="*/ 47 w 288"/>
                  <a:gd name="T7" fmla="*/ 4 h 366"/>
                  <a:gd name="T8" fmla="*/ 90 w 288"/>
                  <a:gd name="T9" fmla="*/ 12 h 366"/>
                  <a:gd name="T10" fmla="*/ 84 w 288"/>
                  <a:gd name="T11" fmla="*/ 34 h 366"/>
                  <a:gd name="T12" fmla="*/ 127 w 288"/>
                  <a:gd name="T13" fmla="*/ 40 h 366"/>
                  <a:gd name="T14" fmla="*/ 113 w 288"/>
                  <a:gd name="T15" fmla="*/ 119 h 366"/>
                  <a:gd name="T16" fmla="*/ 111 w 288"/>
                  <a:gd name="T17" fmla="*/ 136 h 366"/>
                  <a:gd name="T18" fmla="*/ 111 w 288"/>
                  <a:gd name="T19" fmla="*/ 137 h 36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288"/>
                  <a:gd name="T31" fmla="*/ 0 h 366"/>
                  <a:gd name="T32" fmla="*/ 288 w 288"/>
                  <a:gd name="T33" fmla="*/ 366 h 366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288" h="366">
                    <a:moveTo>
                      <a:pt x="252" y="360"/>
                    </a:moveTo>
                    <a:lnTo>
                      <a:pt x="0" y="318"/>
                    </a:lnTo>
                    <a:lnTo>
                      <a:pt x="60" y="0"/>
                    </a:lnTo>
                    <a:lnTo>
                      <a:pt x="108" y="12"/>
                    </a:lnTo>
                    <a:lnTo>
                      <a:pt x="204" y="30"/>
                    </a:lnTo>
                    <a:lnTo>
                      <a:pt x="192" y="90"/>
                    </a:lnTo>
                    <a:lnTo>
                      <a:pt x="288" y="108"/>
                    </a:lnTo>
                    <a:lnTo>
                      <a:pt x="258" y="318"/>
                    </a:lnTo>
                    <a:lnTo>
                      <a:pt x="252" y="360"/>
                    </a:lnTo>
                    <a:lnTo>
                      <a:pt x="252" y="3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35" name="Freeform 114"/>
              <p:cNvSpPr>
                <a:spLocks noChangeAspect="1"/>
              </p:cNvSpPr>
              <p:nvPr/>
            </p:nvSpPr>
            <p:spPr bwMode="auto">
              <a:xfrm>
                <a:off x="2308" y="1140"/>
                <a:ext cx="64" cy="112"/>
              </a:xfrm>
              <a:custGeom>
                <a:avLst/>
                <a:gdLst>
                  <a:gd name="T0" fmla="*/ 32 w 84"/>
                  <a:gd name="T1" fmla="*/ 56 h 156"/>
                  <a:gd name="T2" fmla="*/ 24 w 84"/>
                  <a:gd name="T3" fmla="*/ 57 h 156"/>
                  <a:gd name="T4" fmla="*/ 16 w 84"/>
                  <a:gd name="T5" fmla="*/ 57 h 156"/>
                  <a:gd name="T6" fmla="*/ 11 w 84"/>
                  <a:gd name="T7" fmla="*/ 40 h 156"/>
                  <a:gd name="T8" fmla="*/ 8 w 84"/>
                  <a:gd name="T9" fmla="*/ 40 h 156"/>
                  <a:gd name="T10" fmla="*/ 5 w 84"/>
                  <a:gd name="T11" fmla="*/ 29 h 156"/>
                  <a:gd name="T12" fmla="*/ 0 w 84"/>
                  <a:gd name="T13" fmla="*/ 6 h 156"/>
                  <a:gd name="T14" fmla="*/ 37 w 84"/>
                  <a:gd name="T15" fmla="*/ 0 h 156"/>
                  <a:gd name="T16" fmla="*/ 37 w 84"/>
                  <a:gd name="T17" fmla="*/ 11 h 156"/>
                  <a:gd name="T18" fmla="*/ 32 w 84"/>
                  <a:gd name="T19" fmla="*/ 17 h 156"/>
                  <a:gd name="T20" fmla="*/ 29 w 84"/>
                  <a:gd name="T21" fmla="*/ 36 h 156"/>
                  <a:gd name="T22" fmla="*/ 32 w 84"/>
                  <a:gd name="T23" fmla="*/ 56 h 15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84"/>
                  <a:gd name="T37" fmla="*/ 0 h 156"/>
                  <a:gd name="T38" fmla="*/ 84 w 84"/>
                  <a:gd name="T39" fmla="*/ 156 h 156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84" h="156">
                    <a:moveTo>
                      <a:pt x="72" y="150"/>
                    </a:moveTo>
                    <a:lnTo>
                      <a:pt x="54" y="156"/>
                    </a:lnTo>
                    <a:lnTo>
                      <a:pt x="36" y="156"/>
                    </a:lnTo>
                    <a:lnTo>
                      <a:pt x="24" y="108"/>
                    </a:lnTo>
                    <a:lnTo>
                      <a:pt x="18" y="108"/>
                    </a:lnTo>
                    <a:lnTo>
                      <a:pt x="12" y="78"/>
                    </a:lnTo>
                    <a:lnTo>
                      <a:pt x="0" y="18"/>
                    </a:lnTo>
                    <a:lnTo>
                      <a:pt x="84" y="0"/>
                    </a:lnTo>
                    <a:lnTo>
                      <a:pt x="84" y="30"/>
                    </a:lnTo>
                    <a:lnTo>
                      <a:pt x="72" y="48"/>
                    </a:lnTo>
                    <a:lnTo>
                      <a:pt x="66" y="96"/>
                    </a:lnTo>
                    <a:lnTo>
                      <a:pt x="72" y="15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36" name="Freeform 115"/>
              <p:cNvSpPr>
                <a:spLocks noChangeAspect="1"/>
              </p:cNvSpPr>
              <p:nvPr/>
            </p:nvSpPr>
            <p:spPr bwMode="auto">
              <a:xfrm>
                <a:off x="2308" y="1140"/>
                <a:ext cx="64" cy="112"/>
              </a:xfrm>
              <a:custGeom>
                <a:avLst/>
                <a:gdLst>
                  <a:gd name="T0" fmla="*/ 32 w 84"/>
                  <a:gd name="T1" fmla="*/ 56 h 156"/>
                  <a:gd name="T2" fmla="*/ 24 w 84"/>
                  <a:gd name="T3" fmla="*/ 57 h 156"/>
                  <a:gd name="T4" fmla="*/ 16 w 84"/>
                  <a:gd name="T5" fmla="*/ 57 h 156"/>
                  <a:gd name="T6" fmla="*/ 11 w 84"/>
                  <a:gd name="T7" fmla="*/ 40 h 156"/>
                  <a:gd name="T8" fmla="*/ 8 w 84"/>
                  <a:gd name="T9" fmla="*/ 40 h 156"/>
                  <a:gd name="T10" fmla="*/ 5 w 84"/>
                  <a:gd name="T11" fmla="*/ 29 h 156"/>
                  <a:gd name="T12" fmla="*/ 0 w 84"/>
                  <a:gd name="T13" fmla="*/ 6 h 156"/>
                  <a:gd name="T14" fmla="*/ 37 w 84"/>
                  <a:gd name="T15" fmla="*/ 0 h 156"/>
                  <a:gd name="T16" fmla="*/ 37 w 84"/>
                  <a:gd name="T17" fmla="*/ 11 h 156"/>
                  <a:gd name="T18" fmla="*/ 32 w 84"/>
                  <a:gd name="T19" fmla="*/ 17 h 156"/>
                  <a:gd name="T20" fmla="*/ 29 w 84"/>
                  <a:gd name="T21" fmla="*/ 36 h 156"/>
                  <a:gd name="T22" fmla="*/ 32 w 84"/>
                  <a:gd name="T23" fmla="*/ 56 h 156"/>
                  <a:gd name="T24" fmla="*/ 32 w 84"/>
                  <a:gd name="T25" fmla="*/ 57 h 15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84"/>
                  <a:gd name="T40" fmla="*/ 0 h 156"/>
                  <a:gd name="T41" fmla="*/ 84 w 84"/>
                  <a:gd name="T42" fmla="*/ 156 h 156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84" h="156">
                    <a:moveTo>
                      <a:pt x="72" y="150"/>
                    </a:moveTo>
                    <a:lnTo>
                      <a:pt x="54" y="156"/>
                    </a:lnTo>
                    <a:lnTo>
                      <a:pt x="36" y="156"/>
                    </a:lnTo>
                    <a:lnTo>
                      <a:pt x="24" y="108"/>
                    </a:lnTo>
                    <a:lnTo>
                      <a:pt x="18" y="108"/>
                    </a:lnTo>
                    <a:lnTo>
                      <a:pt x="12" y="78"/>
                    </a:lnTo>
                    <a:lnTo>
                      <a:pt x="0" y="18"/>
                    </a:lnTo>
                    <a:lnTo>
                      <a:pt x="84" y="0"/>
                    </a:lnTo>
                    <a:lnTo>
                      <a:pt x="84" y="30"/>
                    </a:lnTo>
                    <a:lnTo>
                      <a:pt x="72" y="48"/>
                    </a:lnTo>
                    <a:lnTo>
                      <a:pt x="66" y="96"/>
                    </a:lnTo>
                    <a:lnTo>
                      <a:pt x="72" y="150"/>
                    </a:lnTo>
                    <a:lnTo>
                      <a:pt x="72" y="15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37" name="Freeform 116"/>
              <p:cNvSpPr>
                <a:spLocks noChangeAspect="1"/>
              </p:cNvSpPr>
              <p:nvPr/>
            </p:nvSpPr>
            <p:spPr bwMode="auto">
              <a:xfrm>
                <a:off x="2317" y="1482"/>
                <a:ext cx="0" cy="9"/>
              </a:xfrm>
              <a:custGeom>
                <a:avLst/>
                <a:gdLst>
                  <a:gd name="T0" fmla="*/ 0 h 12"/>
                  <a:gd name="T1" fmla="*/ 5 h 12"/>
                  <a:gd name="T2" fmla="*/ 0 h 12"/>
                  <a:gd name="T3" fmla="*/ 3 h 12"/>
                  <a:gd name="T4" fmla="*/ 0 60000 65536"/>
                  <a:gd name="T5" fmla="*/ 0 60000 65536"/>
                  <a:gd name="T6" fmla="*/ 0 60000 65536"/>
                  <a:gd name="T7" fmla="*/ 0 60000 65536"/>
                  <a:gd name="T8" fmla="*/ 0 h 12"/>
                  <a:gd name="T9" fmla="*/ 12 h 12"/>
                </a:gdLst>
                <a:ahLst/>
                <a:cxnLst>
                  <a:cxn ang="T4">
                    <a:pos x="0" y="T0"/>
                  </a:cxn>
                  <a:cxn ang="T5">
                    <a:pos x="0" y="T1"/>
                  </a:cxn>
                  <a:cxn ang="T6">
                    <a:pos x="0" y="T2"/>
                  </a:cxn>
                  <a:cxn ang="T7">
                    <a:pos x="0" y="T3"/>
                  </a:cxn>
                </a:cxnLst>
                <a:rect l="0" t="T8" r="0" b="T9"/>
                <a:pathLst>
                  <a:path h="12">
                    <a:moveTo>
                      <a:pt x="0" y="0"/>
                    </a:moveTo>
                    <a:lnTo>
                      <a:pt x="0" y="12"/>
                    </a:lnTo>
                    <a:lnTo>
                      <a:pt x="0" y="0"/>
                    </a:lnTo>
                    <a:lnTo>
                      <a:pt x="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38" name="Freeform 117"/>
              <p:cNvSpPr>
                <a:spLocks noChangeAspect="1"/>
              </p:cNvSpPr>
              <p:nvPr/>
            </p:nvSpPr>
            <p:spPr bwMode="auto">
              <a:xfrm>
                <a:off x="2299" y="1482"/>
                <a:ext cx="14" cy="48"/>
              </a:xfrm>
              <a:custGeom>
                <a:avLst/>
                <a:gdLst>
                  <a:gd name="T0" fmla="*/ 9 w 18"/>
                  <a:gd name="T1" fmla="*/ 0 h 66"/>
                  <a:gd name="T2" fmla="*/ 3 w 18"/>
                  <a:gd name="T3" fmla="*/ 25 h 66"/>
                  <a:gd name="T4" fmla="*/ 0 w 18"/>
                  <a:gd name="T5" fmla="*/ 18 h 66"/>
                  <a:gd name="T6" fmla="*/ 3 w 18"/>
                  <a:gd name="T7" fmla="*/ 2 h 66"/>
                  <a:gd name="T8" fmla="*/ 9 w 18"/>
                  <a:gd name="T9" fmla="*/ 0 h 66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8"/>
                  <a:gd name="T16" fmla="*/ 0 h 66"/>
                  <a:gd name="T17" fmla="*/ 18 w 18"/>
                  <a:gd name="T18" fmla="*/ 66 h 66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8" h="66">
                    <a:moveTo>
                      <a:pt x="18" y="0"/>
                    </a:moveTo>
                    <a:lnTo>
                      <a:pt x="6" y="66"/>
                    </a:lnTo>
                    <a:lnTo>
                      <a:pt x="0" y="48"/>
                    </a:lnTo>
                    <a:lnTo>
                      <a:pt x="6" y="6"/>
                    </a:lnTo>
                    <a:lnTo>
                      <a:pt x="18" y="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39" name="Freeform 118"/>
              <p:cNvSpPr>
                <a:spLocks noChangeAspect="1"/>
              </p:cNvSpPr>
              <p:nvPr/>
            </p:nvSpPr>
            <p:spPr bwMode="auto">
              <a:xfrm>
                <a:off x="2299" y="1482"/>
                <a:ext cx="14" cy="48"/>
              </a:xfrm>
              <a:custGeom>
                <a:avLst/>
                <a:gdLst>
                  <a:gd name="T0" fmla="*/ 9 w 18"/>
                  <a:gd name="T1" fmla="*/ 0 h 66"/>
                  <a:gd name="T2" fmla="*/ 3 w 18"/>
                  <a:gd name="T3" fmla="*/ 25 h 66"/>
                  <a:gd name="T4" fmla="*/ 0 w 18"/>
                  <a:gd name="T5" fmla="*/ 18 h 66"/>
                  <a:gd name="T6" fmla="*/ 3 w 18"/>
                  <a:gd name="T7" fmla="*/ 2 h 66"/>
                  <a:gd name="T8" fmla="*/ 9 w 18"/>
                  <a:gd name="T9" fmla="*/ 0 h 66"/>
                  <a:gd name="T10" fmla="*/ 9 w 18"/>
                  <a:gd name="T11" fmla="*/ 2 h 66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8"/>
                  <a:gd name="T19" fmla="*/ 0 h 66"/>
                  <a:gd name="T20" fmla="*/ 18 w 18"/>
                  <a:gd name="T21" fmla="*/ 66 h 66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8" h="66">
                    <a:moveTo>
                      <a:pt x="18" y="0"/>
                    </a:moveTo>
                    <a:lnTo>
                      <a:pt x="6" y="66"/>
                    </a:lnTo>
                    <a:lnTo>
                      <a:pt x="0" y="48"/>
                    </a:lnTo>
                    <a:lnTo>
                      <a:pt x="6" y="6"/>
                    </a:lnTo>
                    <a:lnTo>
                      <a:pt x="18" y="0"/>
                    </a:lnTo>
                    <a:lnTo>
                      <a:pt x="18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40" name="Freeform 119"/>
              <p:cNvSpPr>
                <a:spLocks noChangeAspect="1"/>
              </p:cNvSpPr>
              <p:nvPr/>
            </p:nvSpPr>
            <p:spPr bwMode="auto">
              <a:xfrm>
                <a:off x="2011" y="1439"/>
                <a:ext cx="297" cy="160"/>
              </a:xfrm>
              <a:custGeom>
                <a:avLst/>
                <a:gdLst>
                  <a:gd name="T0" fmla="*/ 172 w 390"/>
                  <a:gd name="T1" fmla="*/ 61 h 222"/>
                  <a:gd name="T2" fmla="*/ 169 w 390"/>
                  <a:gd name="T3" fmla="*/ 58 h 222"/>
                  <a:gd name="T4" fmla="*/ 172 w 390"/>
                  <a:gd name="T5" fmla="*/ 61 h 222"/>
                  <a:gd name="T6" fmla="*/ 169 w 390"/>
                  <a:gd name="T7" fmla="*/ 61 h 222"/>
                  <a:gd name="T8" fmla="*/ 45 w 390"/>
                  <a:gd name="T9" fmla="*/ 79 h 222"/>
                  <a:gd name="T10" fmla="*/ 0 w 390"/>
                  <a:gd name="T11" fmla="*/ 83 h 222"/>
                  <a:gd name="T12" fmla="*/ 11 w 390"/>
                  <a:gd name="T13" fmla="*/ 79 h 222"/>
                  <a:gd name="T14" fmla="*/ 34 w 390"/>
                  <a:gd name="T15" fmla="*/ 56 h 222"/>
                  <a:gd name="T16" fmla="*/ 37 w 390"/>
                  <a:gd name="T17" fmla="*/ 63 h 222"/>
                  <a:gd name="T18" fmla="*/ 43 w 390"/>
                  <a:gd name="T19" fmla="*/ 65 h 222"/>
                  <a:gd name="T20" fmla="*/ 69 w 390"/>
                  <a:gd name="T21" fmla="*/ 56 h 222"/>
                  <a:gd name="T22" fmla="*/ 72 w 390"/>
                  <a:gd name="T23" fmla="*/ 49 h 222"/>
                  <a:gd name="T24" fmla="*/ 69 w 390"/>
                  <a:gd name="T25" fmla="*/ 49 h 222"/>
                  <a:gd name="T26" fmla="*/ 79 w 390"/>
                  <a:gd name="T27" fmla="*/ 25 h 222"/>
                  <a:gd name="T28" fmla="*/ 88 w 390"/>
                  <a:gd name="T29" fmla="*/ 27 h 222"/>
                  <a:gd name="T30" fmla="*/ 90 w 390"/>
                  <a:gd name="T31" fmla="*/ 18 h 222"/>
                  <a:gd name="T32" fmla="*/ 95 w 390"/>
                  <a:gd name="T33" fmla="*/ 18 h 222"/>
                  <a:gd name="T34" fmla="*/ 104 w 390"/>
                  <a:gd name="T35" fmla="*/ 6 h 222"/>
                  <a:gd name="T36" fmla="*/ 104 w 390"/>
                  <a:gd name="T37" fmla="*/ 0 h 222"/>
                  <a:gd name="T38" fmla="*/ 117 w 390"/>
                  <a:gd name="T39" fmla="*/ 6 h 222"/>
                  <a:gd name="T40" fmla="*/ 117 w 390"/>
                  <a:gd name="T41" fmla="*/ 2 h 222"/>
                  <a:gd name="T42" fmla="*/ 133 w 390"/>
                  <a:gd name="T43" fmla="*/ 9 h 222"/>
                  <a:gd name="T44" fmla="*/ 135 w 390"/>
                  <a:gd name="T45" fmla="*/ 12 h 222"/>
                  <a:gd name="T46" fmla="*/ 130 w 390"/>
                  <a:gd name="T47" fmla="*/ 20 h 222"/>
                  <a:gd name="T48" fmla="*/ 133 w 390"/>
                  <a:gd name="T49" fmla="*/ 22 h 222"/>
                  <a:gd name="T50" fmla="*/ 135 w 390"/>
                  <a:gd name="T51" fmla="*/ 22 h 222"/>
                  <a:gd name="T52" fmla="*/ 140 w 390"/>
                  <a:gd name="T53" fmla="*/ 25 h 222"/>
                  <a:gd name="T54" fmla="*/ 157 w 390"/>
                  <a:gd name="T55" fmla="*/ 29 h 222"/>
                  <a:gd name="T56" fmla="*/ 157 w 390"/>
                  <a:gd name="T57" fmla="*/ 36 h 222"/>
                  <a:gd name="T58" fmla="*/ 140 w 390"/>
                  <a:gd name="T59" fmla="*/ 29 h 222"/>
                  <a:gd name="T60" fmla="*/ 151 w 390"/>
                  <a:gd name="T61" fmla="*/ 38 h 222"/>
                  <a:gd name="T62" fmla="*/ 159 w 390"/>
                  <a:gd name="T63" fmla="*/ 38 h 222"/>
                  <a:gd name="T64" fmla="*/ 154 w 390"/>
                  <a:gd name="T65" fmla="*/ 40 h 222"/>
                  <a:gd name="T66" fmla="*/ 159 w 390"/>
                  <a:gd name="T67" fmla="*/ 40 h 222"/>
                  <a:gd name="T68" fmla="*/ 159 w 390"/>
                  <a:gd name="T69" fmla="*/ 43 h 222"/>
                  <a:gd name="T70" fmla="*/ 157 w 390"/>
                  <a:gd name="T71" fmla="*/ 43 h 222"/>
                  <a:gd name="T72" fmla="*/ 157 w 390"/>
                  <a:gd name="T73" fmla="*/ 45 h 222"/>
                  <a:gd name="T74" fmla="*/ 145 w 390"/>
                  <a:gd name="T75" fmla="*/ 40 h 222"/>
                  <a:gd name="T76" fmla="*/ 161 w 390"/>
                  <a:gd name="T77" fmla="*/ 51 h 222"/>
                  <a:gd name="T78" fmla="*/ 159 w 390"/>
                  <a:gd name="T79" fmla="*/ 51 h 222"/>
                  <a:gd name="T80" fmla="*/ 145 w 390"/>
                  <a:gd name="T81" fmla="*/ 45 h 222"/>
                  <a:gd name="T82" fmla="*/ 145 w 390"/>
                  <a:gd name="T83" fmla="*/ 48 h 222"/>
                  <a:gd name="T84" fmla="*/ 151 w 390"/>
                  <a:gd name="T85" fmla="*/ 49 h 222"/>
                  <a:gd name="T86" fmla="*/ 159 w 390"/>
                  <a:gd name="T87" fmla="*/ 54 h 222"/>
                  <a:gd name="T88" fmla="*/ 169 w 390"/>
                  <a:gd name="T89" fmla="*/ 51 h 222"/>
                  <a:gd name="T90" fmla="*/ 172 w 390"/>
                  <a:gd name="T91" fmla="*/ 61 h 222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w 390"/>
                  <a:gd name="T139" fmla="*/ 0 h 222"/>
                  <a:gd name="T140" fmla="*/ 390 w 390"/>
                  <a:gd name="T141" fmla="*/ 222 h 222"/>
                </a:gdLst>
                <a:ahLst/>
                <a:cxnLst>
                  <a:cxn ang="T92">
                    <a:pos x="T0" y="T1"/>
                  </a:cxn>
                  <a:cxn ang="T93">
                    <a:pos x="T2" y="T3"/>
                  </a:cxn>
                  <a:cxn ang="T94">
                    <a:pos x="T4" y="T5"/>
                  </a:cxn>
                  <a:cxn ang="T95">
                    <a:pos x="T6" y="T7"/>
                  </a:cxn>
                  <a:cxn ang="T96">
                    <a:pos x="T8" y="T9"/>
                  </a:cxn>
                  <a:cxn ang="T97">
                    <a:pos x="T10" y="T11"/>
                  </a:cxn>
                  <a:cxn ang="T98">
                    <a:pos x="T12" y="T13"/>
                  </a:cxn>
                  <a:cxn ang="T99">
                    <a:pos x="T14" y="T15"/>
                  </a:cxn>
                  <a:cxn ang="T100">
                    <a:pos x="T16" y="T17"/>
                  </a:cxn>
                  <a:cxn ang="T101">
                    <a:pos x="T18" y="T19"/>
                  </a:cxn>
                  <a:cxn ang="T102">
                    <a:pos x="T20" y="T21"/>
                  </a:cxn>
                  <a:cxn ang="T103">
                    <a:pos x="T22" y="T23"/>
                  </a:cxn>
                  <a:cxn ang="T104">
                    <a:pos x="T24" y="T25"/>
                  </a:cxn>
                  <a:cxn ang="T105">
                    <a:pos x="T26" y="T27"/>
                  </a:cxn>
                  <a:cxn ang="T106">
                    <a:pos x="T28" y="T29"/>
                  </a:cxn>
                  <a:cxn ang="T107">
                    <a:pos x="T30" y="T31"/>
                  </a:cxn>
                  <a:cxn ang="T108">
                    <a:pos x="T32" y="T33"/>
                  </a:cxn>
                  <a:cxn ang="T109">
                    <a:pos x="T34" y="T35"/>
                  </a:cxn>
                  <a:cxn ang="T110">
                    <a:pos x="T36" y="T37"/>
                  </a:cxn>
                  <a:cxn ang="T111">
                    <a:pos x="T38" y="T39"/>
                  </a:cxn>
                  <a:cxn ang="T112">
                    <a:pos x="T40" y="T41"/>
                  </a:cxn>
                  <a:cxn ang="T113">
                    <a:pos x="T42" y="T43"/>
                  </a:cxn>
                  <a:cxn ang="T114">
                    <a:pos x="T44" y="T45"/>
                  </a:cxn>
                  <a:cxn ang="T115">
                    <a:pos x="T46" y="T47"/>
                  </a:cxn>
                  <a:cxn ang="T116">
                    <a:pos x="T48" y="T49"/>
                  </a:cxn>
                  <a:cxn ang="T117">
                    <a:pos x="T50" y="T51"/>
                  </a:cxn>
                  <a:cxn ang="T118">
                    <a:pos x="T52" y="T53"/>
                  </a:cxn>
                  <a:cxn ang="T119">
                    <a:pos x="T54" y="T55"/>
                  </a:cxn>
                  <a:cxn ang="T120">
                    <a:pos x="T56" y="T57"/>
                  </a:cxn>
                  <a:cxn ang="T121">
                    <a:pos x="T58" y="T59"/>
                  </a:cxn>
                  <a:cxn ang="T122">
                    <a:pos x="T60" y="T61"/>
                  </a:cxn>
                  <a:cxn ang="T123">
                    <a:pos x="T62" y="T63"/>
                  </a:cxn>
                  <a:cxn ang="T124">
                    <a:pos x="T64" y="T65"/>
                  </a:cxn>
                  <a:cxn ang="T125">
                    <a:pos x="T66" y="T67"/>
                  </a:cxn>
                  <a:cxn ang="T126">
                    <a:pos x="T68" y="T69"/>
                  </a:cxn>
                  <a:cxn ang="T127">
                    <a:pos x="T70" y="T71"/>
                  </a:cxn>
                  <a:cxn ang="T128">
                    <a:pos x="T72" y="T73"/>
                  </a:cxn>
                  <a:cxn ang="T129">
                    <a:pos x="T74" y="T75"/>
                  </a:cxn>
                  <a:cxn ang="T130">
                    <a:pos x="T76" y="T77"/>
                  </a:cxn>
                  <a:cxn ang="T131">
                    <a:pos x="T78" y="T79"/>
                  </a:cxn>
                  <a:cxn ang="T132">
                    <a:pos x="T80" y="T81"/>
                  </a:cxn>
                  <a:cxn ang="T133">
                    <a:pos x="T82" y="T83"/>
                  </a:cxn>
                  <a:cxn ang="T134">
                    <a:pos x="T84" y="T85"/>
                  </a:cxn>
                  <a:cxn ang="T135">
                    <a:pos x="T86" y="T87"/>
                  </a:cxn>
                  <a:cxn ang="T136">
                    <a:pos x="T88" y="T89"/>
                  </a:cxn>
                  <a:cxn ang="T137">
                    <a:pos x="T90" y="T91"/>
                  </a:cxn>
                </a:cxnLst>
                <a:rect l="T138" t="T139" r="T140" b="T141"/>
                <a:pathLst>
                  <a:path w="390" h="222">
                    <a:moveTo>
                      <a:pt x="390" y="162"/>
                    </a:moveTo>
                    <a:lnTo>
                      <a:pt x="384" y="156"/>
                    </a:lnTo>
                    <a:lnTo>
                      <a:pt x="390" y="162"/>
                    </a:lnTo>
                    <a:lnTo>
                      <a:pt x="384" y="162"/>
                    </a:lnTo>
                    <a:lnTo>
                      <a:pt x="102" y="210"/>
                    </a:lnTo>
                    <a:lnTo>
                      <a:pt x="0" y="222"/>
                    </a:lnTo>
                    <a:lnTo>
                      <a:pt x="24" y="210"/>
                    </a:lnTo>
                    <a:lnTo>
                      <a:pt x="78" y="150"/>
                    </a:lnTo>
                    <a:lnTo>
                      <a:pt x="84" y="168"/>
                    </a:lnTo>
                    <a:lnTo>
                      <a:pt x="96" y="174"/>
                    </a:lnTo>
                    <a:lnTo>
                      <a:pt x="156" y="150"/>
                    </a:lnTo>
                    <a:lnTo>
                      <a:pt x="162" y="132"/>
                    </a:lnTo>
                    <a:lnTo>
                      <a:pt x="156" y="132"/>
                    </a:lnTo>
                    <a:lnTo>
                      <a:pt x="180" y="66"/>
                    </a:lnTo>
                    <a:lnTo>
                      <a:pt x="198" y="72"/>
                    </a:lnTo>
                    <a:lnTo>
                      <a:pt x="204" y="48"/>
                    </a:lnTo>
                    <a:lnTo>
                      <a:pt x="216" y="48"/>
                    </a:lnTo>
                    <a:lnTo>
                      <a:pt x="234" y="18"/>
                    </a:lnTo>
                    <a:lnTo>
                      <a:pt x="234" y="0"/>
                    </a:lnTo>
                    <a:lnTo>
                      <a:pt x="264" y="18"/>
                    </a:lnTo>
                    <a:lnTo>
                      <a:pt x="264" y="6"/>
                    </a:lnTo>
                    <a:lnTo>
                      <a:pt x="300" y="24"/>
                    </a:lnTo>
                    <a:lnTo>
                      <a:pt x="306" y="30"/>
                    </a:lnTo>
                    <a:lnTo>
                      <a:pt x="294" y="54"/>
                    </a:lnTo>
                    <a:lnTo>
                      <a:pt x="300" y="60"/>
                    </a:lnTo>
                    <a:lnTo>
                      <a:pt x="306" y="60"/>
                    </a:lnTo>
                    <a:lnTo>
                      <a:pt x="318" y="66"/>
                    </a:lnTo>
                    <a:lnTo>
                      <a:pt x="354" y="78"/>
                    </a:lnTo>
                    <a:lnTo>
                      <a:pt x="354" y="96"/>
                    </a:lnTo>
                    <a:lnTo>
                      <a:pt x="318" y="78"/>
                    </a:lnTo>
                    <a:lnTo>
                      <a:pt x="342" y="102"/>
                    </a:lnTo>
                    <a:lnTo>
                      <a:pt x="360" y="102"/>
                    </a:lnTo>
                    <a:lnTo>
                      <a:pt x="348" y="108"/>
                    </a:lnTo>
                    <a:lnTo>
                      <a:pt x="360" y="108"/>
                    </a:lnTo>
                    <a:lnTo>
                      <a:pt x="360" y="114"/>
                    </a:lnTo>
                    <a:lnTo>
                      <a:pt x="354" y="114"/>
                    </a:lnTo>
                    <a:lnTo>
                      <a:pt x="354" y="120"/>
                    </a:lnTo>
                    <a:lnTo>
                      <a:pt x="330" y="108"/>
                    </a:lnTo>
                    <a:lnTo>
                      <a:pt x="366" y="138"/>
                    </a:lnTo>
                    <a:lnTo>
                      <a:pt x="360" y="138"/>
                    </a:lnTo>
                    <a:lnTo>
                      <a:pt x="330" y="120"/>
                    </a:lnTo>
                    <a:lnTo>
                      <a:pt x="330" y="126"/>
                    </a:lnTo>
                    <a:lnTo>
                      <a:pt x="342" y="132"/>
                    </a:lnTo>
                    <a:lnTo>
                      <a:pt x="360" y="144"/>
                    </a:lnTo>
                    <a:lnTo>
                      <a:pt x="384" y="138"/>
                    </a:lnTo>
                    <a:lnTo>
                      <a:pt x="390" y="162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41" name="Freeform 120"/>
              <p:cNvSpPr>
                <a:spLocks noChangeAspect="1"/>
              </p:cNvSpPr>
              <p:nvPr/>
            </p:nvSpPr>
            <p:spPr bwMode="auto">
              <a:xfrm>
                <a:off x="2011" y="1439"/>
                <a:ext cx="297" cy="160"/>
              </a:xfrm>
              <a:custGeom>
                <a:avLst/>
                <a:gdLst>
                  <a:gd name="T0" fmla="*/ 172 w 390"/>
                  <a:gd name="T1" fmla="*/ 61 h 222"/>
                  <a:gd name="T2" fmla="*/ 169 w 390"/>
                  <a:gd name="T3" fmla="*/ 58 h 222"/>
                  <a:gd name="T4" fmla="*/ 172 w 390"/>
                  <a:gd name="T5" fmla="*/ 61 h 222"/>
                  <a:gd name="T6" fmla="*/ 169 w 390"/>
                  <a:gd name="T7" fmla="*/ 61 h 222"/>
                  <a:gd name="T8" fmla="*/ 45 w 390"/>
                  <a:gd name="T9" fmla="*/ 79 h 222"/>
                  <a:gd name="T10" fmla="*/ 0 w 390"/>
                  <a:gd name="T11" fmla="*/ 83 h 222"/>
                  <a:gd name="T12" fmla="*/ 11 w 390"/>
                  <a:gd name="T13" fmla="*/ 79 h 222"/>
                  <a:gd name="T14" fmla="*/ 34 w 390"/>
                  <a:gd name="T15" fmla="*/ 56 h 222"/>
                  <a:gd name="T16" fmla="*/ 37 w 390"/>
                  <a:gd name="T17" fmla="*/ 63 h 222"/>
                  <a:gd name="T18" fmla="*/ 43 w 390"/>
                  <a:gd name="T19" fmla="*/ 65 h 222"/>
                  <a:gd name="T20" fmla="*/ 69 w 390"/>
                  <a:gd name="T21" fmla="*/ 56 h 222"/>
                  <a:gd name="T22" fmla="*/ 72 w 390"/>
                  <a:gd name="T23" fmla="*/ 49 h 222"/>
                  <a:gd name="T24" fmla="*/ 69 w 390"/>
                  <a:gd name="T25" fmla="*/ 49 h 222"/>
                  <a:gd name="T26" fmla="*/ 79 w 390"/>
                  <a:gd name="T27" fmla="*/ 25 h 222"/>
                  <a:gd name="T28" fmla="*/ 88 w 390"/>
                  <a:gd name="T29" fmla="*/ 27 h 222"/>
                  <a:gd name="T30" fmla="*/ 90 w 390"/>
                  <a:gd name="T31" fmla="*/ 18 h 222"/>
                  <a:gd name="T32" fmla="*/ 95 w 390"/>
                  <a:gd name="T33" fmla="*/ 18 h 222"/>
                  <a:gd name="T34" fmla="*/ 104 w 390"/>
                  <a:gd name="T35" fmla="*/ 6 h 222"/>
                  <a:gd name="T36" fmla="*/ 104 w 390"/>
                  <a:gd name="T37" fmla="*/ 0 h 222"/>
                  <a:gd name="T38" fmla="*/ 117 w 390"/>
                  <a:gd name="T39" fmla="*/ 6 h 222"/>
                  <a:gd name="T40" fmla="*/ 117 w 390"/>
                  <a:gd name="T41" fmla="*/ 2 h 222"/>
                  <a:gd name="T42" fmla="*/ 133 w 390"/>
                  <a:gd name="T43" fmla="*/ 9 h 222"/>
                  <a:gd name="T44" fmla="*/ 135 w 390"/>
                  <a:gd name="T45" fmla="*/ 12 h 222"/>
                  <a:gd name="T46" fmla="*/ 130 w 390"/>
                  <a:gd name="T47" fmla="*/ 20 h 222"/>
                  <a:gd name="T48" fmla="*/ 133 w 390"/>
                  <a:gd name="T49" fmla="*/ 22 h 222"/>
                  <a:gd name="T50" fmla="*/ 135 w 390"/>
                  <a:gd name="T51" fmla="*/ 22 h 222"/>
                  <a:gd name="T52" fmla="*/ 140 w 390"/>
                  <a:gd name="T53" fmla="*/ 25 h 222"/>
                  <a:gd name="T54" fmla="*/ 157 w 390"/>
                  <a:gd name="T55" fmla="*/ 29 h 222"/>
                  <a:gd name="T56" fmla="*/ 157 w 390"/>
                  <a:gd name="T57" fmla="*/ 36 h 222"/>
                  <a:gd name="T58" fmla="*/ 140 w 390"/>
                  <a:gd name="T59" fmla="*/ 29 h 222"/>
                  <a:gd name="T60" fmla="*/ 151 w 390"/>
                  <a:gd name="T61" fmla="*/ 38 h 222"/>
                  <a:gd name="T62" fmla="*/ 159 w 390"/>
                  <a:gd name="T63" fmla="*/ 38 h 222"/>
                  <a:gd name="T64" fmla="*/ 154 w 390"/>
                  <a:gd name="T65" fmla="*/ 40 h 222"/>
                  <a:gd name="T66" fmla="*/ 159 w 390"/>
                  <a:gd name="T67" fmla="*/ 40 h 222"/>
                  <a:gd name="T68" fmla="*/ 159 w 390"/>
                  <a:gd name="T69" fmla="*/ 43 h 222"/>
                  <a:gd name="T70" fmla="*/ 157 w 390"/>
                  <a:gd name="T71" fmla="*/ 43 h 222"/>
                  <a:gd name="T72" fmla="*/ 157 w 390"/>
                  <a:gd name="T73" fmla="*/ 45 h 222"/>
                  <a:gd name="T74" fmla="*/ 145 w 390"/>
                  <a:gd name="T75" fmla="*/ 40 h 222"/>
                  <a:gd name="T76" fmla="*/ 161 w 390"/>
                  <a:gd name="T77" fmla="*/ 51 h 222"/>
                  <a:gd name="T78" fmla="*/ 159 w 390"/>
                  <a:gd name="T79" fmla="*/ 51 h 222"/>
                  <a:gd name="T80" fmla="*/ 145 w 390"/>
                  <a:gd name="T81" fmla="*/ 45 h 222"/>
                  <a:gd name="T82" fmla="*/ 145 w 390"/>
                  <a:gd name="T83" fmla="*/ 48 h 222"/>
                  <a:gd name="T84" fmla="*/ 151 w 390"/>
                  <a:gd name="T85" fmla="*/ 49 h 222"/>
                  <a:gd name="T86" fmla="*/ 159 w 390"/>
                  <a:gd name="T87" fmla="*/ 54 h 222"/>
                  <a:gd name="T88" fmla="*/ 169 w 390"/>
                  <a:gd name="T89" fmla="*/ 51 h 222"/>
                  <a:gd name="T90" fmla="*/ 172 w 390"/>
                  <a:gd name="T91" fmla="*/ 61 h 222"/>
                  <a:gd name="T92" fmla="*/ 172 w 390"/>
                  <a:gd name="T93" fmla="*/ 63 h 222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w 390"/>
                  <a:gd name="T142" fmla="*/ 0 h 222"/>
                  <a:gd name="T143" fmla="*/ 390 w 390"/>
                  <a:gd name="T144" fmla="*/ 222 h 222"/>
                </a:gdLst>
                <a:ahLst/>
                <a:cxnLst>
                  <a:cxn ang="T94">
                    <a:pos x="T0" y="T1"/>
                  </a:cxn>
                  <a:cxn ang="T95">
                    <a:pos x="T2" y="T3"/>
                  </a:cxn>
                  <a:cxn ang="T96">
                    <a:pos x="T4" y="T5"/>
                  </a:cxn>
                  <a:cxn ang="T97">
                    <a:pos x="T6" y="T7"/>
                  </a:cxn>
                  <a:cxn ang="T98">
                    <a:pos x="T8" y="T9"/>
                  </a:cxn>
                  <a:cxn ang="T99">
                    <a:pos x="T10" y="T11"/>
                  </a:cxn>
                  <a:cxn ang="T100">
                    <a:pos x="T12" y="T13"/>
                  </a:cxn>
                  <a:cxn ang="T101">
                    <a:pos x="T14" y="T15"/>
                  </a:cxn>
                  <a:cxn ang="T102">
                    <a:pos x="T16" y="T17"/>
                  </a:cxn>
                  <a:cxn ang="T103">
                    <a:pos x="T18" y="T19"/>
                  </a:cxn>
                  <a:cxn ang="T104">
                    <a:pos x="T20" y="T21"/>
                  </a:cxn>
                  <a:cxn ang="T105">
                    <a:pos x="T22" y="T23"/>
                  </a:cxn>
                  <a:cxn ang="T106">
                    <a:pos x="T24" y="T25"/>
                  </a:cxn>
                  <a:cxn ang="T107">
                    <a:pos x="T26" y="T27"/>
                  </a:cxn>
                  <a:cxn ang="T108">
                    <a:pos x="T28" y="T29"/>
                  </a:cxn>
                  <a:cxn ang="T109">
                    <a:pos x="T30" y="T31"/>
                  </a:cxn>
                  <a:cxn ang="T110">
                    <a:pos x="T32" y="T33"/>
                  </a:cxn>
                  <a:cxn ang="T111">
                    <a:pos x="T34" y="T35"/>
                  </a:cxn>
                  <a:cxn ang="T112">
                    <a:pos x="T36" y="T37"/>
                  </a:cxn>
                  <a:cxn ang="T113">
                    <a:pos x="T38" y="T39"/>
                  </a:cxn>
                  <a:cxn ang="T114">
                    <a:pos x="T40" y="T41"/>
                  </a:cxn>
                  <a:cxn ang="T115">
                    <a:pos x="T42" y="T43"/>
                  </a:cxn>
                  <a:cxn ang="T116">
                    <a:pos x="T44" y="T45"/>
                  </a:cxn>
                  <a:cxn ang="T117">
                    <a:pos x="T46" y="T47"/>
                  </a:cxn>
                  <a:cxn ang="T118">
                    <a:pos x="T48" y="T49"/>
                  </a:cxn>
                  <a:cxn ang="T119">
                    <a:pos x="T50" y="T51"/>
                  </a:cxn>
                  <a:cxn ang="T120">
                    <a:pos x="T52" y="T53"/>
                  </a:cxn>
                  <a:cxn ang="T121">
                    <a:pos x="T54" y="T55"/>
                  </a:cxn>
                  <a:cxn ang="T122">
                    <a:pos x="T56" y="T57"/>
                  </a:cxn>
                  <a:cxn ang="T123">
                    <a:pos x="T58" y="T59"/>
                  </a:cxn>
                  <a:cxn ang="T124">
                    <a:pos x="T60" y="T61"/>
                  </a:cxn>
                  <a:cxn ang="T125">
                    <a:pos x="T62" y="T63"/>
                  </a:cxn>
                  <a:cxn ang="T126">
                    <a:pos x="T64" y="T65"/>
                  </a:cxn>
                  <a:cxn ang="T127">
                    <a:pos x="T66" y="T67"/>
                  </a:cxn>
                  <a:cxn ang="T128">
                    <a:pos x="T68" y="T69"/>
                  </a:cxn>
                  <a:cxn ang="T129">
                    <a:pos x="T70" y="T71"/>
                  </a:cxn>
                  <a:cxn ang="T130">
                    <a:pos x="T72" y="T73"/>
                  </a:cxn>
                  <a:cxn ang="T131">
                    <a:pos x="T74" y="T75"/>
                  </a:cxn>
                  <a:cxn ang="T132">
                    <a:pos x="T76" y="T77"/>
                  </a:cxn>
                  <a:cxn ang="T133">
                    <a:pos x="T78" y="T79"/>
                  </a:cxn>
                  <a:cxn ang="T134">
                    <a:pos x="T80" y="T81"/>
                  </a:cxn>
                  <a:cxn ang="T135">
                    <a:pos x="T82" y="T83"/>
                  </a:cxn>
                  <a:cxn ang="T136">
                    <a:pos x="T84" y="T85"/>
                  </a:cxn>
                  <a:cxn ang="T137">
                    <a:pos x="T86" y="T87"/>
                  </a:cxn>
                  <a:cxn ang="T138">
                    <a:pos x="T88" y="T89"/>
                  </a:cxn>
                  <a:cxn ang="T139">
                    <a:pos x="T90" y="T91"/>
                  </a:cxn>
                  <a:cxn ang="T140">
                    <a:pos x="T92" y="T93"/>
                  </a:cxn>
                </a:cxnLst>
                <a:rect l="T141" t="T142" r="T143" b="T144"/>
                <a:pathLst>
                  <a:path w="390" h="222">
                    <a:moveTo>
                      <a:pt x="390" y="162"/>
                    </a:moveTo>
                    <a:lnTo>
                      <a:pt x="384" y="156"/>
                    </a:lnTo>
                    <a:lnTo>
                      <a:pt x="390" y="162"/>
                    </a:lnTo>
                    <a:lnTo>
                      <a:pt x="384" y="162"/>
                    </a:lnTo>
                    <a:lnTo>
                      <a:pt x="102" y="210"/>
                    </a:lnTo>
                    <a:lnTo>
                      <a:pt x="0" y="222"/>
                    </a:lnTo>
                    <a:lnTo>
                      <a:pt x="24" y="210"/>
                    </a:lnTo>
                    <a:lnTo>
                      <a:pt x="78" y="150"/>
                    </a:lnTo>
                    <a:lnTo>
                      <a:pt x="84" y="168"/>
                    </a:lnTo>
                    <a:lnTo>
                      <a:pt x="96" y="174"/>
                    </a:lnTo>
                    <a:lnTo>
                      <a:pt x="156" y="150"/>
                    </a:lnTo>
                    <a:lnTo>
                      <a:pt x="162" y="132"/>
                    </a:lnTo>
                    <a:lnTo>
                      <a:pt x="156" y="132"/>
                    </a:lnTo>
                    <a:lnTo>
                      <a:pt x="180" y="66"/>
                    </a:lnTo>
                    <a:lnTo>
                      <a:pt x="198" y="72"/>
                    </a:lnTo>
                    <a:lnTo>
                      <a:pt x="204" y="48"/>
                    </a:lnTo>
                    <a:lnTo>
                      <a:pt x="216" y="48"/>
                    </a:lnTo>
                    <a:lnTo>
                      <a:pt x="234" y="18"/>
                    </a:lnTo>
                    <a:lnTo>
                      <a:pt x="234" y="0"/>
                    </a:lnTo>
                    <a:lnTo>
                      <a:pt x="264" y="18"/>
                    </a:lnTo>
                    <a:lnTo>
                      <a:pt x="264" y="6"/>
                    </a:lnTo>
                    <a:lnTo>
                      <a:pt x="300" y="24"/>
                    </a:lnTo>
                    <a:lnTo>
                      <a:pt x="306" y="30"/>
                    </a:lnTo>
                    <a:lnTo>
                      <a:pt x="294" y="54"/>
                    </a:lnTo>
                    <a:lnTo>
                      <a:pt x="300" y="60"/>
                    </a:lnTo>
                    <a:lnTo>
                      <a:pt x="306" y="60"/>
                    </a:lnTo>
                    <a:lnTo>
                      <a:pt x="318" y="66"/>
                    </a:lnTo>
                    <a:lnTo>
                      <a:pt x="354" y="78"/>
                    </a:lnTo>
                    <a:lnTo>
                      <a:pt x="354" y="96"/>
                    </a:lnTo>
                    <a:lnTo>
                      <a:pt x="318" y="78"/>
                    </a:lnTo>
                    <a:lnTo>
                      <a:pt x="342" y="102"/>
                    </a:lnTo>
                    <a:lnTo>
                      <a:pt x="360" y="102"/>
                    </a:lnTo>
                    <a:lnTo>
                      <a:pt x="348" y="108"/>
                    </a:lnTo>
                    <a:lnTo>
                      <a:pt x="360" y="108"/>
                    </a:lnTo>
                    <a:lnTo>
                      <a:pt x="360" y="114"/>
                    </a:lnTo>
                    <a:lnTo>
                      <a:pt x="354" y="114"/>
                    </a:lnTo>
                    <a:lnTo>
                      <a:pt x="354" y="120"/>
                    </a:lnTo>
                    <a:lnTo>
                      <a:pt x="330" y="108"/>
                    </a:lnTo>
                    <a:lnTo>
                      <a:pt x="366" y="138"/>
                    </a:lnTo>
                    <a:lnTo>
                      <a:pt x="360" y="138"/>
                    </a:lnTo>
                    <a:lnTo>
                      <a:pt x="330" y="120"/>
                    </a:lnTo>
                    <a:lnTo>
                      <a:pt x="330" y="126"/>
                    </a:lnTo>
                    <a:lnTo>
                      <a:pt x="342" y="132"/>
                    </a:lnTo>
                    <a:lnTo>
                      <a:pt x="360" y="144"/>
                    </a:lnTo>
                    <a:lnTo>
                      <a:pt x="384" y="138"/>
                    </a:lnTo>
                    <a:lnTo>
                      <a:pt x="390" y="162"/>
                    </a:lnTo>
                    <a:lnTo>
                      <a:pt x="390" y="16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42" name="Freeform 121"/>
              <p:cNvSpPr>
                <a:spLocks noChangeAspect="1"/>
              </p:cNvSpPr>
              <p:nvPr/>
            </p:nvSpPr>
            <p:spPr bwMode="auto">
              <a:xfrm>
                <a:off x="592" y="941"/>
                <a:ext cx="261" cy="177"/>
              </a:xfrm>
              <a:custGeom>
                <a:avLst/>
                <a:gdLst>
                  <a:gd name="T0" fmla="*/ 11 w 342"/>
                  <a:gd name="T1" fmla="*/ 60 h 246"/>
                  <a:gd name="T2" fmla="*/ 0 w 342"/>
                  <a:gd name="T3" fmla="*/ 56 h 246"/>
                  <a:gd name="T4" fmla="*/ 3 w 342"/>
                  <a:gd name="T5" fmla="*/ 47 h 246"/>
                  <a:gd name="T6" fmla="*/ 3 w 342"/>
                  <a:gd name="T7" fmla="*/ 54 h 246"/>
                  <a:gd name="T8" fmla="*/ 8 w 342"/>
                  <a:gd name="T9" fmla="*/ 47 h 246"/>
                  <a:gd name="T10" fmla="*/ 3 w 342"/>
                  <a:gd name="T11" fmla="*/ 47 h 246"/>
                  <a:gd name="T12" fmla="*/ 5 w 342"/>
                  <a:gd name="T13" fmla="*/ 40 h 246"/>
                  <a:gd name="T14" fmla="*/ 5 w 342"/>
                  <a:gd name="T15" fmla="*/ 40 h 246"/>
                  <a:gd name="T16" fmla="*/ 5 w 342"/>
                  <a:gd name="T17" fmla="*/ 20 h 246"/>
                  <a:gd name="T18" fmla="*/ 3 w 342"/>
                  <a:gd name="T19" fmla="*/ 14 h 246"/>
                  <a:gd name="T20" fmla="*/ 5 w 342"/>
                  <a:gd name="T21" fmla="*/ 4 h 246"/>
                  <a:gd name="T22" fmla="*/ 18 w 342"/>
                  <a:gd name="T23" fmla="*/ 14 h 246"/>
                  <a:gd name="T24" fmla="*/ 32 w 342"/>
                  <a:gd name="T25" fmla="*/ 18 h 246"/>
                  <a:gd name="T26" fmla="*/ 37 w 342"/>
                  <a:gd name="T27" fmla="*/ 22 h 246"/>
                  <a:gd name="T28" fmla="*/ 37 w 342"/>
                  <a:gd name="T29" fmla="*/ 20 h 246"/>
                  <a:gd name="T30" fmla="*/ 40 w 342"/>
                  <a:gd name="T31" fmla="*/ 22 h 246"/>
                  <a:gd name="T32" fmla="*/ 40 w 342"/>
                  <a:gd name="T33" fmla="*/ 27 h 246"/>
                  <a:gd name="T34" fmla="*/ 35 w 342"/>
                  <a:gd name="T35" fmla="*/ 27 h 246"/>
                  <a:gd name="T36" fmla="*/ 27 w 342"/>
                  <a:gd name="T37" fmla="*/ 36 h 246"/>
                  <a:gd name="T38" fmla="*/ 27 w 342"/>
                  <a:gd name="T39" fmla="*/ 36 h 246"/>
                  <a:gd name="T40" fmla="*/ 40 w 342"/>
                  <a:gd name="T41" fmla="*/ 27 h 246"/>
                  <a:gd name="T42" fmla="*/ 40 w 342"/>
                  <a:gd name="T43" fmla="*/ 24 h 246"/>
                  <a:gd name="T44" fmla="*/ 43 w 342"/>
                  <a:gd name="T45" fmla="*/ 27 h 246"/>
                  <a:gd name="T46" fmla="*/ 43 w 342"/>
                  <a:gd name="T47" fmla="*/ 29 h 246"/>
                  <a:gd name="T48" fmla="*/ 37 w 342"/>
                  <a:gd name="T49" fmla="*/ 31 h 246"/>
                  <a:gd name="T50" fmla="*/ 40 w 342"/>
                  <a:gd name="T51" fmla="*/ 36 h 246"/>
                  <a:gd name="T52" fmla="*/ 37 w 342"/>
                  <a:gd name="T53" fmla="*/ 40 h 246"/>
                  <a:gd name="T54" fmla="*/ 37 w 342"/>
                  <a:gd name="T55" fmla="*/ 38 h 246"/>
                  <a:gd name="T56" fmla="*/ 32 w 342"/>
                  <a:gd name="T57" fmla="*/ 42 h 246"/>
                  <a:gd name="T58" fmla="*/ 32 w 342"/>
                  <a:gd name="T59" fmla="*/ 36 h 246"/>
                  <a:gd name="T60" fmla="*/ 27 w 342"/>
                  <a:gd name="T61" fmla="*/ 40 h 246"/>
                  <a:gd name="T62" fmla="*/ 29 w 342"/>
                  <a:gd name="T63" fmla="*/ 45 h 246"/>
                  <a:gd name="T64" fmla="*/ 43 w 342"/>
                  <a:gd name="T65" fmla="*/ 40 h 246"/>
                  <a:gd name="T66" fmla="*/ 43 w 342"/>
                  <a:gd name="T67" fmla="*/ 31 h 246"/>
                  <a:gd name="T68" fmla="*/ 48 w 342"/>
                  <a:gd name="T69" fmla="*/ 24 h 246"/>
                  <a:gd name="T70" fmla="*/ 43 w 342"/>
                  <a:gd name="T71" fmla="*/ 14 h 246"/>
                  <a:gd name="T72" fmla="*/ 48 w 342"/>
                  <a:gd name="T73" fmla="*/ 12 h 246"/>
                  <a:gd name="T74" fmla="*/ 46 w 342"/>
                  <a:gd name="T75" fmla="*/ 0 h 246"/>
                  <a:gd name="T76" fmla="*/ 152 w 342"/>
                  <a:gd name="T77" fmla="*/ 22 h 246"/>
                  <a:gd name="T78" fmla="*/ 134 w 342"/>
                  <a:gd name="T79" fmla="*/ 91 h 246"/>
                  <a:gd name="T80" fmla="*/ 96 w 342"/>
                  <a:gd name="T81" fmla="*/ 85 h 246"/>
                  <a:gd name="T82" fmla="*/ 50 w 342"/>
                  <a:gd name="T83" fmla="*/ 85 h 246"/>
                  <a:gd name="T84" fmla="*/ 37 w 342"/>
                  <a:gd name="T85" fmla="*/ 78 h 246"/>
                  <a:gd name="T86" fmla="*/ 27 w 342"/>
                  <a:gd name="T87" fmla="*/ 81 h 246"/>
                  <a:gd name="T88" fmla="*/ 18 w 342"/>
                  <a:gd name="T89" fmla="*/ 76 h 246"/>
                  <a:gd name="T90" fmla="*/ 18 w 342"/>
                  <a:gd name="T91" fmla="*/ 65 h 246"/>
                  <a:gd name="T92" fmla="*/ 11 w 342"/>
                  <a:gd name="T93" fmla="*/ 60 h 24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w 342"/>
                  <a:gd name="T142" fmla="*/ 0 h 246"/>
                  <a:gd name="T143" fmla="*/ 342 w 342"/>
                  <a:gd name="T144" fmla="*/ 246 h 246"/>
                </a:gdLst>
                <a:ahLst/>
                <a:cxnLst>
                  <a:cxn ang="T94">
                    <a:pos x="T0" y="T1"/>
                  </a:cxn>
                  <a:cxn ang="T95">
                    <a:pos x="T2" y="T3"/>
                  </a:cxn>
                  <a:cxn ang="T96">
                    <a:pos x="T4" y="T5"/>
                  </a:cxn>
                  <a:cxn ang="T97">
                    <a:pos x="T6" y="T7"/>
                  </a:cxn>
                  <a:cxn ang="T98">
                    <a:pos x="T8" y="T9"/>
                  </a:cxn>
                  <a:cxn ang="T99">
                    <a:pos x="T10" y="T11"/>
                  </a:cxn>
                  <a:cxn ang="T100">
                    <a:pos x="T12" y="T13"/>
                  </a:cxn>
                  <a:cxn ang="T101">
                    <a:pos x="T14" y="T15"/>
                  </a:cxn>
                  <a:cxn ang="T102">
                    <a:pos x="T16" y="T17"/>
                  </a:cxn>
                  <a:cxn ang="T103">
                    <a:pos x="T18" y="T19"/>
                  </a:cxn>
                  <a:cxn ang="T104">
                    <a:pos x="T20" y="T21"/>
                  </a:cxn>
                  <a:cxn ang="T105">
                    <a:pos x="T22" y="T23"/>
                  </a:cxn>
                  <a:cxn ang="T106">
                    <a:pos x="T24" y="T25"/>
                  </a:cxn>
                  <a:cxn ang="T107">
                    <a:pos x="T26" y="T27"/>
                  </a:cxn>
                  <a:cxn ang="T108">
                    <a:pos x="T28" y="T29"/>
                  </a:cxn>
                  <a:cxn ang="T109">
                    <a:pos x="T30" y="T31"/>
                  </a:cxn>
                  <a:cxn ang="T110">
                    <a:pos x="T32" y="T33"/>
                  </a:cxn>
                  <a:cxn ang="T111">
                    <a:pos x="T34" y="T35"/>
                  </a:cxn>
                  <a:cxn ang="T112">
                    <a:pos x="T36" y="T37"/>
                  </a:cxn>
                  <a:cxn ang="T113">
                    <a:pos x="T38" y="T39"/>
                  </a:cxn>
                  <a:cxn ang="T114">
                    <a:pos x="T40" y="T41"/>
                  </a:cxn>
                  <a:cxn ang="T115">
                    <a:pos x="T42" y="T43"/>
                  </a:cxn>
                  <a:cxn ang="T116">
                    <a:pos x="T44" y="T45"/>
                  </a:cxn>
                  <a:cxn ang="T117">
                    <a:pos x="T46" y="T47"/>
                  </a:cxn>
                  <a:cxn ang="T118">
                    <a:pos x="T48" y="T49"/>
                  </a:cxn>
                  <a:cxn ang="T119">
                    <a:pos x="T50" y="T51"/>
                  </a:cxn>
                  <a:cxn ang="T120">
                    <a:pos x="T52" y="T53"/>
                  </a:cxn>
                  <a:cxn ang="T121">
                    <a:pos x="T54" y="T55"/>
                  </a:cxn>
                  <a:cxn ang="T122">
                    <a:pos x="T56" y="T57"/>
                  </a:cxn>
                  <a:cxn ang="T123">
                    <a:pos x="T58" y="T59"/>
                  </a:cxn>
                  <a:cxn ang="T124">
                    <a:pos x="T60" y="T61"/>
                  </a:cxn>
                  <a:cxn ang="T125">
                    <a:pos x="T62" y="T63"/>
                  </a:cxn>
                  <a:cxn ang="T126">
                    <a:pos x="T64" y="T65"/>
                  </a:cxn>
                  <a:cxn ang="T127">
                    <a:pos x="T66" y="T67"/>
                  </a:cxn>
                  <a:cxn ang="T128">
                    <a:pos x="T68" y="T69"/>
                  </a:cxn>
                  <a:cxn ang="T129">
                    <a:pos x="T70" y="T71"/>
                  </a:cxn>
                  <a:cxn ang="T130">
                    <a:pos x="T72" y="T73"/>
                  </a:cxn>
                  <a:cxn ang="T131">
                    <a:pos x="T74" y="T75"/>
                  </a:cxn>
                  <a:cxn ang="T132">
                    <a:pos x="T76" y="T77"/>
                  </a:cxn>
                  <a:cxn ang="T133">
                    <a:pos x="T78" y="T79"/>
                  </a:cxn>
                  <a:cxn ang="T134">
                    <a:pos x="T80" y="T81"/>
                  </a:cxn>
                  <a:cxn ang="T135">
                    <a:pos x="T82" y="T83"/>
                  </a:cxn>
                  <a:cxn ang="T136">
                    <a:pos x="T84" y="T85"/>
                  </a:cxn>
                  <a:cxn ang="T137">
                    <a:pos x="T86" y="T87"/>
                  </a:cxn>
                  <a:cxn ang="T138">
                    <a:pos x="T88" y="T89"/>
                  </a:cxn>
                  <a:cxn ang="T139">
                    <a:pos x="T90" y="T91"/>
                  </a:cxn>
                  <a:cxn ang="T140">
                    <a:pos x="T92" y="T93"/>
                  </a:cxn>
                </a:cxnLst>
                <a:rect l="T141" t="T142" r="T143" b="T144"/>
                <a:pathLst>
                  <a:path w="342" h="246">
                    <a:moveTo>
                      <a:pt x="24" y="162"/>
                    </a:moveTo>
                    <a:lnTo>
                      <a:pt x="0" y="150"/>
                    </a:lnTo>
                    <a:lnTo>
                      <a:pt x="6" y="126"/>
                    </a:lnTo>
                    <a:lnTo>
                      <a:pt x="6" y="144"/>
                    </a:lnTo>
                    <a:lnTo>
                      <a:pt x="18" y="126"/>
                    </a:lnTo>
                    <a:lnTo>
                      <a:pt x="6" y="126"/>
                    </a:lnTo>
                    <a:lnTo>
                      <a:pt x="12" y="108"/>
                    </a:lnTo>
                    <a:lnTo>
                      <a:pt x="12" y="54"/>
                    </a:lnTo>
                    <a:lnTo>
                      <a:pt x="6" y="36"/>
                    </a:lnTo>
                    <a:lnTo>
                      <a:pt x="12" y="12"/>
                    </a:lnTo>
                    <a:lnTo>
                      <a:pt x="42" y="36"/>
                    </a:lnTo>
                    <a:lnTo>
                      <a:pt x="72" y="48"/>
                    </a:lnTo>
                    <a:lnTo>
                      <a:pt x="84" y="60"/>
                    </a:lnTo>
                    <a:lnTo>
                      <a:pt x="84" y="54"/>
                    </a:lnTo>
                    <a:lnTo>
                      <a:pt x="90" y="60"/>
                    </a:lnTo>
                    <a:lnTo>
                      <a:pt x="90" y="72"/>
                    </a:lnTo>
                    <a:lnTo>
                      <a:pt x="78" y="72"/>
                    </a:lnTo>
                    <a:lnTo>
                      <a:pt x="60" y="96"/>
                    </a:lnTo>
                    <a:lnTo>
                      <a:pt x="90" y="72"/>
                    </a:lnTo>
                    <a:lnTo>
                      <a:pt x="90" y="66"/>
                    </a:lnTo>
                    <a:lnTo>
                      <a:pt x="96" y="72"/>
                    </a:lnTo>
                    <a:lnTo>
                      <a:pt x="96" y="78"/>
                    </a:lnTo>
                    <a:lnTo>
                      <a:pt x="84" y="84"/>
                    </a:lnTo>
                    <a:lnTo>
                      <a:pt x="90" y="96"/>
                    </a:lnTo>
                    <a:lnTo>
                      <a:pt x="84" y="108"/>
                    </a:lnTo>
                    <a:lnTo>
                      <a:pt x="84" y="102"/>
                    </a:lnTo>
                    <a:lnTo>
                      <a:pt x="72" y="114"/>
                    </a:lnTo>
                    <a:lnTo>
                      <a:pt x="72" y="96"/>
                    </a:lnTo>
                    <a:lnTo>
                      <a:pt x="60" y="108"/>
                    </a:lnTo>
                    <a:lnTo>
                      <a:pt x="66" y="120"/>
                    </a:lnTo>
                    <a:lnTo>
                      <a:pt x="96" y="108"/>
                    </a:lnTo>
                    <a:lnTo>
                      <a:pt x="96" y="84"/>
                    </a:lnTo>
                    <a:lnTo>
                      <a:pt x="108" y="66"/>
                    </a:lnTo>
                    <a:lnTo>
                      <a:pt x="96" y="36"/>
                    </a:lnTo>
                    <a:lnTo>
                      <a:pt x="108" y="30"/>
                    </a:lnTo>
                    <a:lnTo>
                      <a:pt x="102" y="0"/>
                    </a:lnTo>
                    <a:lnTo>
                      <a:pt x="342" y="60"/>
                    </a:lnTo>
                    <a:lnTo>
                      <a:pt x="300" y="246"/>
                    </a:lnTo>
                    <a:lnTo>
                      <a:pt x="216" y="228"/>
                    </a:lnTo>
                    <a:lnTo>
                      <a:pt x="114" y="228"/>
                    </a:lnTo>
                    <a:lnTo>
                      <a:pt x="84" y="210"/>
                    </a:lnTo>
                    <a:lnTo>
                      <a:pt x="60" y="216"/>
                    </a:lnTo>
                    <a:lnTo>
                      <a:pt x="42" y="204"/>
                    </a:lnTo>
                    <a:lnTo>
                      <a:pt x="42" y="174"/>
                    </a:lnTo>
                    <a:lnTo>
                      <a:pt x="24" y="16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43" name="Freeform 122"/>
              <p:cNvSpPr>
                <a:spLocks noChangeAspect="1"/>
              </p:cNvSpPr>
              <p:nvPr/>
            </p:nvSpPr>
            <p:spPr bwMode="auto">
              <a:xfrm>
                <a:off x="592" y="941"/>
                <a:ext cx="261" cy="177"/>
              </a:xfrm>
              <a:custGeom>
                <a:avLst/>
                <a:gdLst>
                  <a:gd name="T0" fmla="*/ 11 w 342"/>
                  <a:gd name="T1" fmla="*/ 60 h 246"/>
                  <a:gd name="T2" fmla="*/ 0 w 342"/>
                  <a:gd name="T3" fmla="*/ 56 h 246"/>
                  <a:gd name="T4" fmla="*/ 3 w 342"/>
                  <a:gd name="T5" fmla="*/ 47 h 246"/>
                  <a:gd name="T6" fmla="*/ 3 w 342"/>
                  <a:gd name="T7" fmla="*/ 54 h 246"/>
                  <a:gd name="T8" fmla="*/ 8 w 342"/>
                  <a:gd name="T9" fmla="*/ 47 h 246"/>
                  <a:gd name="T10" fmla="*/ 3 w 342"/>
                  <a:gd name="T11" fmla="*/ 47 h 246"/>
                  <a:gd name="T12" fmla="*/ 5 w 342"/>
                  <a:gd name="T13" fmla="*/ 40 h 246"/>
                  <a:gd name="T14" fmla="*/ 11 w 342"/>
                  <a:gd name="T15" fmla="*/ 40 h 246"/>
                  <a:gd name="T16" fmla="*/ 5 w 342"/>
                  <a:gd name="T17" fmla="*/ 40 h 246"/>
                  <a:gd name="T18" fmla="*/ 5 w 342"/>
                  <a:gd name="T19" fmla="*/ 20 h 246"/>
                  <a:gd name="T20" fmla="*/ 3 w 342"/>
                  <a:gd name="T21" fmla="*/ 14 h 246"/>
                  <a:gd name="T22" fmla="*/ 5 w 342"/>
                  <a:gd name="T23" fmla="*/ 4 h 246"/>
                  <a:gd name="T24" fmla="*/ 18 w 342"/>
                  <a:gd name="T25" fmla="*/ 14 h 246"/>
                  <a:gd name="T26" fmla="*/ 32 w 342"/>
                  <a:gd name="T27" fmla="*/ 18 h 246"/>
                  <a:gd name="T28" fmla="*/ 37 w 342"/>
                  <a:gd name="T29" fmla="*/ 22 h 246"/>
                  <a:gd name="T30" fmla="*/ 37 w 342"/>
                  <a:gd name="T31" fmla="*/ 20 h 246"/>
                  <a:gd name="T32" fmla="*/ 40 w 342"/>
                  <a:gd name="T33" fmla="*/ 22 h 246"/>
                  <a:gd name="T34" fmla="*/ 40 w 342"/>
                  <a:gd name="T35" fmla="*/ 27 h 246"/>
                  <a:gd name="T36" fmla="*/ 35 w 342"/>
                  <a:gd name="T37" fmla="*/ 27 h 246"/>
                  <a:gd name="T38" fmla="*/ 27 w 342"/>
                  <a:gd name="T39" fmla="*/ 36 h 246"/>
                  <a:gd name="T40" fmla="*/ 32 w 342"/>
                  <a:gd name="T41" fmla="*/ 36 h 246"/>
                  <a:gd name="T42" fmla="*/ 27 w 342"/>
                  <a:gd name="T43" fmla="*/ 36 h 246"/>
                  <a:gd name="T44" fmla="*/ 40 w 342"/>
                  <a:gd name="T45" fmla="*/ 27 h 246"/>
                  <a:gd name="T46" fmla="*/ 40 w 342"/>
                  <a:gd name="T47" fmla="*/ 24 h 246"/>
                  <a:gd name="T48" fmla="*/ 43 w 342"/>
                  <a:gd name="T49" fmla="*/ 27 h 246"/>
                  <a:gd name="T50" fmla="*/ 43 w 342"/>
                  <a:gd name="T51" fmla="*/ 29 h 246"/>
                  <a:gd name="T52" fmla="*/ 37 w 342"/>
                  <a:gd name="T53" fmla="*/ 31 h 246"/>
                  <a:gd name="T54" fmla="*/ 40 w 342"/>
                  <a:gd name="T55" fmla="*/ 36 h 246"/>
                  <a:gd name="T56" fmla="*/ 37 w 342"/>
                  <a:gd name="T57" fmla="*/ 40 h 246"/>
                  <a:gd name="T58" fmla="*/ 37 w 342"/>
                  <a:gd name="T59" fmla="*/ 38 h 246"/>
                  <a:gd name="T60" fmla="*/ 32 w 342"/>
                  <a:gd name="T61" fmla="*/ 42 h 246"/>
                  <a:gd name="T62" fmla="*/ 32 w 342"/>
                  <a:gd name="T63" fmla="*/ 36 h 246"/>
                  <a:gd name="T64" fmla="*/ 27 w 342"/>
                  <a:gd name="T65" fmla="*/ 40 h 246"/>
                  <a:gd name="T66" fmla="*/ 29 w 342"/>
                  <a:gd name="T67" fmla="*/ 45 h 246"/>
                  <a:gd name="T68" fmla="*/ 43 w 342"/>
                  <a:gd name="T69" fmla="*/ 40 h 246"/>
                  <a:gd name="T70" fmla="*/ 43 w 342"/>
                  <a:gd name="T71" fmla="*/ 31 h 246"/>
                  <a:gd name="T72" fmla="*/ 48 w 342"/>
                  <a:gd name="T73" fmla="*/ 24 h 246"/>
                  <a:gd name="T74" fmla="*/ 43 w 342"/>
                  <a:gd name="T75" fmla="*/ 14 h 246"/>
                  <a:gd name="T76" fmla="*/ 48 w 342"/>
                  <a:gd name="T77" fmla="*/ 12 h 246"/>
                  <a:gd name="T78" fmla="*/ 46 w 342"/>
                  <a:gd name="T79" fmla="*/ 0 h 246"/>
                  <a:gd name="T80" fmla="*/ 152 w 342"/>
                  <a:gd name="T81" fmla="*/ 22 h 246"/>
                  <a:gd name="T82" fmla="*/ 134 w 342"/>
                  <a:gd name="T83" fmla="*/ 91 h 246"/>
                  <a:gd name="T84" fmla="*/ 96 w 342"/>
                  <a:gd name="T85" fmla="*/ 85 h 246"/>
                  <a:gd name="T86" fmla="*/ 50 w 342"/>
                  <a:gd name="T87" fmla="*/ 85 h 246"/>
                  <a:gd name="T88" fmla="*/ 37 w 342"/>
                  <a:gd name="T89" fmla="*/ 78 h 246"/>
                  <a:gd name="T90" fmla="*/ 27 w 342"/>
                  <a:gd name="T91" fmla="*/ 81 h 246"/>
                  <a:gd name="T92" fmla="*/ 18 w 342"/>
                  <a:gd name="T93" fmla="*/ 76 h 246"/>
                  <a:gd name="T94" fmla="*/ 18 w 342"/>
                  <a:gd name="T95" fmla="*/ 65 h 246"/>
                  <a:gd name="T96" fmla="*/ 11 w 342"/>
                  <a:gd name="T97" fmla="*/ 60 h 246"/>
                  <a:gd name="T98" fmla="*/ 11 w 342"/>
                  <a:gd name="T99" fmla="*/ 63 h 24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w 342"/>
                  <a:gd name="T151" fmla="*/ 0 h 246"/>
                  <a:gd name="T152" fmla="*/ 342 w 342"/>
                  <a:gd name="T153" fmla="*/ 246 h 246"/>
                </a:gdLst>
                <a:ahLst/>
                <a:cxnLst>
                  <a:cxn ang="T100">
                    <a:pos x="T0" y="T1"/>
                  </a:cxn>
                  <a:cxn ang="T101">
                    <a:pos x="T2" y="T3"/>
                  </a:cxn>
                  <a:cxn ang="T102">
                    <a:pos x="T4" y="T5"/>
                  </a:cxn>
                  <a:cxn ang="T103">
                    <a:pos x="T6" y="T7"/>
                  </a:cxn>
                  <a:cxn ang="T104">
                    <a:pos x="T8" y="T9"/>
                  </a:cxn>
                  <a:cxn ang="T105">
                    <a:pos x="T10" y="T11"/>
                  </a:cxn>
                  <a:cxn ang="T106">
                    <a:pos x="T12" y="T13"/>
                  </a:cxn>
                  <a:cxn ang="T107">
                    <a:pos x="T14" y="T15"/>
                  </a:cxn>
                  <a:cxn ang="T108">
                    <a:pos x="T16" y="T17"/>
                  </a:cxn>
                  <a:cxn ang="T109">
                    <a:pos x="T18" y="T19"/>
                  </a:cxn>
                  <a:cxn ang="T110">
                    <a:pos x="T20" y="T21"/>
                  </a:cxn>
                  <a:cxn ang="T111">
                    <a:pos x="T22" y="T23"/>
                  </a:cxn>
                  <a:cxn ang="T112">
                    <a:pos x="T24" y="T25"/>
                  </a:cxn>
                  <a:cxn ang="T113">
                    <a:pos x="T26" y="T27"/>
                  </a:cxn>
                  <a:cxn ang="T114">
                    <a:pos x="T28" y="T29"/>
                  </a:cxn>
                  <a:cxn ang="T115">
                    <a:pos x="T30" y="T31"/>
                  </a:cxn>
                  <a:cxn ang="T116">
                    <a:pos x="T32" y="T33"/>
                  </a:cxn>
                  <a:cxn ang="T117">
                    <a:pos x="T34" y="T35"/>
                  </a:cxn>
                  <a:cxn ang="T118">
                    <a:pos x="T36" y="T37"/>
                  </a:cxn>
                  <a:cxn ang="T119">
                    <a:pos x="T38" y="T39"/>
                  </a:cxn>
                  <a:cxn ang="T120">
                    <a:pos x="T40" y="T41"/>
                  </a:cxn>
                  <a:cxn ang="T121">
                    <a:pos x="T42" y="T43"/>
                  </a:cxn>
                  <a:cxn ang="T122">
                    <a:pos x="T44" y="T45"/>
                  </a:cxn>
                  <a:cxn ang="T123">
                    <a:pos x="T46" y="T47"/>
                  </a:cxn>
                  <a:cxn ang="T124">
                    <a:pos x="T48" y="T49"/>
                  </a:cxn>
                  <a:cxn ang="T125">
                    <a:pos x="T50" y="T51"/>
                  </a:cxn>
                  <a:cxn ang="T126">
                    <a:pos x="T52" y="T53"/>
                  </a:cxn>
                  <a:cxn ang="T127">
                    <a:pos x="T54" y="T55"/>
                  </a:cxn>
                  <a:cxn ang="T128">
                    <a:pos x="T56" y="T57"/>
                  </a:cxn>
                  <a:cxn ang="T129">
                    <a:pos x="T58" y="T59"/>
                  </a:cxn>
                  <a:cxn ang="T130">
                    <a:pos x="T60" y="T61"/>
                  </a:cxn>
                  <a:cxn ang="T131">
                    <a:pos x="T62" y="T63"/>
                  </a:cxn>
                  <a:cxn ang="T132">
                    <a:pos x="T64" y="T65"/>
                  </a:cxn>
                  <a:cxn ang="T133">
                    <a:pos x="T66" y="T67"/>
                  </a:cxn>
                  <a:cxn ang="T134">
                    <a:pos x="T68" y="T69"/>
                  </a:cxn>
                  <a:cxn ang="T135">
                    <a:pos x="T70" y="T71"/>
                  </a:cxn>
                  <a:cxn ang="T136">
                    <a:pos x="T72" y="T73"/>
                  </a:cxn>
                  <a:cxn ang="T137">
                    <a:pos x="T74" y="T75"/>
                  </a:cxn>
                  <a:cxn ang="T138">
                    <a:pos x="T76" y="T77"/>
                  </a:cxn>
                  <a:cxn ang="T139">
                    <a:pos x="T78" y="T79"/>
                  </a:cxn>
                  <a:cxn ang="T140">
                    <a:pos x="T80" y="T81"/>
                  </a:cxn>
                  <a:cxn ang="T141">
                    <a:pos x="T82" y="T83"/>
                  </a:cxn>
                  <a:cxn ang="T142">
                    <a:pos x="T84" y="T85"/>
                  </a:cxn>
                  <a:cxn ang="T143">
                    <a:pos x="T86" y="T87"/>
                  </a:cxn>
                  <a:cxn ang="T144">
                    <a:pos x="T88" y="T89"/>
                  </a:cxn>
                  <a:cxn ang="T145">
                    <a:pos x="T90" y="T91"/>
                  </a:cxn>
                  <a:cxn ang="T146">
                    <a:pos x="T92" y="T93"/>
                  </a:cxn>
                  <a:cxn ang="T147">
                    <a:pos x="T94" y="T95"/>
                  </a:cxn>
                  <a:cxn ang="T148">
                    <a:pos x="T96" y="T97"/>
                  </a:cxn>
                  <a:cxn ang="T149">
                    <a:pos x="T98" y="T99"/>
                  </a:cxn>
                </a:cxnLst>
                <a:rect l="T150" t="T151" r="T152" b="T153"/>
                <a:pathLst>
                  <a:path w="342" h="246">
                    <a:moveTo>
                      <a:pt x="24" y="162"/>
                    </a:moveTo>
                    <a:lnTo>
                      <a:pt x="0" y="150"/>
                    </a:lnTo>
                    <a:lnTo>
                      <a:pt x="6" y="126"/>
                    </a:lnTo>
                    <a:lnTo>
                      <a:pt x="6" y="144"/>
                    </a:lnTo>
                    <a:lnTo>
                      <a:pt x="18" y="126"/>
                    </a:lnTo>
                    <a:lnTo>
                      <a:pt x="6" y="126"/>
                    </a:lnTo>
                    <a:lnTo>
                      <a:pt x="12" y="108"/>
                    </a:lnTo>
                    <a:lnTo>
                      <a:pt x="24" y="108"/>
                    </a:lnTo>
                    <a:lnTo>
                      <a:pt x="12" y="108"/>
                    </a:lnTo>
                    <a:lnTo>
                      <a:pt x="12" y="54"/>
                    </a:lnTo>
                    <a:lnTo>
                      <a:pt x="6" y="36"/>
                    </a:lnTo>
                    <a:lnTo>
                      <a:pt x="12" y="12"/>
                    </a:lnTo>
                    <a:lnTo>
                      <a:pt x="42" y="36"/>
                    </a:lnTo>
                    <a:lnTo>
                      <a:pt x="72" y="48"/>
                    </a:lnTo>
                    <a:lnTo>
                      <a:pt x="84" y="60"/>
                    </a:lnTo>
                    <a:lnTo>
                      <a:pt x="84" y="54"/>
                    </a:lnTo>
                    <a:lnTo>
                      <a:pt x="90" y="60"/>
                    </a:lnTo>
                    <a:lnTo>
                      <a:pt x="90" y="72"/>
                    </a:lnTo>
                    <a:lnTo>
                      <a:pt x="78" y="72"/>
                    </a:lnTo>
                    <a:lnTo>
                      <a:pt x="60" y="96"/>
                    </a:lnTo>
                    <a:lnTo>
                      <a:pt x="72" y="96"/>
                    </a:lnTo>
                    <a:lnTo>
                      <a:pt x="60" y="96"/>
                    </a:lnTo>
                    <a:lnTo>
                      <a:pt x="90" y="72"/>
                    </a:lnTo>
                    <a:lnTo>
                      <a:pt x="90" y="66"/>
                    </a:lnTo>
                    <a:lnTo>
                      <a:pt x="96" y="72"/>
                    </a:lnTo>
                    <a:lnTo>
                      <a:pt x="96" y="78"/>
                    </a:lnTo>
                    <a:lnTo>
                      <a:pt x="84" y="84"/>
                    </a:lnTo>
                    <a:lnTo>
                      <a:pt x="90" y="96"/>
                    </a:lnTo>
                    <a:lnTo>
                      <a:pt x="84" y="108"/>
                    </a:lnTo>
                    <a:lnTo>
                      <a:pt x="84" y="102"/>
                    </a:lnTo>
                    <a:lnTo>
                      <a:pt x="72" y="114"/>
                    </a:lnTo>
                    <a:lnTo>
                      <a:pt x="72" y="96"/>
                    </a:lnTo>
                    <a:lnTo>
                      <a:pt x="60" y="108"/>
                    </a:lnTo>
                    <a:lnTo>
                      <a:pt x="66" y="120"/>
                    </a:lnTo>
                    <a:lnTo>
                      <a:pt x="96" y="108"/>
                    </a:lnTo>
                    <a:lnTo>
                      <a:pt x="96" y="84"/>
                    </a:lnTo>
                    <a:lnTo>
                      <a:pt x="108" y="66"/>
                    </a:lnTo>
                    <a:lnTo>
                      <a:pt x="96" y="36"/>
                    </a:lnTo>
                    <a:lnTo>
                      <a:pt x="108" y="30"/>
                    </a:lnTo>
                    <a:lnTo>
                      <a:pt x="102" y="0"/>
                    </a:lnTo>
                    <a:lnTo>
                      <a:pt x="342" y="60"/>
                    </a:lnTo>
                    <a:lnTo>
                      <a:pt x="300" y="246"/>
                    </a:lnTo>
                    <a:lnTo>
                      <a:pt x="216" y="228"/>
                    </a:lnTo>
                    <a:lnTo>
                      <a:pt x="114" y="228"/>
                    </a:lnTo>
                    <a:lnTo>
                      <a:pt x="84" y="210"/>
                    </a:lnTo>
                    <a:lnTo>
                      <a:pt x="60" y="216"/>
                    </a:lnTo>
                    <a:lnTo>
                      <a:pt x="42" y="204"/>
                    </a:lnTo>
                    <a:lnTo>
                      <a:pt x="42" y="174"/>
                    </a:lnTo>
                    <a:lnTo>
                      <a:pt x="24" y="162"/>
                    </a:lnTo>
                    <a:lnTo>
                      <a:pt x="24" y="16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44" name="Freeform 123"/>
              <p:cNvSpPr>
                <a:spLocks noChangeAspect="1"/>
              </p:cNvSpPr>
              <p:nvPr/>
            </p:nvSpPr>
            <p:spPr bwMode="auto">
              <a:xfrm>
                <a:off x="2038" y="1400"/>
                <a:ext cx="174" cy="164"/>
              </a:xfrm>
              <a:custGeom>
                <a:avLst/>
                <a:gdLst>
                  <a:gd name="T0" fmla="*/ 61 w 228"/>
                  <a:gd name="T1" fmla="*/ 18 h 228"/>
                  <a:gd name="T2" fmla="*/ 64 w 228"/>
                  <a:gd name="T3" fmla="*/ 29 h 228"/>
                  <a:gd name="T4" fmla="*/ 78 w 228"/>
                  <a:gd name="T5" fmla="*/ 18 h 228"/>
                  <a:gd name="T6" fmla="*/ 85 w 228"/>
                  <a:gd name="T7" fmla="*/ 20 h 228"/>
                  <a:gd name="T8" fmla="*/ 91 w 228"/>
                  <a:gd name="T9" fmla="*/ 16 h 228"/>
                  <a:gd name="T10" fmla="*/ 98 w 228"/>
                  <a:gd name="T11" fmla="*/ 16 h 228"/>
                  <a:gd name="T12" fmla="*/ 102 w 228"/>
                  <a:gd name="T13" fmla="*/ 22 h 228"/>
                  <a:gd name="T14" fmla="*/ 102 w 228"/>
                  <a:gd name="T15" fmla="*/ 27 h 228"/>
                  <a:gd name="T16" fmla="*/ 88 w 228"/>
                  <a:gd name="T17" fmla="*/ 20 h 228"/>
                  <a:gd name="T18" fmla="*/ 88 w 228"/>
                  <a:gd name="T19" fmla="*/ 27 h 228"/>
                  <a:gd name="T20" fmla="*/ 80 w 228"/>
                  <a:gd name="T21" fmla="*/ 38 h 228"/>
                  <a:gd name="T22" fmla="*/ 75 w 228"/>
                  <a:gd name="T23" fmla="*/ 38 h 228"/>
                  <a:gd name="T24" fmla="*/ 73 w 228"/>
                  <a:gd name="T25" fmla="*/ 47 h 228"/>
                  <a:gd name="T26" fmla="*/ 64 w 228"/>
                  <a:gd name="T27" fmla="*/ 45 h 228"/>
                  <a:gd name="T28" fmla="*/ 53 w 228"/>
                  <a:gd name="T29" fmla="*/ 69 h 228"/>
                  <a:gd name="T30" fmla="*/ 56 w 228"/>
                  <a:gd name="T31" fmla="*/ 69 h 228"/>
                  <a:gd name="T32" fmla="*/ 53 w 228"/>
                  <a:gd name="T33" fmla="*/ 76 h 228"/>
                  <a:gd name="T34" fmla="*/ 27 w 228"/>
                  <a:gd name="T35" fmla="*/ 85 h 228"/>
                  <a:gd name="T36" fmla="*/ 21 w 228"/>
                  <a:gd name="T37" fmla="*/ 83 h 228"/>
                  <a:gd name="T38" fmla="*/ 18 w 228"/>
                  <a:gd name="T39" fmla="*/ 76 h 228"/>
                  <a:gd name="T40" fmla="*/ 5 w 228"/>
                  <a:gd name="T41" fmla="*/ 69 h 228"/>
                  <a:gd name="T42" fmla="*/ 0 w 228"/>
                  <a:gd name="T43" fmla="*/ 58 h 228"/>
                  <a:gd name="T44" fmla="*/ 8 w 228"/>
                  <a:gd name="T45" fmla="*/ 51 h 228"/>
                  <a:gd name="T46" fmla="*/ 11 w 228"/>
                  <a:gd name="T47" fmla="*/ 42 h 228"/>
                  <a:gd name="T48" fmla="*/ 16 w 228"/>
                  <a:gd name="T49" fmla="*/ 42 h 228"/>
                  <a:gd name="T50" fmla="*/ 16 w 228"/>
                  <a:gd name="T51" fmla="*/ 36 h 228"/>
                  <a:gd name="T52" fmla="*/ 32 w 228"/>
                  <a:gd name="T53" fmla="*/ 24 h 228"/>
                  <a:gd name="T54" fmla="*/ 35 w 228"/>
                  <a:gd name="T55" fmla="*/ 6 h 228"/>
                  <a:gd name="T56" fmla="*/ 32 w 228"/>
                  <a:gd name="T57" fmla="*/ 2 h 228"/>
                  <a:gd name="T58" fmla="*/ 35 w 228"/>
                  <a:gd name="T59" fmla="*/ 0 h 228"/>
                  <a:gd name="T60" fmla="*/ 40 w 228"/>
                  <a:gd name="T61" fmla="*/ 20 h 228"/>
                  <a:gd name="T62" fmla="*/ 56 w 228"/>
                  <a:gd name="T63" fmla="*/ 18 h 228"/>
                  <a:gd name="T64" fmla="*/ 61 w 228"/>
                  <a:gd name="T65" fmla="*/ 18 h 228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228"/>
                  <a:gd name="T100" fmla="*/ 0 h 228"/>
                  <a:gd name="T101" fmla="*/ 228 w 228"/>
                  <a:gd name="T102" fmla="*/ 228 h 228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228" h="228">
                    <a:moveTo>
                      <a:pt x="138" y="48"/>
                    </a:moveTo>
                    <a:lnTo>
                      <a:pt x="144" y="78"/>
                    </a:lnTo>
                    <a:lnTo>
                      <a:pt x="174" y="48"/>
                    </a:lnTo>
                    <a:lnTo>
                      <a:pt x="192" y="54"/>
                    </a:lnTo>
                    <a:lnTo>
                      <a:pt x="204" y="42"/>
                    </a:lnTo>
                    <a:lnTo>
                      <a:pt x="222" y="42"/>
                    </a:lnTo>
                    <a:lnTo>
                      <a:pt x="228" y="60"/>
                    </a:lnTo>
                    <a:lnTo>
                      <a:pt x="228" y="72"/>
                    </a:lnTo>
                    <a:lnTo>
                      <a:pt x="198" y="54"/>
                    </a:lnTo>
                    <a:lnTo>
                      <a:pt x="198" y="72"/>
                    </a:lnTo>
                    <a:lnTo>
                      <a:pt x="180" y="102"/>
                    </a:lnTo>
                    <a:lnTo>
                      <a:pt x="168" y="102"/>
                    </a:lnTo>
                    <a:lnTo>
                      <a:pt x="162" y="126"/>
                    </a:lnTo>
                    <a:lnTo>
                      <a:pt x="144" y="120"/>
                    </a:lnTo>
                    <a:lnTo>
                      <a:pt x="120" y="186"/>
                    </a:lnTo>
                    <a:lnTo>
                      <a:pt x="126" y="186"/>
                    </a:lnTo>
                    <a:lnTo>
                      <a:pt x="120" y="204"/>
                    </a:lnTo>
                    <a:lnTo>
                      <a:pt x="60" y="228"/>
                    </a:lnTo>
                    <a:lnTo>
                      <a:pt x="48" y="222"/>
                    </a:lnTo>
                    <a:lnTo>
                      <a:pt x="42" y="204"/>
                    </a:lnTo>
                    <a:lnTo>
                      <a:pt x="12" y="186"/>
                    </a:lnTo>
                    <a:lnTo>
                      <a:pt x="0" y="156"/>
                    </a:lnTo>
                    <a:lnTo>
                      <a:pt x="18" y="138"/>
                    </a:lnTo>
                    <a:lnTo>
                      <a:pt x="24" y="114"/>
                    </a:lnTo>
                    <a:lnTo>
                      <a:pt x="36" y="114"/>
                    </a:lnTo>
                    <a:lnTo>
                      <a:pt x="36" y="96"/>
                    </a:lnTo>
                    <a:lnTo>
                      <a:pt x="72" y="66"/>
                    </a:lnTo>
                    <a:lnTo>
                      <a:pt x="78" y="18"/>
                    </a:lnTo>
                    <a:lnTo>
                      <a:pt x="72" y="6"/>
                    </a:lnTo>
                    <a:lnTo>
                      <a:pt x="78" y="0"/>
                    </a:lnTo>
                    <a:lnTo>
                      <a:pt x="90" y="54"/>
                    </a:lnTo>
                    <a:lnTo>
                      <a:pt x="126" y="48"/>
                    </a:lnTo>
                    <a:lnTo>
                      <a:pt x="138" y="4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45" name="Freeform 124"/>
              <p:cNvSpPr>
                <a:spLocks noChangeAspect="1"/>
              </p:cNvSpPr>
              <p:nvPr/>
            </p:nvSpPr>
            <p:spPr bwMode="auto">
              <a:xfrm>
                <a:off x="2038" y="1400"/>
                <a:ext cx="174" cy="164"/>
              </a:xfrm>
              <a:custGeom>
                <a:avLst/>
                <a:gdLst>
                  <a:gd name="T0" fmla="*/ 61 w 228"/>
                  <a:gd name="T1" fmla="*/ 18 h 228"/>
                  <a:gd name="T2" fmla="*/ 64 w 228"/>
                  <a:gd name="T3" fmla="*/ 29 h 228"/>
                  <a:gd name="T4" fmla="*/ 78 w 228"/>
                  <a:gd name="T5" fmla="*/ 18 h 228"/>
                  <a:gd name="T6" fmla="*/ 85 w 228"/>
                  <a:gd name="T7" fmla="*/ 20 h 228"/>
                  <a:gd name="T8" fmla="*/ 91 w 228"/>
                  <a:gd name="T9" fmla="*/ 16 h 228"/>
                  <a:gd name="T10" fmla="*/ 98 w 228"/>
                  <a:gd name="T11" fmla="*/ 16 h 228"/>
                  <a:gd name="T12" fmla="*/ 102 w 228"/>
                  <a:gd name="T13" fmla="*/ 22 h 228"/>
                  <a:gd name="T14" fmla="*/ 102 w 228"/>
                  <a:gd name="T15" fmla="*/ 27 h 228"/>
                  <a:gd name="T16" fmla="*/ 88 w 228"/>
                  <a:gd name="T17" fmla="*/ 20 h 228"/>
                  <a:gd name="T18" fmla="*/ 88 w 228"/>
                  <a:gd name="T19" fmla="*/ 27 h 228"/>
                  <a:gd name="T20" fmla="*/ 80 w 228"/>
                  <a:gd name="T21" fmla="*/ 38 h 228"/>
                  <a:gd name="T22" fmla="*/ 75 w 228"/>
                  <a:gd name="T23" fmla="*/ 38 h 228"/>
                  <a:gd name="T24" fmla="*/ 73 w 228"/>
                  <a:gd name="T25" fmla="*/ 47 h 228"/>
                  <a:gd name="T26" fmla="*/ 64 w 228"/>
                  <a:gd name="T27" fmla="*/ 45 h 228"/>
                  <a:gd name="T28" fmla="*/ 53 w 228"/>
                  <a:gd name="T29" fmla="*/ 69 h 228"/>
                  <a:gd name="T30" fmla="*/ 56 w 228"/>
                  <a:gd name="T31" fmla="*/ 69 h 228"/>
                  <a:gd name="T32" fmla="*/ 53 w 228"/>
                  <a:gd name="T33" fmla="*/ 76 h 228"/>
                  <a:gd name="T34" fmla="*/ 27 w 228"/>
                  <a:gd name="T35" fmla="*/ 85 h 228"/>
                  <a:gd name="T36" fmla="*/ 21 w 228"/>
                  <a:gd name="T37" fmla="*/ 83 h 228"/>
                  <a:gd name="T38" fmla="*/ 18 w 228"/>
                  <a:gd name="T39" fmla="*/ 76 h 228"/>
                  <a:gd name="T40" fmla="*/ 5 w 228"/>
                  <a:gd name="T41" fmla="*/ 69 h 228"/>
                  <a:gd name="T42" fmla="*/ 0 w 228"/>
                  <a:gd name="T43" fmla="*/ 58 h 228"/>
                  <a:gd name="T44" fmla="*/ 8 w 228"/>
                  <a:gd name="T45" fmla="*/ 51 h 228"/>
                  <a:gd name="T46" fmla="*/ 11 w 228"/>
                  <a:gd name="T47" fmla="*/ 42 h 228"/>
                  <a:gd name="T48" fmla="*/ 16 w 228"/>
                  <a:gd name="T49" fmla="*/ 42 h 228"/>
                  <a:gd name="T50" fmla="*/ 16 w 228"/>
                  <a:gd name="T51" fmla="*/ 36 h 228"/>
                  <a:gd name="T52" fmla="*/ 32 w 228"/>
                  <a:gd name="T53" fmla="*/ 24 h 228"/>
                  <a:gd name="T54" fmla="*/ 35 w 228"/>
                  <a:gd name="T55" fmla="*/ 6 h 228"/>
                  <a:gd name="T56" fmla="*/ 32 w 228"/>
                  <a:gd name="T57" fmla="*/ 2 h 228"/>
                  <a:gd name="T58" fmla="*/ 35 w 228"/>
                  <a:gd name="T59" fmla="*/ 0 h 228"/>
                  <a:gd name="T60" fmla="*/ 40 w 228"/>
                  <a:gd name="T61" fmla="*/ 20 h 228"/>
                  <a:gd name="T62" fmla="*/ 56 w 228"/>
                  <a:gd name="T63" fmla="*/ 18 h 228"/>
                  <a:gd name="T64" fmla="*/ 61 w 228"/>
                  <a:gd name="T65" fmla="*/ 18 h 228"/>
                  <a:gd name="T66" fmla="*/ 61 w 228"/>
                  <a:gd name="T67" fmla="*/ 20 h 228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w 228"/>
                  <a:gd name="T103" fmla="*/ 0 h 228"/>
                  <a:gd name="T104" fmla="*/ 228 w 228"/>
                  <a:gd name="T105" fmla="*/ 228 h 228"/>
                </a:gdLst>
                <a:ahLst/>
                <a:cxnLst>
                  <a:cxn ang="T68">
                    <a:pos x="T0" y="T1"/>
                  </a:cxn>
                  <a:cxn ang="T69">
                    <a:pos x="T2" y="T3"/>
                  </a:cxn>
                  <a:cxn ang="T70">
                    <a:pos x="T4" y="T5"/>
                  </a:cxn>
                  <a:cxn ang="T71">
                    <a:pos x="T6" y="T7"/>
                  </a:cxn>
                  <a:cxn ang="T72">
                    <a:pos x="T8" y="T9"/>
                  </a:cxn>
                  <a:cxn ang="T73">
                    <a:pos x="T10" y="T11"/>
                  </a:cxn>
                  <a:cxn ang="T74">
                    <a:pos x="T12" y="T13"/>
                  </a:cxn>
                  <a:cxn ang="T75">
                    <a:pos x="T14" y="T15"/>
                  </a:cxn>
                  <a:cxn ang="T76">
                    <a:pos x="T16" y="T17"/>
                  </a:cxn>
                  <a:cxn ang="T77">
                    <a:pos x="T18" y="T19"/>
                  </a:cxn>
                  <a:cxn ang="T78">
                    <a:pos x="T20" y="T21"/>
                  </a:cxn>
                  <a:cxn ang="T79">
                    <a:pos x="T22" y="T23"/>
                  </a:cxn>
                  <a:cxn ang="T80">
                    <a:pos x="T24" y="T25"/>
                  </a:cxn>
                  <a:cxn ang="T81">
                    <a:pos x="T26" y="T27"/>
                  </a:cxn>
                  <a:cxn ang="T82">
                    <a:pos x="T28" y="T29"/>
                  </a:cxn>
                  <a:cxn ang="T83">
                    <a:pos x="T30" y="T31"/>
                  </a:cxn>
                  <a:cxn ang="T84">
                    <a:pos x="T32" y="T33"/>
                  </a:cxn>
                  <a:cxn ang="T85">
                    <a:pos x="T34" y="T35"/>
                  </a:cxn>
                  <a:cxn ang="T86">
                    <a:pos x="T36" y="T37"/>
                  </a:cxn>
                  <a:cxn ang="T87">
                    <a:pos x="T38" y="T39"/>
                  </a:cxn>
                  <a:cxn ang="T88">
                    <a:pos x="T40" y="T41"/>
                  </a:cxn>
                  <a:cxn ang="T89">
                    <a:pos x="T42" y="T43"/>
                  </a:cxn>
                  <a:cxn ang="T90">
                    <a:pos x="T44" y="T45"/>
                  </a:cxn>
                  <a:cxn ang="T91">
                    <a:pos x="T46" y="T47"/>
                  </a:cxn>
                  <a:cxn ang="T92">
                    <a:pos x="T48" y="T49"/>
                  </a:cxn>
                  <a:cxn ang="T93">
                    <a:pos x="T50" y="T51"/>
                  </a:cxn>
                  <a:cxn ang="T94">
                    <a:pos x="T52" y="T53"/>
                  </a:cxn>
                  <a:cxn ang="T95">
                    <a:pos x="T54" y="T55"/>
                  </a:cxn>
                  <a:cxn ang="T96">
                    <a:pos x="T56" y="T57"/>
                  </a:cxn>
                  <a:cxn ang="T97">
                    <a:pos x="T58" y="T59"/>
                  </a:cxn>
                  <a:cxn ang="T98">
                    <a:pos x="T60" y="T61"/>
                  </a:cxn>
                  <a:cxn ang="T99">
                    <a:pos x="T62" y="T63"/>
                  </a:cxn>
                  <a:cxn ang="T100">
                    <a:pos x="T64" y="T65"/>
                  </a:cxn>
                  <a:cxn ang="T101">
                    <a:pos x="T66" y="T67"/>
                  </a:cxn>
                </a:cxnLst>
                <a:rect l="T102" t="T103" r="T104" b="T105"/>
                <a:pathLst>
                  <a:path w="228" h="228">
                    <a:moveTo>
                      <a:pt x="138" y="48"/>
                    </a:moveTo>
                    <a:lnTo>
                      <a:pt x="144" y="78"/>
                    </a:lnTo>
                    <a:lnTo>
                      <a:pt x="174" y="48"/>
                    </a:lnTo>
                    <a:lnTo>
                      <a:pt x="192" y="54"/>
                    </a:lnTo>
                    <a:lnTo>
                      <a:pt x="204" y="42"/>
                    </a:lnTo>
                    <a:lnTo>
                      <a:pt x="222" y="42"/>
                    </a:lnTo>
                    <a:lnTo>
                      <a:pt x="228" y="60"/>
                    </a:lnTo>
                    <a:lnTo>
                      <a:pt x="228" y="72"/>
                    </a:lnTo>
                    <a:lnTo>
                      <a:pt x="198" y="54"/>
                    </a:lnTo>
                    <a:lnTo>
                      <a:pt x="198" y="72"/>
                    </a:lnTo>
                    <a:lnTo>
                      <a:pt x="180" y="102"/>
                    </a:lnTo>
                    <a:lnTo>
                      <a:pt x="168" y="102"/>
                    </a:lnTo>
                    <a:lnTo>
                      <a:pt x="162" y="126"/>
                    </a:lnTo>
                    <a:lnTo>
                      <a:pt x="144" y="120"/>
                    </a:lnTo>
                    <a:lnTo>
                      <a:pt x="120" y="186"/>
                    </a:lnTo>
                    <a:lnTo>
                      <a:pt x="126" y="186"/>
                    </a:lnTo>
                    <a:lnTo>
                      <a:pt x="120" y="204"/>
                    </a:lnTo>
                    <a:lnTo>
                      <a:pt x="60" y="228"/>
                    </a:lnTo>
                    <a:lnTo>
                      <a:pt x="48" y="222"/>
                    </a:lnTo>
                    <a:lnTo>
                      <a:pt x="42" y="204"/>
                    </a:lnTo>
                    <a:lnTo>
                      <a:pt x="12" y="186"/>
                    </a:lnTo>
                    <a:lnTo>
                      <a:pt x="0" y="156"/>
                    </a:lnTo>
                    <a:lnTo>
                      <a:pt x="18" y="138"/>
                    </a:lnTo>
                    <a:lnTo>
                      <a:pt x="24" y="114"/>
                    </a:lnTo>
                    <a:lnTo>
                      <a:pt x="36" y="114"/>
                    </a:lnTo>
                    <a:lnTo>
                      <a:pt x="36" y="96"/>
                    </a:lnTo>
                    <a:lnTo>
                      <a:pt x="72" y="66"/>
                    </a:lnTo>
                    <a:lnTo>
                      <a:pt x="78" y="18"/>
                    </a:lnTo>
                    <a:lnTo>
                      <a:pt x="72" y="6"/>
                    </a:lnTo>
                    <a:lnTo>
                      <a:pt x="78" y="0"/>
                    </a:lnTo>
                    <a:lnTo>
                      <a:pt x="90" y="54"/>
                    </a:lnTo>
                    <a:lnTo>
                      <a:pt x="126" y="48"/>
                    </a:lnTo>
                    <a:lnTo>
                      <a:pt x="138" y="48"/>
                    </a:lnTo>
                    <a:lnTo>
                      <a:pt x="138" y="5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46" name="Freeform 125"/>
              <p:cNvSpPr>
                <a:spLocks noChangeAspect="1"/>
              </p:cNvSpPr>
              <p:nvPr/>
            </p:nvSpPr>
            <p:spPr bwMode="auto">
              <a:xfrm>
                <a:off x="1636" y="1149"/>
                <a:ext cx="205" cy="203"/>
              </a:xfrm>
              <a:custGeom>
                <a:avLst/>
                <a:gdLst>
                  <a:gd name="T0" fmla="*/ 50 w 270"/>
                  <a:gd name="T1" fmla="*/ 105 h 282"/>
                  <a:gd name="T2" fmla="*/ 42 w 270"/>
                  <a:gd name="T3" fmla="*/ 99 h 282"/>
                  <a:gd name="T4" fmla="*/ 39 w 270"/>
                  <a:gd name="T5" fmla="*/ 91 h 282"/>
                  <a:gd name="T6" fmla="*/ 42 w 270"/>
                  <a:gd name="T7" fmla="*/ 87 h 282"/>
                  <a:gd name="T8" fmla="*/ 37 w 270"/>
                  <a:gd name="T9" fmla="*/ 81 h 282"/>
                  <a:gd name="T10" fmla="*/ 34 w 270"/>
                  <a:gd name="T11" fmla="*/ 69 h 282"/>
                  <a:gd name="T12" fmla="*/ 5 w 270"/>
                  <a:gd name="T13" fmla="*/ 51 h 282"/>
                  <a:gd name="T14" fmla="*/ 5 w 270"/>
                  <a:gd name="T15" fmla="*/ 36 h 282"/>
                  <a:gd name="T16" fmla="*/ 0 w 270"/>
                  <a:gd name="T17" fmla="*/ 31 h 282"/>
                  <a:gd name="T18" fmla="*/ 5 w 270"/>
                  <a:gd name="T19" fmla="*/ 25 h 282"/>
                  <a:gd name="T20" fmla="*/ 13 w 270"/>
                  <a:gd name="T21" fmla="*/ 20 h 282"/>
                  <a:gd name="T22" fmla="*/ 13 w 270"/>
                  <a:gd name="T23" fmla="*/ 6 h 282"/>
                  <a:gd name="T24" fmla="*/ 15 w 270"/>
                  <a:gd name="T25" fmla="*/ 4 h 282"/>
                  <a:gd name="T26" fmla="*/ 20 w 270"/>
                  <a:gd name="T27" fmla="*/ 6 h 282"/>
                  <a:gd name="T28" fmla="*/ 39 w 270"/>
                  <a:gd name="T29" fmla="*/ 0 h 282"/>
                  <a:gd name="T30" fmla="*/ 39 w 270"/>
                  <a:gd name="T31" fmla="*/ 6 h 282"/>
                  <a:gd name="T32" fmla="*/ 50 w 270"/>
                  <a:gd name="T33" fmla="*/ 9 h 282"/>
                  <a:gd name="T34" fmla="*/ 55 w 270"/>
                  <a:gd name="T35" fmla="*/ 14 h 282"/>
                  <a:gd name="T36" fmla="*/ 95 w 270"/>
                  <a:gd name="T37" fmla="*/ 20 h 282"/>
                  <a:gd name="T38" fmla="*/ 103 w 270"/>
                  <a:gd name="T39" fmla="*/ 25 h 282"/>
                  <a:gd name="T40" fmla="*/ 99 w 270"/>
                  <a:gd name="T41" fmla="*/ 34 h 282"/>
                  <a:gd name="T42" fmla="*/ 105 w 270"/>
                  <a:gd name="T43" fmla="*/ 34 h 282"/>
                  <a:gd name="T44" fmla="*/ 103 w 270"/>
                  <a:gd name="T45" fmla="*/ 38 h 282"/>
                  <a:gd name="T46" fmla="*/ 108 w 270"/>
                  <a:gd name="T47" fmla="*/ 38 h 282"/>
                  <a:gd name="T48" fmla="*/ 99 w 270"/>
                  <a:gd name="T49" fmla="*/ 49 h 282"/>
                  <a:gd name="T50" fmla="*/ 103 w 270"/>
                  <a:gd name="T51" fmla="*/ 54 h 282"/>
                  <a:gd name="T52" fmla="*/ 118 w 270"/>
                  <a:gd name="T53" fmla="*/ 34 h 282"/>
                  <a:gd name="T54" fmla="*/ 108 w 270"/>
                  <a:gd name="T55" fmla="*/ 65 h 282"/>
                  <a:gd name="T56" fmla="*/ 105 w 270"/>
                  <a:gd name="T57" fmla="*/ 83 h 282"/>
                  <a:gd name="T58" fmla="*/ 110 w 270"/>
                  <a:gd name="T59" fmla="*/ 101 h 282"/>
                  <a:gd name="T60" fmla="*/ 55 w 270"/>
                  <a:gd name="T61" fmla="*/ 103 h 282"/>
                  <a:gd name="T62" fmla="*/ 50 w 270"/>
                  <a:gd name="T63" fmla="*/ 105 h 282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270"/>
                  <a:gd name="T97" fmla="*/ 0 h 282"/>
                  <a:gd name="T98" fmla="*/ 270 w 270"/>
                  <a:gd name="T99" fmla="*/ 282 h 282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270" h="282">
                    <a:moveTo>
                      <a:pt x="114" y="282"/>
                    </a:moveTo>
                    <a:lnTo>
                      <a:pt x="96" y="264"/>
                    </a:lnTo>
                    <a:lnTo>
                      <a:pt x="90" y="246"/>
                    </a:lnTo>
                    <a:lnTo>
                      <a:pt x="96" y="234"/>
                    </a:lnTo>
                    <a:lnTo>
                      <a:pt x="84" y="216"/>
                    </a:lnTo>
                    <a:lnTo>
                      <a:pt x="78" y="186"/>
                    </a:lnTo>
                    <a:lnTo>
                      <a:pt x="12" y="138"/>
                    </a:lnTo>
                    <a:lnTo>
                      <a:pt x="12" y="96"/>
                    </a:lnTo>
                    <a:lnTo>
                      <a:pt x="0" y="84"/>
                    </a:lnTo>
                    <a:lnTo>
                      <a:pt x="12" y="66"/>
                    </a:lnTo>
                    <a:lnTo>
                      <a:pt x="30" y="54"/>
                    </a:lnTo>
                    <a:lnTo>
                      <a:pt x="30" y="18"/>
                    </a:lnTo>
                    <a:lnTo>
                      <a:pt x="36" y="12"/>
                    </a:lnTo>
                    <a:lnTo>
                      <a:pt x="48" y="18"/>
                    </a:lnTo>
                    <a:lnTo>
                      <a:pt x="90" y="0"/>
                    </a:lnTo>
                    <a:lnTo>
                      <a:pt x="90" y="18"/>
                    </a:lnTo>
                    <a:lnTo>
                      <a:pt x="114" y="24"/>
                    </a:lnTo>
                    <a:lnTo>
                      <a:pt x="126" y="36"/>
                    </a:lnTo>
                    <a:lnTo>
                      <a:pt x="216" y="54"/>
                    </a:lnTo>
                    <a:lnTo>
                      <a:pt x="234" y="66"/>
                    </a:lnTo>
                    <a:lnTo>
                      <a:pt x="228" y="90"/>
                    </a:lnTo>
                    <a:lnTo>
                      <a:pt x="240" y="90"/>
                    </a:lnTo>
                    <a:lnTo>
                      <a:pt x="234" y="102"/>
                    </a:lnTo>
                    <a:lnTo>
                      <a:pt x="246" y="102"/>
                    </a:lnTo>
                    <a:lnTo>
                      <a:pt x="228" y="132"/>
                    </a:lnTo>
                    <a:lnTo>
                      <a:pt x="234" y="144"/>
                    </a:lnTo>
                    <a:lnTo>
                      <a:pt x="270" y="90"/>
                    </a:lnTo>
                    <a:lnTo>
                      <a:pt x="246" y="174"/>
                    </a:lnTo>
                    <a:lnTo>
                      <a:pt x="240" y="222"/>
                    </a:lnTo>
                    <a:lnTo>
                      <a:pt x="252" y="270"/>
                    </a:lnTo>
                    <a:lnTo>
                      <a:pt x="126" y="276"/>
                    </a:lnTo>
                    <a:lnTo>
                      <a:pt x="114" y="28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47" name="Freeform 126"/>
              <p:cNvSpPr>
                <a:spLocks noChangeAspect="1"/>
              </p:cNvSpPr>
              <p:nvPr/>
            </p:nvSpPr>
            <p:spPr bwMode="auto">
              <a:xfrm>
                <a:off x="1636" y="1149"/>
                <a:ext cx="205" cy="207"/>
              </a:xfrm>
              <a:custGeom>
                <a:avLst/>
                <a:gdLst>
                  <a:gd name="T0" fmla="*/ 50 w 270"/>
                  <a:gd name="T1" fmla="*/ 105 h 288"/>
                  <a:gd name="T2" fmla="*/ 42 w 270"/>
                  <a:gd name="T3" fmla="*/ 98 h 288"/>
                  <a:gd name="T4" fmla="*/ 39 w 270"/>
                  <a:gd name="T5" fmla="*/ 91 h 288"/>
                  <a:gd name="T6" fmla="*/ 42 w 270"/>
                  <a:gd name="T7" fmla="*/ 87 h 288"/>
                  <a:gd name="T8" fmla="*/ 37 w 270"/>
                  <a:gd name="T9" fmla="*/ 80 h 288"/>
                  <a:gd name="T10" fmla="*/ 34 w 270"/>
                  <a:gd name="T11" fmla="*/ 69 h 288"/>
                  <a:gd name="T12" fmla="*/ 5 w 270"/>
                  <a:gd name="T13" fmla="*/ 51 h 288"/>
                  <a:gd name="T14" fmla="*/ 5 w 270"/>
                  <a:gd name="T15" fmla="*/ 36 h 288"/>
                  <a:gd name="T16" fmla="*/ 0 w 270"/>
                  <a:gd name="T17" fmla="*/ 31 h 288"/>
                  <a:gd name="T18" fmla="*/ 5 w 270"/>
                  <a:gd name="T19" fmla="*/ 24 h 288"/>
                  <a:gd name="T20" fmla="*/ 13 w 270"/>
                  <a:gd name="T21" fmla="*/ 20 h 288"/>
                  <a:gd name="T22" fmla="*/ 13 w 270"/>
                  <a:gd name="T23" fmla="*/ 6 h 288"/>
                  <a:gd name="T24" fmla="*/ 15 w 270"/>
                  <a:gd name="T25" fmla="*/ 4 h 288"/>
                  <a:gd name="T26" fmla="*/ 20 w 270"/>
                  <a:gd name="T27" fmla="*/ 6 h 288"/>
                  <a:gd name="T28" fmla="*/ 39 w 270"/>
                  <a:gd name="T29" fmla="*/ 0 h 288"/>
                  <a:gd name="T30" fmla="*/ 39 w 270"/>
                  <a:gd name="T31" fmla="*/ 6 h 288"/>
                  <a:gd name="T32" fmla="*/ 50 w 270"/>
                  <a:gd name="T33" fmla="*/ 9 h 288"/>
                  <a:gd name="T34" fmla="*/ 55 w 270"/>
                  <a:gd name="T35" fmla="*/ 14 h 288"/>
                  <a:gd name="T36" fmla="*/ 95 w 270"/>
                  <a:gd name="T37" fmla="*/ 20 h 288"/>
                  <a:gd name="T38" fmla="*/ 103 w 270"/>
                  <a:gd name="T39" fmla="*/ 24 h 288"/>
                  <a:gd name="T40" fmla="*/ 99 w 270"/>
                  <a:gd name="T41" fmla="*/ 34 h 288"/>
                  <a:gd name="T42" fmla="*/ 105 w 270"/>
                  <a:gd name="T43" fmla="*/ 34 h 288"/>
                  <a:gd name="T44" fmla="*/ 103 w 270"/>
                  <a:gd name="T45" fmla="*/ 37 h 288"/>
                  <a:gd name="T46" fmla="*/ 108 w 270"/>
                  <a:gd name="T47" fmla="*/ 37 h 288"/>
                  <a:gd name="T48" fmla="*/ 99 w 270"/>
                  <a:gd name="T49" fmla="*/ 49 h 288"/>
                  <a:gd name="T50" fmla="*/ 103 w 270"/>
                  <a:gd name="T51" fmla="*/ 54 h 288"/>
                  <a:gd name="T52" fmla="*/ 118 w 270"/>
                  <a:gd name="T53" fmla="*/ 34 h 288"/>
                  <a:gd name="T54" fmla="*/ 108 w 270"/>
                  <a:gd name="T55" fmla="*/ 65 h 288"/>
                  <a:gd name="T56" fmla="*/ 105 w 270"/>
                  <a:gd name="T57" fmla="*/ 83 h 288"/>
                  <a:gd name="T58" fmla="*/ 110 w 270"/>
                  <a:gd name="T59" fmla="*/ 100 h 288"/>
                  <a:gd name="T60" fmla="*/ 55 w 270"/>
                  <a:gd name="T61" fmla="*/ 102 h 288"/>
                  <a:gd name="T62" fmla="*/ 50 w 270"/>
                  <a:gd name="T63" fmla="*/ 105 h 288"/>
                  <a:gd name="T64" fmla="*/ 50 w 270"/>
                  <a:gd name="T65" fmla="*/ 107 h 288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270"/>
                  <a:gd name="T100" fmla="*/ 0 h 288"/>
                  <a:gd name="T101" fmla="*/ 270 w 270"/>
                  <a:gd name="T102" fmla="*/ 288 h 288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270" h="288">
                    <a:moveTo>
                      <a:pt x="114" y="282"/>
                    </a:moveTo>
                    <a:lnTo>
                      <a:pt x="96" y="264"/>
                    </a:lnTo>
                    <a:lnTo>
                      <a:pt x="90" y="246"/>
                    </a:lnTo>
                    <a:lnTo>
                      <a:pt x="96" y="234"/>
                    </a:lnTo>
                    <a:lnTo>
                      <a:pt x="84" y="216"/>
                    </a:lnTo>
                    <a:lnTo>
                      <a:pt x="78" y="186"/>
                    </a:lnTo>
                    <a:lnTo>
                      <a:pt x="12" y="138"/>
                    </a:lnTo>
                    <a:lnTo>
                      <a:pt x="12" y="96"/>
                    </a:lnTo>
                    <a:lnTo>
                      <a:pt x="0" y="84"/>
                    </a:lnTo>
                    <a:lnTo>
                      <a:pt x="12" y="66"/>
                    </a:lnTo>
                    <a:lnTo>
                      <a:pt x="30" y="54"/>
                    </a:lnTo>
                    <a:lnTo>
                      <a:pt x="30" y="18"/>
                    </a:lnTo>
                    <a:lnTo>
                      <a:pt x="36" y="12"/>
                    </a:lnTo>
                    <a:lnTo>
                      <a:pt x="48" y="18"/>
                    </a:lnTo>
                    <a:lnTo>
                      <a:pt x="90" y="0"/>
                    </a:lnTo>
                    <a:lnTo>
                      <a:pt x="90" y="18"/>
                    </a:lnTo>
                    <a:lnTo>
                      <a:pt x="114" y="24"/>
                    </a:lnTo>
                    <a:lnTo>
                      <a:pt x="126" y="36"/>
                    </a:lnTo>
                    <a:lnTo>
                      <a:pt x="216" y="54"/>
                    </a:lnTo>
                    <a:lnTo>
                      <a:pt x="234" y="66"/>
                    </a:lnTo>
                    <a:lnTo>
                      <a:pt x="228" y="90"/>
                    </a:lnTo>
                    <a:lnTo>
                      <a:pt x="240" y="90"/>
                    </a:lnTo>
                    <a:lnTo>
                      <a:pt x="234" y="102"/>
                    </a:lnTo>
                    <a:lnTo>
                      <a:pt x="246" y="102"/>
                    </a:lnTo>
                    <a:lnTo>
                      <a:pt x="228" y="132"/>
                    </a:lnTo>
                    <a:lnTo>
                      <a:pt x="234" y="144"/>
                    </a:lnTo>
                    <a:lnTo>
                      <a:pt x="270" y="90"/>
                    </a:lnTo>
                    <a:lnTo>
                      <a:pt x="246" y="174"/>
                    </a:lnTo>
                    <a:lnTo>
                      <a:pt x="240" y="222"/>
                    </a:lnTo>
                    <a:lnTo>
                      <a:pt x="252" y="270"/>
                    </a:lnTo>
                    <a:lnTo>
                      <a:pt x="126" y="276"/>
                    </a:lnTo>
                    <a:lnTo>
                      <a:pt x="114" y="282"/>
                    </a:lnTo>
                    <a:lnTo>
                      <a:pt x="114" y="28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48" name="Freeform 127"/>
              <p:cNvSpPr>
                <a:spLocks noChangeAspect="1"/>
              </p:cNvSpPr>
              <p:nvPr/>
            </p:nvSpPr>
            <p:spPr bwMode="auto">
              <a:xfrm>
                <a:off x="981" y="1201"/>
                <a:ext cx="270" cy="212"/>
              </a:xfrm>
              <a:custGeom>
                <a:avLst/>
                <a:gdLst>
                  <a:gd name="T0" fmla="*/ 152 w 354"/>
                  <a:gd name="T1" fmla="*/ 63 h 294"/>
                  <a:gd name="T2" fmla="*/ 149 w 354"/>
                  <a:gd name="T3" fmla="*/ 110 h 294"/>
                  <a:gd name="T4" fmla="*/ 43 w 354"/>
                  <a:gd name="T5" fmla="*/ 102 h 294"/>
                  <a:gd name="T6" fmla="*/ 0 w 354"/>
                  <a:gd name="T7" fmla="*/ 94 h 294"/>
                  <a:gd name="T8" fmla="*/ 5 w 354"/>
                  <a:gd name="T9" fmla="*/ 72 h 294"/>
                  <a:gd name="T10" fmla="*/ 16 w 354"/>
                  <a:gd name="T11" fmla="*/ 12 h 294"/>
                  <a:gd name="T12" fmla="*/ 18 w 354"/>
                  <a:gd name="T13" fmla="*/ 0 h 294"/>
                  <a:gd name="T14" fmla="*/ 157 w 354"/>
                  <a:gd name="T15" fmla="*/ 14 h 294"/>
                  <a:gd name="T16" fmla="*/ 154 w 354"/>
                  <a:gd name="T17" fmla="*/ 52 h 294"/>
                  <a:gd name="T18" fmla="*/ 152 w 354"/>
                  <a:gd name="T19" fmla="*/ 63 h 294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54"/>
                  <a:gd name="T31" fmla="*/ 0 h 294"/>
                  <a:gd name="T32" fmla="*/ 354 w 354"/>
                  <a:gd name="T33" fmla="*/ 294 h 294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54" h="294">
                    <a:moveTo>
                      <a:pt x="342" y="168"/>
                    </a:moveTo>
                    <a:lnTo>
                      <a:pt x="336" y="294"/>
                    </a:lnTo>
                    <a:lnTo>
                      <a:pt x="96" y="270"/>
                    </a:lnTo>
                    <a:lnTo>
                      <a:pt x="0" y="252"/>
                    </a:lnTo>
                    <a:lnTo>
                      <a:pt x="12" y="192"/>
                    </a:lnTo>
                    <a:lnTo>
                      <a:pt x="36" y="30"/>
                    </a:lnTo>
                    <a:lnTo>
                      <a:pt x="42" y="0"/>
                    </a:lnTo>
                    <a:lnTo>
                      <a:pt x="354" y="36"/>
                    </a:lnTo>
                    <a:lnTo>
                      <a:pt x="348" y="138"/>
                    </a:lnTo>
                    <a:lnTo>
                      <a:pt x="342" y="168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249" name="Freeform 128"/>
              <p:cNvSpPr>
                <a:spLocks noChangeAspect="1"/>
              </p:cNvSpPr>
              <p:nvPr/>
            </p:nvSpPr>
            <p:spPr bwMode="auto">
              <a:xfrm>
                <a:off x="981" y="1201"/>
                <a:ext cx="270" cy="212"/>
              </a:xfrm>
              <a:custGeom>
                <a:avLst/>
                <a:gdLst>
                  <a:gd name="T0" fmla="*/ 152 w 354"/>
                  <a:gd name="T1" fmla="*/ 63 h 294"/>
                  <a:gd name="T2" fmla="*/ 149 w 354"/>
                  <a:gd name="T3" fmla="*/ 110 h 294"/>
                  <a:gd name="T4" fmla="*/ 43 w 354"/>
                  <a:gd name="T5" fmla="*/ 102 h 294"/>
                  <a:gd name="T6" fmla="*/ 0 w 354"/>
                  <a:gd name="T7" fmla="*/ 94 h 294"/>
                  <a:gd name="T8" fmla="*/ 5 w 354"/>
                  <a:gd name="T9" fmla="*/ 72 h 294"/>
                  <a:gd name="T10" fmla="*/ 16 w 354"/>
                  <a:gd name="T11" fmla="*/ 12 h 294"/>
                  <a:gd name="T12" fmla="*/ 18 w 354"/>
                  <a:gd name="T13" fmla="*/ 0 h 294"/>
                  <a:gd name="T14" fmla="*/ 157 w 354"/>
                  <a:gd name="T15" fmla="*/ 14 h 294"/>
                  <a:gd name="T16" fmla="*/ 154 w 354"/>
                  <a:gd name="T17" fmla="*/ 52 h 294"/>
                  <a:gd name="T18" fmla="*/ 152 w 354"/>
                  <a:gd name="T19" fmla="*/ 63 h 294"/>
                  <a:gd name="T20" fmla="*/ 152 w 354"/>
                  <a:gd name="T21" fmla="*/ 65 h 29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54"/>
                  <a:gd name="T34" fmla="*/ 0 h 294"/>
                  <a:gd name="T35" fmla="*/ 354 w 354"/>
                  <a:gd name="T36" fmla="*/ 294 h 29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54" h="294">
                    <a:moveTo>
                      <a:pt x="342" y="168"/>
                    </a:moveTo>
                    <a:lnTo>
                      <a:pt x="336" y="294"/>
                    </a:lnTo>
                    <a:lnTo>
                      <a:pt x="96" y="270"/>
                    </a:lnTo>
                    <a:lnTo>
                      <a:pt x="0" y="252"/>
                    </a:lnTo>
                    <a:lnTo>
                      <a:pt x="12" y="192"/>
                    </a:lnTo>
                    <a:lnTo>
                      <a:pt x="36" y="30"/>
                    </a:lnTo>
                    <a:lnTo>
                      <a:pt x="42" y="0"/>
                    </a:lnTo>
                    <a:lnTo>
                      <a:pt x="354" y="36"/>
                    </a:lnTo>
                    <a:lnTo>
                      <a:pt x="348" y="138"/>
                    </a:lnTo>
                    <a:lnTo>
                      <a:pt x="342" y="168"/>
                    </a:lnTo>
                    <a:lnTo>
                      <a:pt x="342" y="17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20127" name="Rectangle 129"/>
            <p:cNvSpPr>
              <a:spLocks noChangeArrowheads="1"/>
            </p:cNvSpPr>
            <p:nvPr/>
          </p:nvSpPr>
          <p:spPr bwMode="auto">
            <a:xfrm>
              <a:off x="928" y="912"/>
              <a:ext cx="576" cy="24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anchor="ctr"/>
            <a:lstStyle/>
            <a:p>
              <a:pPr algn="ctr"/>
              <a:r>
                <a:rPr lang="en-US" sz="1600" b="1" dirty="0"/>
                <a:t>1994</a:t>
              </a:r>
            </a:p>
          </p:txBody>
        </p:sp>
      </p:grpSp>
      <p:grpSp>
        <p:nvGrpSpPr>
          <p:cNvPr id="4" name="Group 130"/>
          <p:cNvGrpSpPr>
            <a:grpSpLocks/>
          </p:cNvGrpSpPr>
          <p:nvPr/>
        </p:nvGrpSpPr>
        <p:grpSpPr bwMode="auto">
          <a:xfrm>
            <a:off x="800100" y="3962400"/>
            <a:ext cx="2209800" cy="1866900"/>
            <a:chOff x="504" y="2592"/>
            <a:chExt cx="1392" cy="1176"/>
          </a:xfrm>
        </p:grpSpPr>
        <p:grpSp>
          <p:nvGrpSpPr>
            <p:cNvPr id="20002" name="Group 131"/>
            <p:cNvGrpSpPr>
              <a:grpSpLocks noChangeAspect="1"/>
            </p:cNvGrpSpPr>
            <p:nvPr/>
          </p:nvGrpSpPr>
          <p:grpSpPr bwMode="auto">
            <a:xfrm>
              <a:off x="504" y="2645"/>
              <a:ext cx="1392" cy="1123"/>
              <a:chOff x="3264" y="768"/>
              <a:chExt cx="2160" cy="1536"/>
            </a:xfrm>
          </p:grpSpPr>
          <p:sp>
            <p:nvSpPr>
              <p:cNvPr id="20004" name="AutoShape 132"/>
              <p:cNvSpPr>
                <a:spLocks noChangeAspect="1" noChangeArrowheads="1"/>
              </p:cNvSpPr>
              <p:nvPr/>
            </p:nvSpPr>
            <p:spPr bwMode="auto">
              <a:xfrm>
                <a:off x="3264" y="768"/>
                <a:ext cx="2155" cy="1532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05" name="Rectangle 133"/>
              <p:cNvSpPr>
                <a:spLocks noChangeAspect="1" noChangeArrowheads="1"/>
              </p:cNvSpPr>
              <p:nvPr/>
            </p:nvSpPr>
            <p:spPr bwMode="auto">
              <a:xfrm>
                <a:off x="3264" y="768"/>
                <a:ext cx="2160" cy="1536"/>
              </a:xfrm>
              <a:prstGeom prst="rect">
                <a:avLst/>
              </a:prstGeom>
              <a:solidFill>
                <a:srgbClr val="FFFFFF">
                  <a:alpha val="0"/>
                </a:srgbClr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06" name="Rectangle 134"/>
              <p:cNvSpPr>
                <a:spLocks noChangeAspect="1" noChangeArrowheads="1"/>
              </p:cNvSpPr>
              <p:nvPr/>
            </p:nvSpPr>
            <p:spPr bwMode="auto">
              <a:xfrm>
                <a:off x="3291" y="792"/>
                <a:ext cx="2106" cy="1483"/>
              </a:xfrm>
              <a:prstGeom prst="rect">
                <a:avLst/>
              </a:prstGeom>
              <a:solidFill>
                <a:srgbClr val="FFFFFF">
                  <a:alpha val="0"/>
                </a:srgbClr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07" name="Freeform 135"/>
              <p:cNvSpPr>
                <a:spLocks noChangeAspect="1"/>
              </p:cNvSpPr>
              <p:nvPr/>
            </p:nvSpPr>
            <p:spPr bwMode="auto">
              <a:xfrm>
                <a:off x="4673" y="1677"/>
                <a:ext cx="147" cy="211"/>
              </a:xfrm>
              <a:custGeom>
                <a:avLst/>
                <a:gdLst>
                  <a:gd name="T0" fmla="*/ 87 w 192"/>
                  <a:gd name="T1" fmla="*/ 76 h 312"/>
                  <a:gd name="T2" fmla="*/ 24 w 192"/>
                  <a:gd name="T3" fmla="*/ 80 h 312"/>
                  <a:gd name="T4" fmla="*/ 24 w 192"/>
                  <a:gd name="T5" fmla="*/ 84 h 312"/>
                  <a:gd name="T6" fmla="*/ 30 w 192"/>
                  <a:gd name="T7" fmla="*/ 87 h 312"/>
                  <a:gd name="T8" fmla="*/ 30 w 192"/>
                  <a:gd name="T9" fmla="*/ 93 h 312"/>
                  <a:gd name="T10" fmla="*/ 16 w 192"/>
                  <a:gd name="T11" fmla="*/ 97 h 312"/>
                  <a:gd name="T12" fmla="*/ 21 w 192"/>
                  <a:gd name="T13" fmla="*/ 95 h 312"/>
                  <a:gd name="T14" fmla="*/ 14 w 192"/>
                  <a:gd name="T15" fmla="*/ 85 h 312"/>
                  <a:gd name="T16" fmla="*/ 11 w 192"/>
                  <a:gd name="T17" fmla="*/ 95 h 312"/>
                  <a:gd name="T18" fmla="*/ 5 w 192"/>
                  <a:gd name="T19" fmla="*/ 93 h 312"/>
                  <a:gd name="T20" fmla="*/ 5 w 192"/>
                  <a:gd name="T21" fmla="*/ 87 h 312"/>
                  <a:gd name="T22" fmla="*/ 0 w 192"/>
                  <a:gd name="T23" fmla="*/ 65 h 312"/>
                  <a:gd name="T24" fmla="*/ 0 w 192"/>
                  <a:gd name="T25" fmla="*/ 2 h 312"/>
                  <a:gd name="T26" fmla="*/ 59 w 192"/>
                  <a:gd name="T27" fmla="*/ 0 h 312"/>
                  <a:gd name="T28" fmla="*/ 76 w 192"/>
                  <a:gd name="T29" fmla="*/ 41 h 312"/>
                  <a:gd name="T30" fmla="*/ 87 w 192"/>
                  <a:gd name="T31" fmla="*/ 52 h 312"/>
                  <a:gd name="T32" fmla="*/ 81 w 192"/>
                  <a:gd name="T33" fmla="*/ 60 h 312"/>
                  <a:gd name="T34" fmla="*/ 87 w 192"/>
                  <a:gd name="T35" fmla="*/ 76 h 312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192"/>
                  <a:gd name="T55" fmla="*/ 0 h 312"/>
                  <a:gd name="T56" fmla="*/ 192 w 192"/>
                  <a:gd name="T57" fmla="*/ 312 h 312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192" h="312">
                    <a:moveTo>
                      <a:pt x="192" y="246"/>
                    </a:moveTo>
                    <a:lnTo>
                      <a:pt x="54" y="258"/>
                    </a:lnTo>
                    <a:lnTo>
                      <a:pt x="54" y="270"/>
                    </a:lnTo>
                    <a:lnTo>
                      <a:pt x="66" y="282"/>
                    </a:lnTo>
                    <a:lnTo>
                      <a:pt x="66" y="300"/>
                    </a:lnTo>
                    <a:lnTo>
                      <a:pt x="36" y="312"/>
                    </a:lnTo>
                    <a:lnTo>
                      <a:pt x="48" y="306"/>
                    </a:lnTo>
                    <a:lnTo>
                      <a:pt x="30" y="276"/>
                    </a:lnTo>
                    <a:lnTo>
                      <a:pt x="24" y="306"/>
                    </a:lnTo>
                    <a:lnTo>
                      <a:pt x="12" y="300"/>
                    </a:lnTo>
                    <a:lnTo>
                      <a:pt x="12" y="282"/>
                    </a:lnTo>
                    <a:lnTo>
                      <a:pt x="0" y="210"/>
                    </a:lnTo>
                    <a:lnTo>
                      <a:pt x="0" y="6"/>
                    </a:lnTo>
                    <a:lnTo>
                      <a:pt x="132" y="0"/>
                    </a:lnTo>
                    <a:lnTo>
                      <a:pt x="168" y="132"/>
                    </a:lnTo>
                    <a:lnTo>
                      <a:pt x="192" y="168"/>
                    </a:lnTo>
                    <a:lnTo>
                      <a:pt x="180" y="192"/>
                    </a:lnTo>
                    <a:lnTo>
                      <a:pt x="192" y="24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08" name="Freeform 136"/>
              <p:cNvSpPr>
                <a:spLocks noChangeAspect="1"/>
              </p:cNvSpPr>
              <p:nvPr/>
            </p:nvSpPr>
            <p:spPr bwMode="auto">
              <a:xfrm>
                <a:off x="4673" y="1677"/>
                <a:ext cx="147" cy="211"/>
              </a:xfrm>
              <a:custGeom>
                <a:avLst/>
                <a:gdLst>
                  <a:gd name="T0" fmla="*/ 87 w 192"/>
                  <a:gd name="T1" fmla="*/ 76 h 312"/>
                  <a:gd name="T2" fmla="*/ 24 w 192"/>
                  <a:gd name="T3" fmla="*/ 80 h 312"/>
                  <a:gd name="T4" fmla="*/ 24 w 192"/>
                  <a:gd name="T5" fmla="*/ 84 h 312"/>
                  <a:gd name="T6" fmla="*/ 30 w 192"/>
                  <a:gd name="T7" fmla="*/ 87 h 312"/>
                  <a:gd name="T8" fmla="*/ 30 w 192"/>
                  <a:gd name="T9" fmla="*/ 93 h 312"/>
                  <a:gd name="T10" fmla="*/ 16 w 192"/>
                  <a:gd name="T11" fmla="*/ 97 h 312"/>
                  <a:gd name="T12" fmla="*/ 21 w 192"/>
                  <a:gd name="T13" fmla="*/ 95 h 312"/>
                  <a:gd name="T14" fmla="*/ 14 w 192"/>
                  <a:gd name="T15" fmla="*/ 85 h 312"/>
                  <a:gd name="T16" fmla="*/ 11 w 192"/>
                  <a:gd name="T17" fmla="*/ 95 h 312"/>
                  <a:gd name="T18" fmla="*/ 5 w 192"/>
                  <a:gd name="T19" fmla="*/ 93 h 312"/>
                  <a:gd name="T20" fmla="*/ 5 w 192"/>
                  <a:gd name="T21" fmla="*/ 87 h 312"/>
                  <a:gd name="T22" fmla="*/ 0 w 192"/>
                  <a:gd name="T23" fmla="*/ 65 h 312"/>
                  <a:gd name="T24" fmla="*/ 0 w 192"/>
                  <a:gd name="T25" fmla="*/ 2 h 312"/>
                  <a:gd name="T26" fmla="*/ 59 w 192"/>
                  <a:gd name="T27" fmla="*/ 0 h 312"/>
                  <a:gd name="T28" fmla="*/ 76 w 192"/>
                  <a:gd name="T29" fmla="*/ 41 h 312"/>
                  <a:gd name="T30" fmla="*/ 87 w 192"/>
                  <a:gd name="T31" fmla="*/ 52 h 312"/>
                  <a:gd name="T32" fmla="*/ 81 w 192"/>
                  <a:gd name="T33" fmla="*/ 60 h 312"/>
                  <a:gd name="T34" fmla="*/ 87 w 192"/>
                  <a:gd name="T35" fmla="*/ 76 h 312"/>
                  <a:gd name="T36" fmla="*/ 87 w 192"/>
                  <a:gd name="T37" fmla="*/ 78 h 312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192"/>
                  <a:gd name="T58" fmla="*/ 0 h 312"/>
                  <a:gd name="T59" fmla="*/ 192 w 192"/>
                  <a:gd name="T60" fmla="*/ 312 h 312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192" h="312">
                    <a:moveTo>
                      <a:pt x="192" y="246"/>
                    </a:moveTo>
                    <a:lnTo>
                      <a:pt x="54" y="258"/>
                    </a:lnTo>
                    <a:lnTo>
                      <a:pt x="54" y="270"/>
                    </a:lnTo>
                    <a:lnTo>
                      <a:pt x="66" y="282"/>
                    </a:lnTo>
                    <a:lnTo>
                      <a:pt x="66" y="300"/>
                    </a:lnTo>
                    <a:lnTo>
                      <a:pt x="36" y="312"/>
                    </a:lnTo>
                    <a:lnTo>
                      <a:pt x="48" y="306"/>
                    </a:lnTo>
                    <a:lnTo>
                      <a:pt x="30" y="276"/>
                    </a:lnTo>
                    <a:lnTo>
                      <a:pt x="24" y="306"/>
                    </a:lnTo>
                    <a:lnTo>
                      <a:pt x="12" y="300"/>
                    </a:lnTo>
                    <a:lnTo>
                      <a:pt x="12" y="282"/>
                    </a:lnTo>
                    <a:lnTo>
                      <a:pt x="0" y="210"/>
                    </a:lnTo>
                    <a:lnTo>
                      <a:pt x="0" y="6"/>
                    </a:lnTo>
                    <a:lnTo>
                      <a:pt x="132" y="0"/>
                    </a:lnTo>
                    <a:lnTo>
                      <a:pt x="168" y="132"/>
                    </a:lnTo>
                    <a:lnTo>
                      <a:pt x="192" y="168"/>
                    </a:lnTo>
                    <a:lnTo>
                      <a:pt x="180" y="192"/>
                    </a:lnTo>
                    <a:lnTo>
                      <a:pt x="192" y="246"/>
                    </a:lnTo>
                    <a:lnTo>
                      <a:pt x="192" y="25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09" name="Freeform 137"/>
              <p:cNvSpPr>
                <a:spLocks noChangeAspect="1"/>
              </p:cNvSpPr>
              <p:nvPr/>
            </p:nvSpPr>
            <p:spPr bwMode="auto">
              <a:xfrm>
                <a:off x="3328" y="1770"/>
                <a:ext cx="407" cy="318"/>
              </a:xfrm>
              <a:custGeom>
                <a:avLst/>
                <a:gdLst>
                  <a:gd name="T0" fmla="*/ 3 w 534"/>
                  <a:gd name="T1" fmla="*/ 83 h 468"/>
                  <a:gd name="T2" fmla="*/ 3 w 534"/>
                  <a:gd name="T3" fmla="*/ 84 h 468"/>
                  <a:gd name="T4" fmla="*/ 14 w 534"/>
                  <a:gd name="T5" fmla="*/ 92 h 468"/>
                  <a:gd name="T6" fmla="*/ 11 w 534"/>
                  <a:gd name="T7" fmla="*/ 101 h 468"/>
                  <a:gd name="T8" fmla="*/ 27 w 534"/>
                  <a:gd name="T9" fmla="*/ 94 h 468"/>
                  <a:gd name="T10" fmla="*/ 18 w 534"/>
                  <a:gd name="T11" fmla="*/ 113 h 468"/>
                  <a:gd name="T12" fmla="*/ 37 w 534"/>
                  <a:gd name="T13" fmla="*/ 119 h 468"/>
                  <a:gd name="T14" fmla="*/ 43 w 534"/>
                  <a:gd name="T15" fmla="*/ 117 h 468"/>
                  <a:gd name="T16" fmla="*/ 43 w 534"/>
                  <a:gd name="T17" fmla="*/ 128 h 468"/>
                  <a:gd name="T18" fmla="*/ 24 w 534"/>
                  <a:gd name="T19" fmla="*/ 141 h 468"/>
                  <a:gd name="T20" fmla="*/ 0 w 534"/>
                  <a:gd name="T21" fmla="*/ 147 h 468"/>
                  <a:gd name="T22" fmla="*/ 27 w 534"/>
                  <a:gd name="T23" fmla="*/ 141 h 468"/>
                  <a:gd name="T24" fmla="*/ 34 w 534"/>
                  <a:gd name="T25" fmla="*/ 139 h 468"/>
                  <a:gd name="T26" fmla="*/ 40 w 534"/>
                  <a:gd name="T27" fmla="*/ 137 h 468"/>
                  <a:gd name="T28" fmla="*/ 75 w 534"/>
                  <a:gd name="T29" fmla="*/ 117 h 468"/>
                  <a:gd name="T30" fmla="*/ 90 w 534"/>
                  <a:gd name="T31" fmla="*/ 96 h 468"/>
                  <a:gd name="T32" fmla="*/ 93 w 534"/>
                  <a:gd name="T33" fmla="*/ 94 h 468"/>
                  <a:gd name="T34" fmla="*/ 96 w 534"/>
                  <a:gd name="T35" fmla="*/ 96 h 468"/>
                  <a:gd name="T36" fmla="*/ 88 w 534"/>
                  <a:gd name="T37" fmla="*/ 100 h 468"/>
                  <a:gd name="T38" fmla="*/ 90 w 534"/>
                  <a:gd name="T39" fmla="*/ 109 h 468"/>
                  <a:gd name="T40" fmla="*/ 93 w 534"/>
                  <a:gd name="T41" fmla="*/ 113 h 468"/>
                  <a:gd name="T42" fmla="*/ 104 w 534"/>
                  <a:gd name="T43" fmla="*/ 107 h 468"/>
                  <a:gd name="T44" fmla="*/ 109 w 534"/>
                  <a:gd name="T45" fmla="*/ 100 h 468"/>
                  <a:gd name="T46" fmla="*/ 114 w 534"/>
                  <a:gd name="T47" fmla="*/ 100 h 468"/>
                  <a:gd name="T48" fmla="*/ 157 w 534"/>
                  <a:gd name="T49" fmla="*/ 107 h 468"/>
                  <a:gd name="T50" fmla="*/ 165 w 534"/>
                  <a:gd name="T51" fmla="*/ 105 h 468"/>
                  <a:gd name="T52" fmla="*/ 168 w 534"/>
                  <a:gd name="T53" fmla="*/ 111 h 468"/>
                  <a:gd name="T54" fmla="*/ 170 w 534"/>
                  <a:gd name="T55" fmla="*/ 113 h 468"/>
                  <a:gd name="T56" fmla="*/ 186 w 534"/>
                  <a:gd name="T57" fmla="*/ 115 h 468"/>
                  <a:gd name="T58" fmla="*/ 191 w 534"/>
                  <a:gd name="T59" fmla="*/ 117 h 468"/>
                  <a:gd name="T60" fmla="*/ 194 w 534"/>
                  <a:gd name="T61" fmla="*/ 115 h 468"/>
                  <a:gd name="T62" fmla="*/ 221 w 534"/>
                  <a:gd name="T63" fmla="*/ 130 h 468"/>
                  <a:gd name="T64" fmla="*/ 226 w 534"/>
                  <a:gd name="T65" fmla="*/ 130 h 468"/>
                  <a:gd name="T66" fmla="*/ 236 w 534"/>
                  <a:gd name="T67" fmla="*/ 139 h 468"/>
                  <a:gd name="T68" fmla="*/ 218 w 534"/>
                  <a:gd name="T69" fmla="*/ 128 h 468"/>
                  <a:gd name="T70" fmla="*/ 175 w 534"/>
                  <a:gd name="T71" fmla="*/ 113 h 468"/>
                  <a:gd name="T72" fmla="*/ 168 w 534"/>
                  <a:gd name="T73" fmla="*/ 105 h 468"/>
                  <a:gd name="T74" fmla="*/ 152 w 534"/>
                  <a:gd name="T75" fmla="*/ 101 h 468"/>
                  <a:gd name="T76" fmla="*/ 90 w 534"/>
                  <a:gd name="T77" fmla="*/ 10 h 468"/>
                  <a:gd name="T78" fmla="*/ 77 w 534"/>
                  <a:gd name="T79" fmla="*/ 5 h 468"/>
                  <a:gd name="T80" fmla="*/ 21 w 534"/>
                  <a:gd name="T81" fmla="*/ 21 h 468"/>
                  <a:gd name="T82" fmla="*/ 43 w 534"/>
                  <a:gd name="T83" fmla="*/ 38 h 468"/>
                  <a:gd name="T84" fmla="*/ 40 w 534"/>
                  <a:gd name="T85" fmla="*/ 39 h 468"/>
                  <a:gd name="T86" fmla="*/ 37 w 534"/>
                  <a:gd name="T87" fmla="*/ 47 h 468"/>
                  <a:gd name="T88" fmla="*/ 32 w 534"/>
                  <a:gd name="T89" fmla="*/ 39 h 468"/>
                  <a:gd name="T90" fmla="*/ 5 w 534"/>
                  <a:gd name="T91" fmla="*/ 43 h 468"/>
                  <a:gd name="T92" fmla="*/ 11 w 534"/>
                  <a:gd name="T93" fmla="*/ 49 h 468"/>
                  <a:gd name="T94" fmla="*/ 29 w 534"/>
                  <a:gd name="T95" fmla="*/ 58 h 468"/>
                  <a:gd name="T96" fmla="*/ 40 w 534"/>
                  <a:gd name="T97" fmla="*/ 58 h 468"/>
                  <a:gd name="T98" fmla="*/ 37 w 534"/>
                  <a:gd name="T99" fmla="*/ 70 h 468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w 534"/>
                  <a:gd name="T151" fmla="*/ 0 h 468"/>
                  <a:gd name="T152" fmla="*/ 534 w 534"/>
                  <a:gd name="T153" fmla="*/ 468 h 468"/>
                </a:gdLst>
                <a:ahLst/>
                <a:cxnLst>
                  <a:cxn ang="T100">
                    <a:pos x="T0" y="T1"/>
                  </a:cxn>
                  <a:cxn ang="T101">
                    <a:pos x="T2" y="T3"/>
                  </a:cxn>
                  <a:cxn ang="T102">
                    <a:pos x="T4" y="T5"/>
                  </a:cxn>
                  <a:cxn ang="T103">
                    <a:pos x="T6" y="T7"/>
                  </a:cxn>
                  <a:cxn ang="T104">
                    <a:pos x="T8" y="T9"/>
                  </a:cxn>
                  <a:cxn ang="T105">
                    <a:pos x="T10" y="T11"/>
                  </a:cxn>
                  <a:cxn ang="T106">
                    <a:pos x="T12" y="T13"/>
                  </a:cxn>
                  <a:cxn ang="T107">
                    <a:pos x="T14" y="T15"/>
                  </a:cxn>
                  <a:cxn ang="T108">
                    <a:pos x="T16" y="T17"/>
                  </a:cxn>
                  <a:cxn ang="T109">
                    <a:pos x="T18" y="T19"/>
                  </a:cxn>
                  <a:cxn ang="T110">
                    <a:pos x="T20" y="T21"/>
                  </a:cxn>
                  <a:cxn ang="T111">
                    <a:pos x="T22" y="T23"/>
                  </a:cxn>
                  <a:cxn ang="T112">
                    <a:pos x="T24" y="T25"/>
                  </a:cxn>
                  <a:cxn ang="T113">
                    <a:pos x="T26" y="T27"/>
                  </a:cxn>
                  <a:cxn ang="T114">
                    <a:pos x="T28" y="T29"/>
                  </a:cxn>
                  <a:cxn ang="T115">
                    <a:pos x="T30" y="T31"/>
                  </a:cxn>
                  <a:cxn ang="T116">
                    <a:pos x="T32" y="T33"/>
                  </a:cxn>
                  <a:cxn ang="T117">
                    <a:pos x="T34" y="T35"/>
                  </a:cxn>
                  <a:cxn ang="T118">
                    <a:pos x="T36" y="T37"/>
                  </a:cxn>
                  <a:cxn ang="T119">
                    <a:pos x="T38" y="T39"/>
                  </a:cxn>
                  <a:cxn ang="T120">
                    <a:pos x="T40" y="T41"/>
                  </a:cxn>
                  <a:cxn ang="T121">
                    <a:pos x="T42" y="T43"/>
                  </a:cxn>
                  <a:cxn ang="T122">
                    <a:pos x="T44" y="T45"/>
                  </a:cxn>
                  <a:cxn ang="T123">
                    <a:pos x="T46" y="T47"/>
                  </a:cxn>
                  <a:cxn ang="T124">
                    <a:pos x="T48" y="T49"/>
                  </a:cxn>
                  <a:cxn ang="T125">
                    <a:pos x="T50" y="T51"/>
                  </a:cxn>
                  <a:cxn ang="T126">
                    <a:pos x="T52" y="T53"/>
                  </a:cxn>
                  <a:cxn ang="T127">
                    <a:pos x="T54" y="T55"/>
                  </a:cxn>
                  <a:cxn ang="T128">
                    <a:pos x="T56" y="T57"/>
                  </a:cxn>
                  <a:cxn ang="T129">
                    <a:pos x="T58" y="T59"/>
                  </a:cxn>
                  <a:cxn ang="T130">
                    <a:pos x="T60" y="T61"/>
                  </a:cxn>
                  <a:cxn ang="T131">
                    <a:pos x="T62" y="T63"/>
                  </a:cxn>
                  <a:cxn ang="T132">
                    <a:pos x="T64" y="T65"/>
                  </a:cxn>
                  <a:cxn ang="T133">
                    <a:pos x="T66" y="T67"/>
                  </a:cxn>
                  <a:cxn ang="T134">
                    <a:pos x="T68" y="T69"/>
                  </a:cxn>
                  <a:cxn ang="T135">
                    <a:pos x="T70" y="T71"/>
                  </a:cxn>
                  <a:cxn ang="T136">
                    <a:pos x="T72" y="T73"/>
                  </a:cxn>
                  <a:cxn ang="T137">
                    <a:pos x="T74" y="T75"/>
                  </a:cxn>
                  <a:cxn ang="T138">
                    <a:pos x="T76" y="T77"/>
                  </a:cxn>
                  <a:cxn ang="T139">
                    <a:pos x="T78" y="T79"/>
                  </a:cxn>
                  <a:cxn ang="T140">
                    <a:pos x="T80" y="T81"/>
                  </a:cxn>
                  <a:cxn ang="T141">
                    <a:pos x="T82" y="T83"/>
                  </a:cxn>
                  <a:cxn ang="T142">
                    <a:pos x="T84" y="T85"/>
                  </a:cxn>
                  <a:cxn ang="T143">
                    <a:pos x="T86" y="T87"/>
                  </a:cxn>
                  <a:cxn ang="T144">
                    <a:pos x="T88" y="T89"/>
                  </a:cxn>
                  <a:cxn ang="T145">
                    <a:pos x="T90" y="T91"/>
                  </a:cxn>
                  <a:cxn ang="T146">
                    <a:pos x="T92" y="T93"/>
                  </a:cxn>
                  <a:cxn ang="T147">
                    <a:pos x="T94" y="T95"/>
                  </a:cxn>
                  <a:cxn ang="T148">
                    <a:pos x="T96" y="T97"/>
                  </a:cxn>
                  <a:cxn ang="T149">
                    <a:pos x="T98" y="T99"/>
                  </a:cxn>
                </a:cxnLst>
                <a:rect l="T150" t="T151" r="T152" b="T153"/>
                <a:pathLst>
                  <a:path w="534" h="468">
                    <a:moveTo>
                      <a:pt x="48" y="228"/>
                    </a:moveTo>
                    <a:lnTo>
                      <a:pt x="6" y="264"/>
                    </a:lnTo>
                    <a:lnTo>
                      <a:pt x="18" y="264"/>
                    </a:lnTo>
                    <a:lnTo>
                      <a:pt x="6" y="270"/>
                    </a:lnTo>
                    <a:lnTo>
                      <a:pt x="12" y="282"/>
                    </a:lnTo>
                    <a:lnTo>
                      <a:pt x="30" y="294"/>
                    </a:lnTo>
                    <a:lnTo>
                      <a:pt x="18" y="306"/>
                    </a:lnTo>
                    <a:lnTo>
                      <a:pt x="24" y="324"/>
                    </a:lnTo>
                    <a:lnTo>
                      <a:pt x="36" y="330"/>
                    </a:lnTo>
                    <a:lnTo>
                      <a:pt x="60" y="300"/>
                    </a:lnTo>
                    <a:lnTo>
                      <a:pt x="54" y="348"/>
                    </a:lnTo>
                    <a:lnTo>
                      <a:pt x="42" y="360"/>
                    </a:lnTo>
                    <a:lnTo>
                      <a:pt x="72" y="348"/>
                    </a:lnTo>
                    <a:lnTo>
                      <a:pt x="84" y="378"/>
                    </a:lnTo>
                    <a:lnTo>
                      <a:pt x="96" y="360"/>
                    </a:lnTo>
                    <a:lnTo>
                      <a:pt x="96" y="372"/>
                    </a:lnTo>
                    <a:lnTo>
                      <a:pt x="120" y="360"/>
                    </a:lnTo>
                    <a:lnTo>
                      <a:pt x="96" y="408"/>
                    </a:lnTo>
                    <a:lnTo>
                      <a:pt x="60" y="432"/>
                    </a:lnTo>
                    <a:lnTo>
                      <a:pt x="54" y="450"/>
                    </a:lnTo>
                    <a:lnTo>
                      <a:pt x="30" y="444"/>
                    </a:lnTo>
                    <a:lnTo>
                      <a:pt x="0" y="468"/>
                    </a:lnTo>
                    <a:lnTo>
                      <a:pt x="30" y="450"/>
                    </a:lnTo>
                    <a:lnTo>
                      <a:pt x="60" y="450"/>
                    </a:lnTo>
                    <a:lnTo>
                      <a:pt x="60" y="456"/>
                    </a:lnTo>
                    <a:lnTo>
                      <a:pt x="78" y="444"/>
                    </a:lnTo>
                    <a:lnTo>
                      <a:pt x="72" y="432"/>
                    </a:lnTo>
                    <a:lnTo>
                      <a:pt x="90" y="438"/>
                    </a:lnTo>
                    <a:lnTo>
                      <a:pt x="156" y="390"/>
                    </a:lnTo>
                    <a:lnTo>
                      <a:pt x="168" y="372"/>
                    </a:lnTo>
                    <a:lnTo>
                      <a:pt x="156" y="354"/>
                    </a:lnTo>
                    <a:lnTo>
                      <a:pt x="204" y="306"/>
                    </a:lnTo>
                    <a:lnTo>
                      <a:pt x="216" y="276"/>
                    </a:lnTo>
                    <a:lnTo>
                      <a:pt x="210" y="300"/>
                    </a:lnTo>
                    <a:lnTo>
                      <a:pt x="228" y="294"/>
                    </a:lnTo>
                    <a:lnTo>
                      <a:pt x="216" y="306"/>
                    </a:lnTo>
                    <a:lnTo>
                      <a:pt x="228" y="318"/>
                    </a:lnTo>
                    <a:lnTo>
                      <a:pt x="198" y="318"/>
                    </a:lnTo>
                    <a:lnTo>
                      <a:pt x="192" y="348"/>
                    </a:lnTo>
                    <a:lnTo>
                      <a:pt x="204" y="348"/>
                    </a:lnTo>
                    <a:lnTo>
                      <a:pt x="192" y="366"/>
                    </a:lnTo>
                    <a:lnTo>
                      <a:pt x="210" y="360"/>
                    </a:lnTo>
                    <a:lnTo>
                      <a:pt x="222" y="336"/>
                    </a:lnTo>
                    <a:lnTo>
                      <a:pt x="234" y="342"/>
                    </a:lnTo>
                    <a:lnTo>
                      <a:pt x="246" y="306"/>
                    </a:lnTo>
                    <a:lnTo>
                      <a:pt x="246" y="318"/>
                    </a:lnTo>
                    <a:lnTo>
                      <a:pt x="264" y="306"/>
                    </a:lnTo>
                    <a:lnTo>
                      <a:pt x="258" y="318"/>
                    </a:lnTo>
                    <a:lnTo>
                      <a:pt x="300" y="342"/>
                    </a:lnTo>
                    <a:lnTo>
                      <a:pt x="354" y="342"/>
                    </a:lnTo>
                    <a:lnTo>
                      <a:pt x="360" y="330"/>
                    </a:lnTo>
                    <a:lnTo>
                      <a:pt x="372" y="336"/>
                    </a:lnTo>
                    <a:lnTo>
                      <a:pt x="360" y="348"/>
                    </a:lnTo>
                    <a:lnTo>
                      <a:pt x="378" y="354"/>
                    </a:lnTo>
                    <a:lnTo>
                      <a:pt x="384" y="336"/>
                    </a:lnTo>
                    <a:lnTo>
                      <a:pt x="384" y="360"/>
                    </a:lnTo>
                    <a:lnTo>
                      <a:pt x="408" y="378"/>
                    </a:lnTo>
                    <a:lnTo>
                      <a:pt x="420" y="366"/>
                    </a:lnTo>
                    <a:lnTo>
                      <a:pt x="402" y="354"/>
                    </a:lnTo>
                    <a:lnTo>
                      <a:pt x="432" y="372"/>
                    </a:lnTo>
                    <a:lnTo>
                      <a:pt x="420" y="336"/>
                    </a:lnTo>
                    <a:lnTo>
                      <a:pt x="438" y="366"/>
                    </a:lnTo>
                    <a:lnTo>
                      <a:pt x="462" y="396"/>
                    </a:lnTo>
                    <a:lnTo>
                      <a:pt x="498" y="414"/>
                    </a:lnTo>
                    <a:lnTo>
                      <a:pt x="498" y="438"/>
                    </a:lnTo>
                    <a:lnTo>
                      <a:pt x="510" y="414"/>
                    </a:lnTo>
                    <a:lnTo>
                      <a:pt x="522" y="450"/>
                    </a:lnTo>
                    <a:lnTo>
                      <a:pt x="534" y="444"/>
                    </a:lnTo>
                    <a:lnTo>
                      <a:pt x="528" y="414"/>
                    </a:lnTo>
                    <a:lnTo>
                      <a:pt x="492" y="408"/>
                    </a:lnTo>
                    <a:lnTo>
                      <a:pt x="420" y="330"/>
                    </a:lnTo>
                    <a:lnTo>
                      <a:pt x="396" y="360"/>
                    </a:lnTo>
                    <a:lnTo>
                      <a:pt x="390" y="336"/>
                    </a:lnTo>
                    <a:lnTo>
                      <a:pt x="378" y="336"/>
                    </a:lnTo>
                    <a:lnTo>
                      <a:pt x="366" y="324"/>
                    </a:lnTo>
                    <a:lnTo>
                      <a:pt x="342" y="324"/>
                    </a:lnTo>
                    <a:lnTo>
                      <a:pt x="306" y="48"/>
                    </a:lnTo>
                    <a:lnTo>
                      <a:pt x="204" y="30"/>
                    </a:lnTo>
                    <a:lnTo>
                      <a:pt x="174" y="6"/>
                    </a:lnTo>
                    <a:lnTo>
                      <a:pt x="174" y="18"/>
                    </a:lnTo>
                    <a:lnTo>
                      <a:pt x="162" y="0"/>
                    </a:lnTo>
                    <a:lnTo>
                      <a:pt x="48" y="66"/>
                    </a:lnTo>
                    <a:lnTo>
                      <a:pt x="72" y="114"/>
                    </a:lnTo>
                    <a:lnTo>
                      <a:pt x="96" y="120"/>
                    </a:lnTo>
                    <a:lnTo>
                      <a:pt x="114" y="138"/>
                    </a:lnTo>
                    <a:lnTo>
                      <a:pt x="90" y="126"/>
                    </a:lnTo>
                    <a:lnTo>
                      <a:pt x="96" y="144"/>
                    </a:lnTo>
                    <a:lnTo>
                      <a:pt x="84" y="150"/>
                    </a:lnTo>
                    <a:lnTo>
                      <a:pt x="66" y="144"/>
                    </a:lnTo>
                    <a:lnTo>
                      <a:pt x="72" y="126"/>
                    </a:lnTo>
                    <a:lnTo>
                      <a:pt x="60" y="126"/>
                    </a:lnTo>
                    <a:lnTo>
                      <a:pt x="12" y="138"/>
                    </a:lnTo>
                    <a:lnTo>
                      <a:pt x="36" y="156"/>
                    </a:lnTo>
                    <a:lnTo>
                      <a:pt x="24" y="156"/>
                    </a:lnTo>
                    <a:lnTo>
                      <a:pt x="30" y="174"/>
                    </a:lnTo>
                    <a:lnTo>
                      <a:pt x="66" y="186"/>
                    </a:lnTo>
                    <a:lnTo>
                      <a:pt x="66" y="198"/>
                    </a:lnTo>
                    <a:lnTo>
                      <a:pt x="90" y="186"/>
                    </a:lnTo>
                    <a:lnTo>
                      <a:pt x="84" y="192"/>
                    </a:lnTo>
                    <a:lnTo>
                      <a:pt x="84" y="222"/>
                    </a:lnTo>
                    <a:lnTo>
                      <a:pt x="48" y="228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10" name="Freeform 138"/>
              <p:cNvSpPr>
                <a:spLocks noChangeAspect="1"/>
              </p:cNvSpPr>
              <p:nvPr/>
            </p:nvSpPr>
            <p:spPr bwMode="auto">
              <a:xfrm>
                <a:off x="3328" y="1770"/>
                <a:ext cx="407" cy="318"/>
              </a:xfrm>
              <a:custGeom>
                <a:avLst/>
                <a:gdLst>
                  <a:gd name="T0" fmla="*/ 3 w 534"/>
                  <a:gd name="T1" fmla="*/ 83 h 468"/>
                  <a:gd name="T2" fmla="*/ 3 w 534"/>
                  <a:gd name="T3" fmla="*/ 84 h 468"/>
                  <a:gd name="T4" fmla="*/ 14 w 534"/>
                  <a:gd name="T5" fmla="*/ 92 h 468"/>
                  <a:gd name="T6" fmla="*/ 11 w 534"/>
                  <a:gd name="T7" fmla="*/ 101 h 468"/>
                  <a:gd name="T8" fmla="*/ 27 w 534"/>
                  <a:gd name="T9" fmla="*/ 94 h 468"/>
                  <a:gd name="T10" fmla="*/ 18 w 534"/>
                  <a:gd name="T11" fmla="*/ 113 h 468"/>
                  <a:gd name="T12" fmla="*/ 37 w 534"/>
                  <a:gd name="T13" fmla="*/ 119 h 468"/>
                  <a:gd name="T14" fmla="*/ 43 w 534"/>
                  <a:gd name="T15" fmla="*/ 117 h 468"/>
                  <a:gd name="T16" fmla="*/ 43 w 534"/>
                  <a:gd name="T17" fmla="*/ 128 h 468"/>
                  <a:gd name="T18" fmla="*/ 24 w 534"/>
                  <a:gd name="T19" fmla="*/ 141 h 468"/>
                  <a:gd name="T20" fmla="*/ 0 w 534"/>
                  <a:gd name="T21" fmla="*/ 147 h 468"/>
                  <a:gd name="T22" fmla="*/ 27 w 534"/>
                  <a:gd name="T23" fmla="*/ 141 h 468"/>
                  <a:gd name="T24" fmla="*/ 34 w 534"/>
                  <a:gd name="T25" fmla="*/ 139 h 468"/>
                  <a:gd name="T26" fmla="*/ 40 w 534"/>
                  <a:gd name="T27" fmla="*/ 137 h 468"/>
                  <a:gd name="T28" fmla="*/ 75 w 534"/>
                  <a:gd name="T29" fmla="*/ 117 h 468"/>
                  <a:gd name="T30" fmla="*/ 90 w 534"/>
                  <a:gd name="T31" fmla="*/ 96 h 468"/>
                  <a:gd name="T32" fmla="*/ 93 w 534"/>
                  <a:gd name="T33" fmla="*/ 94 h 468"/>
                  <a:gd name="T34" fmla="*/ 96 w 534"/>
                  <a:gd name="T35" fmla="*/ 96 h 468"/>
                  <a:gd name="T36" fmla="*/ 88 w 534"/>
                  <a:gd name="T37" fmla="*/ 100 h 468"/>
                  <a:gd name="T38" fmla="*/ 90 w 534"/>
                  <a:gd name="T39" fmla="*/ 109 h 468"/>
                  <a:gd name="T40" fmla="*/ 93 w 534"/>
                  <a:gd name="T41" fmla="*/ 113 h 468"/>
                  <a:gd name="T42" fmla="*/ 104 w 534"/>
                  <a:gd name="T43" fmla="*/ 107 h 468"/>
                  <a:gd name="T44" fmla="*/ 109 w 534"/>
                  <a:gd name="T45" fmla="*/ 100 h 468"/>
                  <a:gd name="T46" fmla="*/ 114 w 534"/>
                  <a:gd name="T47" fmla="*/ 100 h 468"/>
                  <a:gd name="T48" fmla="*/ 157 w 534"/>
                  <a:gd name="T49" fmla="*/ 107 h 468"/>
                  <a:gd name="T50" fmla="*/ 165 w 534"/>
                  <a:gd name="T51" fmla="*/ 105 h 468"/>
                  <a:gd name="T52" fmla="*/ 168 w 534"/>
                  <a:gd name="T53" fmla="*/ 111 h 468"/>
                  <a:gd name="T54" fmla="*/ 170 w 534"/>
                  <a:gd name="T55" fmla="*/ 113 h 468"/>
                  <a:gd name="T56" fmla="*/ 186 w 534"/>
                  <a:gd name="T57" fmla="*/ 115 h 468"/>
                  <a:gd name="T58" fmla="*/ 191 w 534"/>
                  <a:gd name="T59" fmla="*/ 117 h 468"/>
                  <a:gd name="T60" fmla="*/ 194 w 534"/>
                  <a:gd name="T61" fmla="*/ 115 h 468"/>
                  <a:gd name="T62" fmla="*/ 221 w 534"/>
                  <a:gd name="T63" fmla="*/ 130 h 468"/>
                  <a:gd name="T64" fmla="*/ 226 w 534"/>
                  <a:gd name="T65" fmla="*/ 130 h 468"/>
                  <a:gd name="T66" fmla="*/ 236 w 534"/>
                  <a:gd name="T67" fmla="*/ 139 h 468"/>
                  <a:gd name="T68" fmla="*/ 218 w 534"/>
                  <a:gd name="T69" fmla="*/ 128 h 468"/>
                  <a:gd name="T70" fmla="*/ 175 w 534"/>
                  <a:gd name="T71" fmla="*/ 113 h 468"/>
                  <a:gd name="T72" fmla="*/ 168 w 534"/>
                  <a:gd name="T73" fmla="*/ 105 h 468"/>
                  <a:gd name="T74" fmla="*/ 152 w 534"/>
                  <a:gd name="T75" fmla="*/ 101 h 468"/>
                  <a:gd name="T76" fmla="*/ 90 w 534"/>
                  <a:gd name="T77" fmla="*/ 10 h 468"/>
                  <a:gd name="T78" fmla="*/ 77 w 534"/>
                  <a:gd name="T79" fmla="*/ 5 h 468"/>
                  <a:gd name="T80" fmla="*/ 21 w 534"/>
                  <a:gd name="T81" fmla="*/ 21 h 468"/>
                  <a:gd name="T82" fmla="*/ 43 w 534"/>
                  <a:gd name="T83" fmla="*/ 38 h 468"/>
                  <a:gd name="T84" fmla="*/ 40 w 534"/>
                  <a:gd name="T85" fmla="*/ 39 h 468"/>
                  <a:gd name="T86" fmla="*/ 37 w 534"/>
                  <a:gd name="T87" fmla="*/ 47 h 468"/>
                  <a:gd name="T88" fmla="*/ 32 w 534"/>
                  <a:gd name="T89" fmla="*/ 39 h 468"/>
                  <a:gd name="T90" fmla="*/ 5 w 534"/>
                  <a:gd name="T91" fmla="*/ 43 h 468"/>
                  <a:gd name="T92" fmla="*/ 11 w 534"/>
                  <a:gd name="T93" fmla="*/ 49 h 468"/>
                  <a:gd name="T94" fmla="*/ 29 w 534"/>
                  <a:gd name="T95" fmla="*/ 58 h 468"/>
                  <a:gd name="T96" fmla="*/ 40 w 534"/>
                  <a:gd name="T97" fmla="*/ 58 h 468"/>
                  <a:gd name="T98" fmla="*/ 37 w 534"/>
                  <a:gd name="T99" fmla="*/ 70 h 468"/>
                  <a:gd name="T100" fmla="*/ 21 w 534"/>
                  <a:gd name="T101" fmla="*/ 73 h 468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w 534"/>
                  <a:gd name="T154" fmla="*/ 0 h 468"/>
                  <a:gd name="T155" fmla="*/ 534 w 534"/>
                  <a:gd name="T156" fmla="*/ 468 h 468"/>
                </a:gdLst>
                <a:ahLst/>
                <a:cxnLst>
                  <a:cxn ang="T102">
                    <a:pos x="T0" y="T1"/>
                  </a:cxn>
                  <a:cxn ang="T103">
                    <a:pos x="T2" y="T3"/>
                  </a:cxn>
                  <a:cxn ang="T104">
                    <a:pos x="T4" y="T5"/>
                  </a:cxn>
                  <a:cxn ang="T105">
                    <a:pos x="T6" y="T7"/>
                  </a:cxn>
                  <a:cxn ang="T106">
                    <a:pos x="T8" y="T9"/>
                  </a:cxn>
                  <a:cxn ang="T107">
                    <a:pos x="T10" y="T11"/>
                  </a:cxn>
                  <a:cxn ang="T108">
                    <a:pos x="T12" y="T13"/>
                  </a:cxn>
                  <a:cxn ang="T109">
                    <a:pos x="T14" y="T15"/>
                  </a:cxn>
                  <a:cxn ang="T110">
                    <a:pos x="T16" y="T17"/>
                  </a:cxn>
                  <a:cxn ang="T111">
                    <a:pos x="T18" y="T19"/>
                  </a:cxn>
                  <a:cxn ang="T112">
                    <a:pos x="T20" y="T21"/>
                  </a:cxn>
                  <a:cxn ang="T113">
                    <a:pos x="T22" y="T23"/>
                  </a:cxn>
                  <a:cxn ang="T114">
                    <a:pos x="T24" y="T25"/>
                  </a:cxn>
                  <a:cxn ang="T115">
                    <a:pos x="T26" y="T27"/>
                  </a:cxn>
                  <a:cxn ang="T116">
                    <a:pos x="T28" y="T29"/>
                  </a:cxn>
                  <a:cxn ang="T117">
                    <a:pos x="T30" y="T31"/>
                  </a:cxn>
                  <a:cxn ang="T118">
                    <a:pos x="T32" y="T33"/>
                  </a:cxn>
                  <a:cxn ang="T119">
                    <a:pos x="T34" y="T35"/>
                  </a:cxn>
                  <a:cxn ang="T120">
                    <a:pos x="T36" y="T37"/>
                  </a:cxn>
                  <a:cxn ang="T121">
                    <a:pos x="T38" y="T39"/>
                  </a:cxn>
                  <a:cxn ang="T122">
                    <a:pos x="T40" y="T41"/>
                  </a:cxn>
                  <a:cxn ang="T123">
                    <a:pos x="T42" y="T43"/>
                  </a:cxn>
                  <a:cxn ang="T124">
                    <a:pos x="T44" y="T45"/>
                  </a:cxn>
                  <a:cxn ang="T125">
                    <a:pos x="T46" y="T47"/>
                  </a:cxn>
                  <a:cxn ang="T126">
                    <a:pos x="T48" y="T49"/>
                  </a:cxn>
                  <a:cxn ang="T127">
                    <a:pos x="T50" y="T51"/>
                  </a:cxn>
                  <a:cxn ang="T128">
                    <a:pos x="T52" y="T53"/>
                  </a:cxn>
                  <a:cxn ang="T129">
                    <a:pos x="T54" y="T55"/>
                  </a:cxn>
                  <a:cxn ang="T130">
                    <a:pos x="T56" y="T57"/>
                  </a:cxn>
                  <a:cxn ang="T131">
                    <a:pos x="T58" y="T59"/>
                  </a:cxn>
                  <a:cxn ang="T132">
                    <a:pos x="T60" y="T61"/>
                  </a:cxn>
                  <a:cxn ang="T133">
                    <a:pos x="T62" y="T63"/>
                  </a:cxn>
                  <a:cxn ang="T134">
                    <a:pos x="T64" y="T65"/>
                  </a:cxn>
                  <a:cxn ang="T135">
                    <a:pos x="T66" y="T67"/>
                  </a:cxn>
                  <a:cxn ang="T136">
                    <a:pos x="T68" y="T69"/>
                  </a:cxn>
                  <a:cxn ang="T137">
                    <a:pos x="T70" y="T71"/>
                  </a:cxn>
                  <a:cxn ang="T138">
                    <a:pos x="T72" y="T73"/>
                  </a:cxn>
                  <a:cxn ang="T139">
                    <a:pos x="T74" y="T75"/>
                  </a:cxn>
                  <a:cxn ang="T140">
                    <a:pos x="T76" y="T77"/>
                  </a:cxn>
                  <a:cxn ang="T141">
                    <a:pos x="T78" y="T79"/>
                  </a:cxn>
                  <a:cxn ang="T142">
                    <a:pos x="T80" y="T81"/>
                  </a:cxn>
                  <a:cxn ang="T143">
                    <a:pos x="T82" y="T83"/>
                  </a:cxn>
                  <a:cxn ang="T144">
                    <a:pos x="T84" y="T85"/>
                  </a:cxn>
                  <a:cxn ang="T145">
                    <a:pos x="T86" y="T87"/>
                  </a:cxn>
                  <a:cxn ang="T146">
                    <a:pos x="T88" y="T89"/>
                  </a:cxn>
                  <a:cxn ang="T147">
                    <a:pos x="T90" y="T91"/>
                  </a:cxn>
                  <a:cxn ang="T148">
                    <a:pos x="T92" y="T93"/>
                  </a:cxn>
                  <a:cxn ang="T149">
                    <a:pos x="T94" y="T95"/>
                  </a:cxn>
                  <a:cxn ang="T150">
                    <a:pos x="T96" y="T97"/>
                  </a:cxn>
                  <a:cxn ang="T151">
                    <a:pos x="T98" y="T99"/>
                  </a:cxn>
                  <a:cxn ang="T152">
                    <a:pos x="T100" y="T101"/>
                  </a:cxn>
                </a:cxnLst>
                <a:rect l="T153" t="T154" r="T155" b="T156"/>
                <a:pathLst>
                  <a:path w="534" h="468">
                    <a:moveTo>
                      <a:pt x="48" y="228"/>
                    </a:moveTo>
                    <a:lnTo>
                      <a:pt x="6" y="264"/>
                    </a:lnTo>
                    <a:lnTo>
                      <a:pt x="18" y="264"/>
                    </a:lnTo>
                    <a:lnTo>
                      <a:pt x="6" y="270"/>
                    </a:lnTo>
                    <a:lnTo>
                      <a:pt x="12" y="282"/>
                    </a:lnTo>
                    <a:lnTo>
                      <a:pt x="30" y="294"/>
                    </a:lnTo>
                    <a:lnTo>
                      <a:pt x="18" y="306"/>
                    </a:lnTo>
                    <a:lnTo>
                      <a:pt x="24" y="324"/>
                    </a:lnTo>
                    <a:lnTo>
                      <a:pt x="36" y="330"/>
                    </a:lnTo>
                    <a:lnTo>
                      <a:pt x="60" y="300"/>
                    </a:lnTo>
                    <a:lnTo>
                      <a:pt x="54" y="348"/>
                    </a:lnTo>
                    <a:lnTo>
                      <a:pt x="42" y="360"/>
                    </a:lnTo>
                    <a:lnTo>
                      <a:pt x="72" y="348"/>
                    </a:lnTo>
                    <a:lnTo>
                      <a:pt x="84" y="378"/>
                    </a:lnTo>
                    <a:lnTo>
                      <a:pt x="96" y="360"/>
                    </a:lnTo>
                    <a:lnTo>
                      <a:pt x="96" y="372"/>
                    </a:lnTo>
                    <a:lnTo>
                      <a:pt x="120" y="360"/>
                    </a:lnTo>
                    <a:lnTo>
                      <a:pt x="96" y="408"/>
                    </a:lnTo>
                    <a:lnTo>
                      <a:pt x="60" y="432"/>
                    </a:lnTo>
                    <a:lnTo>
                      <a:pt x="54" y="450"/>
                    </a:lnTo>
                    <a:lnTo>
                      <a:pt x="30" y="444"/>
                    </a:lnTo>
                    <a:lnTo>
                      <a:pt x="0" y="468"/>
                    </a:lnTo>
                    <a:lnTo>
                      <a:pt x="30" y="450"/>
                    </a:lnTo>
                    <a:lnTo>
                      <a:pt x="60" y="450"/>
                    </a:lnTo>
                    <a:lnTo>
                      <a:pt x="60" y="456"/>
                    </a:lnTo>
                    <a:lnTo>
                      <a:pt x="78" y="444"/>
                    </a:lnTo>
                    <a:lnTo>
                      <a:pt x="72" y="432"/>
                    </a:lnTo>
                    <a:lnTo>
                      <a:pt x="90" y="438"/>
                    </a:lnTo>
                    <a:lnTo>
                      <a:pt x="156" y="390"/>
                    </a:lnTo>
                    <a:lnTo>
                      <a:pt x="168" y="372"/>
                    </a:lnTo>
                    <a:lnTo>
                      <a:pt x="156" y="354"/>
                    </a:lnTo>
                    <a:lnTo>
                      <a:pt x="204" y="306"/>
                    </a:lnTo>
                    <a:lnTo>
                      <a:pt x="216" y="276"/>
                    </a:lnTo>
                    <a:lnTo>
                      <a:pt x="210" y="300"/>
                    </a:lnTo>
                    <a:lnTo>
                      <a:pt x="228" y="294"/>
                    </a:lnTo>
                    <a:lnTo>
                      <a:pt x="216" y="306"/>
                    </a:lnTo>
                    <a:lnTo>
                      <a:pt x="228" y="318"/>
                    </a:lnTo>
                    <a:lnTo>
                      <a:pt x="198" y="318"/>
                    </a:lnTo>
                    <a:lnTo>
                      <a:pt x="192" y="348"/>
                    </a:lnTo>
                    <a:lnTo>
                      <a:pt x="204" y="348"/>
                    </a:lnTo>
                    <a:lnTo>
                      <a:pt x="192" y="366"/>
                    </a:lnTo>
                    <a:lnTo>
                      <a:pt x="210" y="360"/>
                    </a:lnTo>
                    <a:lnTo>
                      <a:pt x="222" y="336"/>
                    </a:lnTo>
                    <a:lnTo>
                      <a:pt x="234" y="342"/>
                    </a:lnTo>
                    <a:lnTo>
                      <a:pt x="246" y="306"/>
                    </a:lnTo>
                    <a:lnTo>
                      <a:pt x="246" y="318"/>
                    </a:lnTo>
                    <a:lnTo>
                      <a:pt x="264" y="306"/>
                    </a:lnTo>
                    <a:lnTo>
                      <a:pt x="258" y="318"/>
                    </a:lnTo>
                    <a:lnTo>
                      <a:pt x="300" y="342"/>
                    </a:lnTo>
                    <a:lnTo>
                      <a:pt x="354" y="342"/>
                    </a:lnTo>
                    <a:lnTo>
                      <a:pt x="360" y="330"/>
                    </a:lnTo>
                    <a:lnTo>
                      <a:pt x="372" y="336"/>
                    </a:lnTo>
                    <a:lnTo>
                      <a:pt x="360" y="348"/>
                    </a:lnTo>
                    <a:lnTo>
                      <a:pt x="378" y="354"/>
                    </a:lnTo>
                    <a:lnTo>
                      <a:pt x="384" y="336"/>
                    </a:lnTo>
                    <a:lnTo>
                      <a:pt x="384" y="360"/>
                    </a:lnTo>
                    <a:lnTo>
                      <a:pt x="408" y="378"/>
                    </a:lnTo>
                    <a:lnTo>
                      <a:pt x="420" y="366"/>
                    </a:lnTo>
                    <a:lnTo>
                      <a:pt x="402" y="354"/>
                    </a:lnTo>
                    <a:lnTo>
                      <a:pt x="432" y="372"/>
                    </a:lnTo>
                    <a:lnTo>
                      <a:pt x="420" y="336"/>
                    </a:lnTo>
                    <a:lnTo>
                      <a:pt x="438" y="366"/>
                    </a:lnTo>
                    <a:lnTo>
                      <a:pt x="462" y="396"/>
                    </a:lnTo>
                    <a:lnTo>
                      <a:pt x="498" y="414"/>
                    </a:lnTo>
                    <a:lnTo>
                      <a:pt x="498" y="438"/>
                    </a:lnTo>
                    <a:lnTo>
                      <a:pt x="510" y="414"/>
                    </a:lnTo>
                    <a:lnTo>
                      <a:pt x="522" y="450"/>
                    </a:lnTo>
                    <a:lnTo>
                      <a:pt x="534" y="444"/>
                    </a:lnTo>
                    <a:lnTo>
                      <a:pt x="528" y="414"/>
                    </a:lnTo>
                    <a:lnTo>
                      <a:pt x="492" y="408"/>
                    </a:lnTo>
                    <a:lnTo>
                      <a:pt x="420" y="330"/>
                    </a:lnTo>
                    <a:lnTo>
                      <a:pt x="396" y="360"/>
                    </a:lnTo>
                    <a:lnTo>
                      <a:pt x="390" y="336"/>
                    </a:lnTo>
                    <a:lnTo>
                      <a:pt x="378" y="336"/>
                    </a:lnTo>
                    <a:lnTo>
                      <a:pt x="366" y="324"/>
                    </a:lnTo>
                    <a:lnTo>
                      <a:pt x="342" y="324"/>
                    </a:lnTo>
                    <a:lnTo>
                      <a:pt x="306" y="48"/>
                    </a:lnTo>
                    <a:lnTo>
                      <a:pt x="204" y="30"/>
                    </a:lnTo>
                    <a:lnTo>
                      <a:pt x="174" y="6"/>
                    </a:lnTo>
                    <a:lnTo>
                      <a:pt x="174" y="18"/>
                    </a:lnTo>
                    <a:lnTo>
                      <a:pt x="162" y="0"/>
                    </a:lnTo>
                    <a:lnTo>
                      <a:pt x="48" y="66"/>
                    </a:lnTo>
                    <a:lnTo>
                      <a:pt x="72" y="114"/>
                    </a:lnTo>
                    <a:lnTo>
                      <a:pt x="96" y="120"/>
                    </a:lnTo>
                    <a:lnTo>
                      <a:pt x="114" y="138"/>
                    </a:lnTo>
                    <a:lnTo>
                      <a:pt x="90" y="126"/>
                    </a:lnTo>
                    <a:lnTo>
                      <a:pt x="96" y="144"/>
                    </a:lnTo>
                    <a:lnTo>
                      <a:pt x="84" y="150"/>
                    </a:lnTo>
                    <a:lnTo>
                      <a:pt x="66" y="144"/>
                    </a:lnTo>
                    <a:lnTo>
                      <a:pt x="72" y="126"/>
                    </a:lnTo>
                    <a:lnTo>
                      <a:pt x="60" y="126"/>
                    </a:lnTo>
                    <a:lnTo>
                      <a:pt x="12" y="138"/>
                    </a:lnTo>
                    <a:lnTo>
                      <a:pt x="36" y="156"/>
                    </a:lnTo>
                    <a:lnTo>
                      <a:pt x="24" y="156"/>
                    </a:lnTo>
                    <a:lnTo>
                      <a:pt x="30" y="174"/>
                    </a:lnTo>
                    <a:lnTo>
                      <a:pt x="66" y="186"/>
                    </a:lnTo>
                    <a:lnTo>
                      <a:pt x="66" y="198"/>
                    </a:lnTo>
                    <a:lnTo>
                      <a:pt x="90" y="186"/>
                    </a:lnTo>
                    <a:lnTo>
                      <a:pt x="84" y="192"/>
                    </a:lnTo>
                    <a:lnTo>
                      <a:pt x="84" y="222"/>
                    </a:lnTo>
                    <a:lnTo>
                      <a:pt x="48" y="228"/>
                    </a:lnTo>
                    <a:lnTo>
                      <a:pt x="48" y="23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11" name="Freeform 139"/>
              <p:cNvSpPr>
                <a:spLocks noChangeAspect="1"/>
              </p:cNvSpPr>
              <p:nvPr/>
            </p:nvSpPr>
            <p:spPr bwMode="auto">
              <a:xfrm>
                <a:off x="3593" y="1546"/>
                <a:ext cx="266" cy="273"/>
              </a:xfrm>
              <a:custGeom>
                <a:avLst/>
                <a:gdLst>
                  <a:gd name="T0" fmla="*/ 131 w 348"/>
                  <a:gd name="T1" fmla="*/ 126 h 402"/>
                  <a:gd name="T2" fmla="*/ 83 w 348"/>
                  <a:gd name="T3" fmla="*/ 120 h 402"/>
                  <a:gd name="T4" fmla="*/ 0 w 348"/>
                  <a:gd name="T5" fmla="*/ 86 h 402"/>
                  <a:gd name="T6" fmla="*/ 3 w 348"/>
                  <a:gd name="T7" fmla="*/ 83 h 402"/>
                  <a:gd name="T8" fmla="*/ 5 w 348"/>
                  <a:gd name="T9" fmla="*/ 83 h 402"/>
                  <a:gd name="T10" fmla="*/ 11 w 348"/>
                  <a:gd name="T11" fmla="*/ 81 h 402"/>
                  <a:gd name="T12" fmla="*/ 8 w 348"/>
                  <a:gd name="T13" fmla="*/ 71 h 402"/>
                  <a:gd name="T14" fmla="*/ 14 w 348"/>
                  <a:gd name="T15" fmla="*/ 66 h 402"/>
                  <a:gd name="T16" fmla="*/ 16 w 348"/>
                  <a:gd name="T17" fmla="*/ 58 h 402"/>
                  <a:gd name="T18" fmla="*/ 27 w 348"/>
                  <a:gd name="T19" fmla="*/ 54 h 402"/>
                  <a:gd name="T20" fmla="*/ 18 w 348"/>
                  <a:gd name="T21" fmla="*/ 37 h 402"/>
                  <a:gd name="T22" fmla="*/ 18 w 348"/>
                  <a:gd name="T23" fmla="*/ 35 h 402"/>
                  <a:gd name="T24" fmla="*/ 21 w 348"/>
                  <a:gd name="T25" fmla="*/ 17 h 402"/>
                  <a:gd name="T26" fmla="*/ 27 w 348"/>
                  <a:gd name="T27" fmla="*/ 15 h 402"/>
                  <a:gd name="T28" fmla="*/ 35 w 348"/>
                  <a:gd name="T29" fmla="*/ 19 h 402"/>
                  <a:gd name="T30" fmla="*/ 43 w 348"/>
                  <a:gd name="T31" fmla="*/ 0 h 402"/>
                  <a:gd name="T32" fmla="*/ 155 w 348"/>
                  <a:gd name="T33" fmla="*/ 14 h 402"/>
                  <a:gd name="T34" fmla="*/ 137 w 348"/>
                  <a:gd name="T35" fmla="*/ 103 h 402"/>
                  <a:gd name="T36" fmla="*/ 131 w 348"/>
                  <a:gd name="T37" fmla="*/ 126 h 402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348"/>
                  <a:gd name="T58" fmla="*/ 0 h 402"/>
                  <a:gd name="T59" fmla="*/ 348 w 348"/>
                  <a:gd name="T60" fmla="*/ 402 h 402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348" h="402">
                    <a:moveTo>
                      <a:pt x="294" y="402"/>
                    </a:moveTo>
                    <a:lnTo>
                      <a:pt x="186" y="384"/>
                    </a:lnTo>
                    <a:lnTo>
                      <a:pt x="0" y="276"/>
                    </a:lnTo>
                    <a:lnTo>
                      <a:pt x="6" y="264"/>
                    </a:lnTo>
                    <a:lnTo>
                      <a:pt x="12" y="264"/>
                    </a:lnTo>
                    <a:lnTo>
                      <a:pt x="24" y="258"/>
                    </a:lnTo>
                    <a:lnTo>
                      <a:pt x="18" y="228"/>
                    </a:lnTo>
                    <a:lnTo>
                      <a:pt x="30" y="210"/>
                    </a:lnTo>
                    <a:lnTo>
                      <a:pt x="36" y="186"/>
                    </a:lnTo>
                    <a:lnTo>
                      <a:pt x="60" y="174"/>
                    </a:lnTo>
                    <a:lnTo>
                      <a:pt x="42" y="120"/>
                    </a:lnTo>
                    <a:lnTo>
                      <a:pt x="42" y="114"/>
                    </a:lnTo>
                    <a:lnTo>
                      <a:pt x="48" y="54"/>
                    </a:lnTo>
                    <a:lnTo>
                      <a:pt x="60" y="48"/>
                    </a:lnTo>
                    <a:lnTo>
                      <a:pt x="78" y="60"/>
                    </a:lnTo>
                    <a:lnTo>
                      <a:pt x="96" y="0"/>
                    </a:lnTo>
                    <a:lnTo>
                      <a:pt x="348" y="42"/>
                    </a:lnTo>
                    <a:lnTo>
                      <a:pt x="306" y="330"/>
                    </a:lnTo>
                    <a:lnTo>
                      <a:pt x="294" y="402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12" name="Freeform 140"/>
              <p:cNvSpPr>
                <a:spLocks noChangeAspect="1"/>
              </p:cNvSpPr>
              <p:nvPr/>
            </p:nvSpPr>
            <p:spPr bwMode="auto">
              <a:xfrm>
                <a:off x="3593" y="1546"/>
                <a:ext cx="266" cy="277"/>
              </a:xfrm>
              <a:custGeom>
                <a:avLst/>
                <a:gdLst>
                  <a:gd name="T0" fmla="*/ 131 w 348"/>
                  <a:gd name="T1" fmla="*/ 126 h 408"/>
                  <a:gd name="T2" fmla="*/ 83 w 348"/>
                  <a:gd name="T3" fmla="*/ 120 h 408"/>
                  <a:gd name="T4" fmla="*/ 0 w 348"/>
                  <a:gd name="T5" fmla="*/ 86 h 408"/>
                  <a:gd name="T6" fmla="*/ 3 w 348"/>
                  <a:gd name="T7" fmla="*/ 83 h 408"/>
                  <a:gd name="T8" fmla="*/ 5 w 348"/>
                  <a:gd name="T9" fmla="*/ 83 h 408"/>
                  <a:gd name="T10" fmla="*/ 11 w 348"/>
                  <a:gd name="T11" fmla="*/ 81 h 408"/>
                  <a:gd name="T12" fmla="*/ 8 w 348"/>
                  <a:gd name="T13" fmla="*/ 71 h 408"/>
                  <a:gd name="T14" fmla="*/ 14 w 348"/>
                  <a:gd name="T15" fmla="*/ 66 h 408"/>
                  <a:gd name="T16" fmla="*/ 16 w 348"/>
                  <a:gd name="T17" fmla="*/ 58 h 408"/>
                  <a:gd name="T18" fmla="*/ 27 w 348"/>
                  <a:gd name="T19" fmla="*/ 54 h 408"/>
                  <a:gd name="T20" fmla="*/ 18 w 348"/>
                  <a:gd name="T21" fmla="*/ 37 h 408"/>
                  <a:gd name="T22" fmla="*/ 18 w 348"/>
                  <a:gd name="T23" fmla="*/ 35 h 408"/>
                  <a:gd name="T24" fmla="*/ 21 w 348"/>
                  <a:gd name="T25" fmla="*/ 17 h 408"/>
                  <a:gd name="T26" fmla="*/ 27 w 348"/>
                  <a:gd name="T27" fmla="*/ 15 h 408"/>
                  <a:gd name="T28" fmla="*/ 35 w 348"/>
                  <a:gd name="T29" fmla="*/ 19 h 408"/>
                  <a:gd name="T30" fmla="*/ 43 w 348"/>
                  <a:gd name="T31" fmla="*/ 0 h 408"/>
                  <a:gd name="T32" fmla="*/ 155 w 348"/>
                  <a:gd name="T33" fmla="*/ 14 h 408"/>
                  <a:gd name="T34" fmla="*/ 137 w 348"/>
                  <a:gd name="T35" fmla="*/ 103 h 408"/>
                  <a:gd name="T36" fmla="*/ 131 w 348"/>
                  <a:gd name="T37" fmla="*/ 126 h 408"/>
                  <a:gd name="T38" fmla="*/ 131 w 348"/>
                  <a:gd name="T39" fmla="*/ 128 h 408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348"/>
                  <a:gd name="T61" fmla="*/ 0 h 408"/>
                  <a:gd name="T62" fmla="*/ 348 w 348"/>
                  <a:gd name="T63" fmla="*/ 408 h 408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348" h="408">
                    <a:moveTo>
                      <a:pt x="294" y="402"/>
                    </a:moveTo>
                    <a:lnTo>
                      <a:pt x="186" y="384"/>
                    </a:lnTo>
                    <a:lnTo>
                      <a:pt x="0" y="276"/>
                    </a:lnTo>
                    <a:lnTo>
                      <a:pt x="6" y="264"/>
                    </a:lnTo>
                    <a:lnTo>
                      <a:pt x="12" y="264"/>
                    </a:lnTo>
                    <a:lnTo>
                      <a:pt x="24" y="258"/>
                    </a:lnTo>
                    <a:lnTo>
                      <a:pt x="18" y="228"/>
                    </a:lnTo>
                    <a:lnTo>
                      <a:pt x="30" y="210"/>
                    </a:lnTo>
                    <a:lnTo>
                      <a:pt x="36" y="186"/>
                    </a:lnTo>
                    <a:lnTo>
                      <a:pt x="60" y="174"/>
                    </a:lnTo>
                    <a:lnTo>
                      <a:pt x="42" y="120"/>
                    </a:lnTo>
                    <a:lnTo>
                      <a:pt x="42" y="114"/>
                    </a:lnTo>
                    <a:lnTo>
                      <a:pt x="48" y="54"/>
                    </a:lnTo>
                    <a:lnTo>
                      <a:pt x="60" y="48"/>
                    </a:lnTo>
                    <a:lnTo>
                      <a:pt x="78" y="60"/>
                    </a:lnTo>
                    <a:lnTo>
                      <a:pt x="96" y="0"/>
                    </a:lnTo>
                    <a:lnTo>
                      <a:pt x="348" y="42"/>
                    </a:lnTo>
                    <a:lnTo>
                      <a:pt x="306" y="330"/>
                    </a:lnTo>
                    <a:lnTo>
                      <a:pt x="294" y="402"/>
                    </a:lnTo>
                    <a:lnTo>
                      <a:pt x="294" y="40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13" name="Freeform 141"/>
              <p:cNvSpPr>
                <a:spLocks noChangeAspect="1"/>
              </p:cNvSpPr>
              <p:nvPr/>
            </p:nvSpPr>
            <p:spPr bwMode="auto">
              <a:xfrm>
                <a:off x="4417" y="1624"/>
                <a:ext cx="197" cy="154"/>
              </a:xfrm>
              <a:custGeom>
                <a:avLst/>
                <a:gdLst>
                  <a:gd name="T0" fmla="*/ 82 w 258"/>
                  <a:gd name="T1" fmla="*/ 70 h 228"/>
                  <a:gd name="T2" fmla="*/ 14 w 258"/>
                  <a:gd name="T3" fmla="*/ 70 h 228"/>
                  <a:gd name="T4" fmla="*/ 14 w 258"/>
                  <a:gd name="T5" fmla="*/ 59 h 228"/>
                  <a:gd name="T6" fmla="*/ 3 w 258"/>
                  <a:gd name="T7" fmla="*/ 57 h 228"/>
                  <a:gd name="T8" fmla="*/ 5 w 258"/>
                  <a:gd name="T9" fmla="*/ 24 h 228"/>
                  <a:gd name="T10" fmla="*/ 0 w 258"/>
                  <a:gd name="T11" fmla="*/ 2 h 228"/>
                  <a:gd name="T12" fmla="*/ 102 w 258"/>
                  <a:gd name="T13" fmla="*/ 0 h 228"/>
                  <a:gd name="T14" fmla="*/ 105 w 258"/>
                  <a:gd name="T15" fmla="*/ 3 h 228"/>
                  <a:gd name="T16" fmla="*/ 96 w 258"/>
                  <a:gd name="T17" fmla="*/ 9 h 228"/>
                  <a:gd name="T18" fmla="*/ 115 w 258"/>
                  <a:gd name="T19" fmla="*/ 9 h 228"/>
                  <a:gd name="T20" fmla="*/ 107 w 258"/>
                  <a:gd name="T21" fmla="*/ 15 h 228"/>
                  <a:gd name="T22" fmla="*/ 110 w 258"/>
                  <a:gd name="T23" fmla="*/ 19 h 228"/>
                  <a:gd name="T24" fmla="*/ 102 w 258"/>
                  <a:gd name="T25" fmla="*/ 20 h 228"/>
                  <a:gd name="T26" fmla="*/ 107 w 258"/>
                  <a:gd name="T27" fmla="*/ 26 h 228"/>
                  <a:gd name="T28" fmla="*/ 102 w 258"/>
                  <a:gd name="T29" fmla="*/ 30 h 228"/>
                  <a:gd name="T30" fmla="*/ 96 w 258"/>
                  <a:gd name="T31" fmla="*/ 33 h 228"/>
                  <a:gd name="T32" fmla="*/ 96 w 258"/>
                  <a:gd name="T33" fmla="*/ 41 h 228"/>
                  <a:gd name="T34" fmla="*/ 82 w 258"/>
                  <a:gd name="T35" fmla="*/ 50 h 228"/>
                  <a:gd name="T36" fmla="*/ 86 w 258"/>
                  <a:gd name="T37" fmla="*/ 55 h 228"/>
                  <a:gd name="T38" fmla="*/ 80 w 258"/>
                  <a:gd name="T39" fmla="*/ 55 h 228"/>
                  <a:gd name="T40" fmla="*/ 80 w 258"/>
                  <a:gd name="T41" fmla="*/ 61 h 228"/>
                  <a:gd name="T42" fmla="*/ 86 w 258"/>
                  <a:gd name="T43" fmla="*/ 61 h 228"/>
                  <a:gd name="T44" fmla="*/ 82 w 258"/>
                  <a:gd name="T45" fmla="*/ 63 h 228"/>
                  <a:gd name="T46" fmla="*/ 86 w 258"/>
                  <a:gd name="T47" fmla="*/ 65 h 228"/>
                  <a:gd name="T48" fmla="*/ 82 w 258"/>
                  <a:gd name="T49" fmla="*/ 68 h 228"/>
                  <a:gd name="T50" fmla="*/ 82 w 258"/>
                  <a:gd name="T51" fmla="*/ 70 h 228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258"/>
                  <a:gd name="T79" fmla="*/ 0 h 228"/>
                  <a:gd name="T80" fmla="*/ 258 w 258"/>
                  <a:gd name="T81" fmla="*/ 228 h 228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258" h="228">
                    <a:moveTo>
                      <a:pt x="186" y="228"/>
                    </a:moveTo>
                    <a:lnTo>
                      <a:pt x="30" y="228"/>
                    </a:lnTo>
                    <a:lnTo>
                      <a:pt x="30" y="192"/>
                    </a:lnTo>
                    <a:lnTo>
                      <a:pt x="6" y="186"/>
                    </a:lnTo>
                    <a:lnTo>
                      <a:pt x="12" y="78"/>
                    </a:lnTo>
                    <a:lnTo>
                      <a:pt x="0" y="6"/>
                    </a:lnTo>
                    <a:lnTo>
                      <a:pt x="228" y="0"/>
                    </a:lnTo>
                    <a:lnTo>
                      <a:pt x="234" y="12"/>
                    </a:lnTo>
                    <a:lnTo>
                      <a:pt x="216" y="30"/>
                    </a:lnTo>
                    <a:lnTo>
                      <a:pt x="258" y="30"/>
                    </a:lnTo>
                    <a:lnTo>
                      <a:pt x="240" y="48"/>
                    </a:lnTo>
                    <a:lnTo>
                      <a:pt x="246" y="60"/>
                    </a:lnTo>
                    <a:lnTo>
                      <a:pt x="228" y="66"/>
                    </a:lnTo>
                    <a:lnTo>
                      <a:pt x="240" y="84"/>
                    </a:lnTo>
                    <a:lnTo>
                      <a:pt x="228" y="96"/>
                    </a:lnTo>
                    <a:lnTo>
                      <a:pt x="216" y="108"/>
                    </a:lnTo>
                    <a:lnTo>
                      <a:pt x="216" y="132"/>
                    </a:lnTo>
                    <a:lnTo>
                      <a:pt x="186" y="162"/>
                    </a:lnTo>
                    <a:lnTo>
                      <a:pt x="192" y="180"/>
                    </a:lnTo>
                    <a:lnTo>
                      <a:pt x="180" y="180"/>
                    </a:lnTo>
                    <a:lnTo>
                      <a:pt x="180" y="198"/>
                    </a:lnTo>
                    <a:lnTo>
                      <a:pt x="192" y="198"/>
                    </a:lnTo>
                    <a:lnTo>
                      <a:pt x="186" y="204"/>
                    </a:lnTo>
                    <a:lnTo>
                      <a:pt x="192" y="210"/>
                    </a:lnTo>
                    <a:lnTo>
                      <a:pt x="186" y="222"/>
                    </a:lnTo>
                    <a:lnTo>
                      <a:pt x="186" y="22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14" name="Freeform 142"/>
              <p:cNvSpPr>
                <a:spLocks noChangeAspect="1"/>
              </p:cNvSpPr>
              <p:nvPr/>
            </p:nvSpPr>
            <p:spPr bwMode="auto">
              <a:xfrm>
                <a:off x="4417" y="1624"/>
                <a:ext cx="197" cy="158"/>
              </a:xfrm>
              <a:custGeom>
                <a:avLst/>
                <a:gdLst>
                  <a:gd name="T0" fmla="*/ 82 w 258"/>
                  <a:gd name="T1" fmla="*/ 70 h 234"/>
                  <a:gd name="T2" fmla="*/ 14 w 258"/>
                  <a:gd name="T3" fmla="*/ 70 h 234"/>
                  <a:gd name="T4" fmla="*/ 14 w 258"/>
                  <a:gd name="T5" fmla="*/ 59 h 234"/>
                  <a:gd name="T6" fmla="*/ 3 w 258"/>
                  <a:gd name="T7" fmla="*/ 57 h 234"/>
                  <a:gd name="T8" fmla="*/ 5 w 258"/>
                  <a:gd name="T9" fmla="*/ 24 h 234"/>
                  <a:gd name="T10" fmla="*/ 0 w 258"/>
                  <a:gd name="T11" fmla="*/ 2 h 234"/>
                  <a:gd name="T12" fmla="*/ 102 w 258"/>
                  <a:gd name="T13" fmla="*/ 0 h 234"/>
                  <a:gd name="T14" fmla="*/ 105 w 258"/>
                  <a:gd name="T15" fmla="*/ 3 h 234"/>
                  <a:gd name="T16" fmla="*/ 96 w 258"/>
                  <a:gd name="T17" fmla="*/ 9 h 234"/>
                  <a:gd name="T18" fmla="*/ 115 w 258"/>
                  <a:gd name="T19" fmla="*/ 9 h 234"/>
                  <a:gd name="T20" fmla="*/ 107 w 258"/>
                  <a:gd name="T21" fmla="*/ 15 h 234"/>
                  <a:gd name="T22" fmla="*/ 110 w 258"/>
                  <a:gd name="T23" fmla="*/ 19 h 234"/>
                  <a:gd name="T24" fmla="*/ 102 w 258"/>
                  <a:gd name="T25" fmla="*/ 20 h 234"/>
                  <a:gd name="T26" fmla="*/ 107 w 258"/>
                  <a:gd name="T27" fmla="*/ 26 h 234"/>
                  <a:gd name="T28" fmla="*/ 102 w 258"/>
                  <a:gd name="T29" fmla="*/ 30 h 234"/>
                  <a:gd name="T30" fmla="*/ 96 w 258"/>
                  <a:gd name="T31" fmla="*/ 33 h 234"/>
                  <a:gd name="T32" fmla="*/ 96 w 258"/>
                  <a:gd name="T33" fmla="*/ 41 h 234"/>
                  <a:gd name="T34" fmla="*/ 82 w 258"/>
                  <a:gd name="T35" fmla="*/ 50 h 234"/>
                  <a:gd name="T36" fmla="*/ 86 w 258"/>
                  <a:gd name="T37" fmla="*/ 55 h 234"/>
                  <a:gd name="T38" fmla="*/ 80 w 258"/>
                  <a:gd name="T39" fmla="*/ 55 h 234"/>
                  <a:gd name="T40" fmla="*/ 80 w 258"/>
                  <a:gd name="T41" fmla="*/ 61 h 234"/>
                  <a:gd name="T42" fmla="*/ 86 w 258"/>
                  <a:gd name="T43" fmla="*/ 61 h 234"/>
                  <a:gd name="T44" fmla="*/ 82 w 258"/>
                  <a:gd name="T45" fmla="*/ 63 h 234"/>
                  <a:gd name="T46" fmla="*/ 86 w 258"/>
                  <a:gd name="T47" fmla="*/ 65 h 234"/>
                  <a:gd name="T48" fmla="*/ 82 w 258"/>
                  <a:gd name="T49" fmla="*/ 68 h 234"/>
                  <a:gd name="T50" fmla="*/ 82 w 258"/>
                  <a:gd name="T51" fmla="*/ 70 h 234"/>
                  <a:gd name="T52" fmla="*/ 82 w 258"/>
                  <a:gd name="T53" fmla="*/ 72 h 234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258"/>
                  <a:gd name="T82" fmla="*/ 0 h 234"/>
                  <a:gd name="T83" fmla="*/ 258 w 258"/>
                  <a:gd name="T84" fmla="*/ 234 h 234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258" h="234">
                    <a:moveTo>
                      <a:pt x="186" y="228"/>
                    </a:moveTo>
                    <a:lnTo>
                      <a:pt x="30" y="228"/>
                    </a:lnTo>
                    <a:lnTo>
                      <a:pt x="30" y="192"/>
                    </a:lnTo>
                    <a:lnTo>
                      <a:pt x="6" y="186"/>
                    </a:lnTo>
                    <a:lnTo>
                      <a:pt x="12" y="78"/>
                    </a:lnTo>
                    <a:lnTo>
                      <a:pt x="0" y="6"/>
                    </a:lnTo>
                    <a:lnTo>
                      <a:pt x="228" y="0"/>
                    </a:lnTo>
                    <a:lnTo>
                      <a:pt x="234" y="12"/>
                    </a:lnTo>
                    <a:lnTo>
                      <a:pt x="216" y="30"/>
                    </a:lnTo>
                    <a:lnTo>
                      <a:pt x="258" y="30"/>
                    </a:lnTo>
                    <a:lnTo>
                      <a:pt x="240" y="48"/>
                    </a:lnTo>
                    <a:lnTo>
                      <a:pt x="246" y="60"/>
                    </a:lnTo>
                    <a:lnTo>
                      <a:pt x="228" y="66"/>
                    </a:lnTo>
                    <a:lnTo>
                      <a:pt x="240" y="84"/>
                    </a:lnTo>
                    <a:lnTo>
                      <a:pt x="228" y="96"/>
                    </a:lnTo>
                    <a:lnTo>
                      <a:pt x="216" y="108"/>
                    </a:lnTo>
                    <a:lnTo>
                      <a:pt x="216" y="132"/>
                    </a:lnTo>
                    <a:lnTo>
                      <a:pt x="186" y="162"/>
                    </a:lnTo>
                    <a:lnTo>
                      <a:pt x="192" y="180"/>
                    </a:lnTo>
                    <a:lnTo>
                      <a:pt x="180" y="180"/>
                    </a:lnTo>
                    <a:lnTo>
                      <a:pt x="180" y="198"/>
                    </a:lnTo>
                    <a:lnTo>
                      <a:pt x="192" y="198"/>
                    </a:lnTo>
                    <a:lnTo>
                      <a:pt x="186" y="204"/>
                    </a:lnTo>
                    <a:lnTo>
                      <a:pt x="192" y="210"/>
                    </a:lnTo>
                    <a:lnTo>
                      <a:pt x="186" y="222"/>
                    </a:lnTo>
                    <a:lnTo>
                      <a:pt x="186" y="228"/>
                    </a:lnTo>
                    <a:lnTo>
                      <a:pt x="186" y="23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15" name="Freeform 143"/>
              <p:cNvSpPr>
                <a:spLocks noChangeAspect="1"/>
              </p:cNvSpPr>
              <p:nvPr/>
            </p:nvSpPr>
            <p:spPr bwMode="auto">
              <a:xfrm>
                <a:off x="3328" y="1253"/>
                <a:ext cx="311" cy="472"/>
              </a:xfrm>
              <a:custGeom>
                <a:avLst/>
                <a:gdLst>
                  <a:gd name="T0" fmla="*/ 157 w 408"/>
                  <a:gd name="T1" fmla="*/ 217 h 696"/>
                  <a:gd name="T2" fmla="*/ 101 w 408"/>
                  <a:gd name="T3" fmla="*/ 212 h 696"/>
                  <a:gd name="T4" fmla="*/ 98 w 408"/>
                  <a:gd name="T5" fmla="*/ 197 h 696"/>
                  <a:gd name="T6" fmla="*/ 88 w 408"/>
                  <a:gd name="T7" fmla="*/ 184 h 696"/>
                  <a:gd name="T8" fmla="*/ 79 w 408"/>
                  <a:gd name="T9" fmla="*/ 184 h 696"/>
                  <a:gd name="T10" fmla="*/ 79 w 408"/>
                  <a:gd name="T11" fmla="*/ 178 h 696"/>
                  <a:gd name="T12" fmla="*/ 66 w 408"/>
                  <a:gd name="T13" fmla="*/ 174 h 696"/>
                  <a:gd name="T14" fmla="*/ 59 w 408"/>
                  <a:gd name="T15" fmla="*/ 165 h 696"/>
                  <a:gd name="T16" fmla="*/ 40 w 408"/>
                  <a:gd name="T17" fmla="*/ 161 h 696"/>
                  <a:gd name="T18" fmla="*/ 34 w 408"/>
                  <a:gd name="T19" fmla="*/ 159 h 696"/>
                  <a:gd name="T20" fmla="*/ 40 w 408"/>
                  <a:gd name="T21" fmla="*/ 146 h 696"/>
                  <a:gd name="T22" fmla="*/ 34 w 408"/>
                  <a:gd name="T23" fmla="*/ 144 h 696"/>
                  <a:gd name="T24" fmla="*/ 37 w 408"/>
                  <a:gd name="T25" fmla="*/ 140 h 696"/>
                  <a:gd name="T26" fmla="*/ 21 w 408"/>
                  <a:gd name="T27" fmla="*/ 119 h 696"/>
                  <a:gd name="T28" fmla="*/ 21 w 408"/>
                  <a:gd name="T29" fmla="*/ 114 h 696"/>
                  <a:gd name="T30" fmla="*/ 27 w 408"/>
                  <a:gd name="T31" fmla="*/ 109 h 696"/>
                  <a:gd name="T32" fmla="*/ 16 w 408"/>
                  <a:gd name="T33" fmla="*/ 99 h 696"/>
                  <a:gd name="T34" fmla="*/ 18 w 408"/>
                  <a:gd name="T35" fmla="*/ 88 h 696"/>
                  <a:gd name="T36" fmla="*/ 27 w 408"/>
                  <a:gd name="T37" fmla="*/ 98 h 696"/>
                  <a:gd name="T38" fmla="*/ 21 w 408"/>
                  <a:gd name="T39" fmla="*/ 86 h 696"/>
                  <a:gd name="T40" fmla="*/ 29 w 408"/>
                  <a:gd name="T41" fmla="*/ 84 h 696"/>
                  <a:gd name="T42" fmla="*/ 21 w 408"/>
                  <a:gd name="T43" fmla="*/ 81 h 696"/>
                  <a:gd name="T44" fmla="*/ 18 w 408"/>
                  <a:gd name="T45" fmla="*/ 88 h 696"/>
                  <a:gd name="T46" fmla="*/ 14 w 408"/>
                  <a:gd name="T47" fmla="*/ 81 h 696"/>
                  <a:gd name="T48" fmla="*/ 11 w 408"/>
                  <a:gd name="T49" fmla="*/ 82 h 696"/>
                  <a:gd name="T50" fmla="*/ 14 w 408"/>
                  <a:gd name="T51" fmla="*/ 79 h 696"/>
                  <a:gd name="T52" fmla="*/ 3 w 408"/>
                  <a:gd name="T53" fmla="*/ 60 h 696"/>
                  <a:gd name="T54" fmla="*/ 8 w 408"/>
                  <a:gd name="T55" fmla="*/ 43 h 696"/>
                  <a:gd name="T56" fmla="*/ 0 w 408"/>
                  <a:gd name="T57" fmla="*/ 28 h 696"/>
                  <a:gd name="T58" fmla="*/ 11 w 408"/>
                  <a:gd name="T59" fmla="*/ 19 h 696"/>
                  <a:gd name="T60" fmla="*/ 18 w 408"/>
                  <a:gd name="T61" fmla="*/ 0 h 696"/>
                  <a:gd name="T62" fmla="*/ 101 w 408"/>
                  <a:gd name="T63" fmla="*/ 17 h 696"/>
                  <a:gd name="T64" fmla="*/ 79 w 408"/>
                  <a:gd name="T65" fmla="*/ 75 h 696"/>
                  <a:gd name="T66" fmla="*/ 172 w 408"/>
                  <a:gd name="T67" fmla="*/ 172 h 696"/>
                  <a:gd name="T68" fmla="*/ 181 w 408"/>
                  <a:gd name="T69" fmla="*/ 189 h 696"/>
                  <a:gd name="T70" fmla="*/ 170 w 408"/>
                  <a:gd name="T71" fmla="*/ 193 h 696"/>
                  <a:gd name="T72" fmla="*/ 168 w 408"/>
                  <a:gd name="T73" fmla="*/ 200 h 696"/>
                  <a:gd name="T74" fmla="*/ 162 w 408"/>
                  <a:gd name="T75" fmla="*/ 206 h 696"/>
                  <a:gd name="T76" fmla="*/ 165 w 408"/>
                  <a:gd name="T77" fmla="*/ 215 h 696"/>
                  <a:gd name="T78" fmla="*/ 159 w 408"/>
                  <a:gd name="T79" fmla="*/ 217 h 696"/>
                  <a:gd name="T80" fmla="*/ 157 w 408"/>
                  <a:gd name="T81" fmla="*/ 217 h 69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w 408"/>
                  <a:gd name="T124" fmla="*/ 0 h 696"/>
                  <a:gd name="T125" fmla="*/ 408 w 408"/>
                  <a:gd name="T126" fmla="*/ 696 h 696"/>
                </a:gdLst>
                <a:ahLst/>
                <a:cxnLst>
                  <a:cxn ang="T82">
                    <a:pos x="T0" y="T1"/>
                  </a:cxn>
                  <a:cxn ang="T83">
                    <a:pos x="T2" y="T3"/>
                  </a:cxn>
                  <a:cxn ang="T84">
                    <a:pos x="T4" y="T5"/>
                  </a:cxn>
                  <a:cxn ang="T85">
                    <a:pos x="T6" y="T7"/>
                  </a:cxn>
                  <a:cxn ang="T86">
                    <a:pos x="T8" y="T9"/>
                  </a:cxn>
                  <a:cxn ang="T87">
                    <a:pos x="T10" y="T11"/>
                  </a:cxn>
                  <a:cxn ang="T88">
                    <a:pos x="T12" y="T13"/>
                  </a:cxn>
                  <a:cxn ang="T89">
                    <a:pos x="T14" y="T15"/>
                  </a:cxn>
                  <a:cxn ang="T90">
                    <a:pos x="T16" y="T17"/>
                  </a:cxn>
                  <a:cxn ang="T91">
                    <a:pos x="T18" y="T19"/>
                  </a:cxn>
                  <a:cxn ang="T92">
                    <a:pos x="T20" y="T21"/>
                  </a:cxn>
                  <a:cxn ang="T93">
                    <a:pos x="T22" y="T23"/>
                  </a:cxn>
                  <a:cxn ang="T94">
                    <a:pos x="T24" y="T25"/>
                  </a:cxn>
                  <a:cxn ang="T95">
                    <a:pos x="T26" y="T27"/>
                  </a:cxn>
                  <a:cxn ang="T96">
                    <a:pos x="T28" y="T29"/>
                  </a:cxn>
                  <a:cxn ang="T97">
                    <a:pos x="T30" y="T31"/>
                  </a:cxn>
                  <a:cxn ang="T98">
                    <a:pos x="T32" y="T33"/>
                  </a:cxn>
                  <a:cxn ang="T99">
                    <a:pos x="T34" y="T35"/>
                  </a:cxn>
                  <a:cxn ang="T100">
                    <a:pos x="T36" y="T37"/>
                  </a:cxn>
                  <a:cxn ang="T101">
                    <a:pos x="T38" y="T39"/>
                  </a:cxn>
                  <a:cxn ang="T102">
                    <a:pos x="T40" y="T41"/>
                  </a:cxn>
                  <a:cxn ang="T103">
                    <a:pos x="T42" y="T43"/>
                  </a:cxn>
                  <a:cxn ang="T104">
                    <a:pos x="T44" y="T45"/>
                  </a:cxn>
                  <a:cxn ang="T105">
                    <a:pos x="T46" y="T47"/>
                  </a:cxn>
                  <a:cxn ang="T106">
                    <a:pos x="T48" y="T49"/>
                  </a:cxn>
                  <a:cxn ang="T107">
                    <a:pos x="T50" y="T51"/>
                  </a:cxn>
                  <a:cxn ang="T108">
                    <a:pos x="T52" y="T53"/>
                  </a:cxn>
                  <a:cxn ang="T109">
                    <a:pos x="T54" y="T55"/>
                  </a:cxn>
                  <a:cxn ang="T110">
                    <a:pos x="T56" y="T57"/>
                  </a:cxn>
                  <a:cxn ang="T111">
                    <a:pos x="T58" y="T59"/>
                  </a:cxn>
                  <a:cxn ang="T112">
                    <a:pos x="T60" y="T61"/>
                  </a:cxn>
                  <a:cxn ang="T113">
                    <a:pos x="T62" y="T63"/>
                  </a:cxn>
                  <a:cxn ang="T114">
                    <a:pos x="T64" y="T65"/>
                  </a:cxn>
                  <a:cxn ang="T115">
                    <a:pos x="T66" y="T67"/>
                  </a:cxn>
                  <a:cxn ang="T116">
                    <a:pos x="T68" y="T69"/>
                  </a:cxn>
                  <a:cxn ang="T117">
                    <a:pos x="T70" y="T71"/>
                  </a:cxn>
                  <a:cxn ang="T118">
                    <a:pos x="T72" y="T73"/>
                  </a:cxn>
                  <a:cxn ang="T119">
                    <a:pos x="T74" y="T75"/>
                  </a:cxn>
                  <a:cxn ang="T120">
                    <a:pos x="T76" y="T77"/>
                  </a:cxn>
                  <a:cxn ang="T121">
                    <a:pos x="T78" y="T79"/>
                  </a:cxn>
                  <a:cxn ang="T122">
                    <a:pos x="T80" y="T81"/>
                  </a:cxn>
                </a:cxnLst>
                <a:rect l="T123" t="T124" r="T125" b="T126"/>
                <a:pathLst>
                  <a:path w="408" h="696">
                    <a:moveTo>
                      <a:pt x="354" y="696"/>
                    </a:moveTo>
                    <a:lnTo>
                      <a:pt x="228" y="678"/>
                    </a:lnTo>
                    <a:lnTo>
                      <a:pt x="222" y="630"/>
                    </a:lnTo>
                    <a:lnTo>
                      <a:pt x="198" y="588"/>
                    </a:lnTo>
                    <a:lnTo>
                      <a:pt x="180" y="588"/>
                    </a:lnTo>
                    <a:lnTo>
                      <a:pt x="180" y="570"/>
                    </a:lnTo>
                    <a:lnTo>
                      <a:pt x="150" y="558"/>
                    </a:lnTo>
                    <a:lnTo>
                      <a:pt x="132" y="528"/>
                    </a:lnTo>
                    <a:lnTo>
                      <a:pt x="90" y="516"/>
                    </a:lnTo>
                    <a:lnTo>
                      <a:pt x="78" y="510"/>
                    </a:lnTo>
                    <a:lnTo>
                      <a:pt x="90" y="468"/>
                    </a:lnTo>
                    <a:lnTo>
                      <a:pt x="78" y="462"/>
                    </a:lnTo>
                    <a:lnTo>
                      <a:pt x="84" y="450"/>
                    </a:lnTo>
                    <a:lnTo>
                      <a:pt x="48" y="384"/>
                    </a:lnTo>
                    <a:lnTo>
                      <a:pt x="48" y="366"/>
                    </a:lnTo>
                    <a:lnTo>
                      <a:pt x="60" y="348"/>
                    </a:lnTo>
                    <a:lnTo>
                      <a:pt x="36" y="318"/>
                    </a:lnTo>
                    <a:lnTo>
                      <a:pt x="42" y="282"/>
                    </a:lnTo>
                    <a:lnTo>
                      <a:pt x="60" y="312"/>
                    </a:lnTo>
                    <a:lnTo>
                      <a:pt x="48" y="276"/>
                    </a:lnTo>
                    <a:lnTo>
                      <a:pt x="66" y="270"/>
                    </a:lnTo>
                    <a:lnTo>
                      <a:pt x="48" y="258"/>
                    </a:lnTo>
                    <a:lnTo>
                      <a:pt x="42" y="282"/>
                    </a:lnTo>
                    <a:lnTo>
                      <a:pt x="30" y="258"/>
                    </a:lnTo>
                    <a:lnTo>
                      <a:pt x="24" y="264"/>
                    </a:lnTo>
                    <a:lnTo>
                      <a:pt x="30" y="252"/>
                    </a:lnTo>
                    <a:lnTo>
                      <a:pt x="6" y="192"/>
                    </a:lnTo>
                    <a:lnTo>
                      <a:pt x="18" y="138"/>
                    </a:lnTo>
                    <a:lnTo>
                      <a:pt x="0" y="90"/>
                    </a:lnTo>
                    <a:lnTo>
                      <a:pt x="24" y="60"/>
                    </a:lnTo>
                    <a:lnTo>
                      <a:pt x="42" y="0"/>
                    </a:lnTo>
                    <a:lnTo>
                      <a:pt x="228" y="54"/>
                    </a:lnTo>
                    <a:lnTo>
                      <a:pt x="180" y="240"/>
                    </a:lnTo>
                    <a:lnTo>
                      <a:pt x="390" y="552"/>
                    </a:lnTo>
                    <a:lnTo>
                      <a:pt x="408" y="606"/>
                    </a:lnTo>
                    <a:lnTo>
                      <a:pt x="384" y="618"/>
                    </a:lnTo>
                    <a:lnTo>
                      <a:pt x="378" y="642"/>
                    </a:lnTo>
                    <a:lnTo>
                      <a:pt x="366" y="660"/>
                    </a:lnTo>
                    <a:lnTo>
                      <a:pt x="372" y="690"/>
                    </a:lnTo>
                    <a:lnTo>
                      <a:pt x="360" y="696"/>
                    </a:lnTo>
                    <a:lnTo>
                      <a:pt x="354" y="69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16" name="Freeform 144"/>
              <p:cNvSpPr>
                <a:spLocks noChangeAspect="1"/>
              </p:cNvSpPr>
              <p:nvPr/>
            </p:nvSpPr>
            <p:spPr bwMode="auto">
              <a:xfrm>
                <a:off x="3328" y="1253"/>
                <a:ext cx="311" cy="477"/>
              </a:xfrm>
              <a:custGeom>
                <a:avLst/>
                <a:gdLst>
                  <a:gd name="T0" fmla="*/ 157 w 408"/>
                  <a:gd name="T1" fmla="*/ 218 h 702"/>
                  <a:gd name="T2" fmla="*/ 101 w 408"/>
                  <a:gd name="T3" fmla="*/ 213 h 702"/>
                  <a:gd name="T4" fmla="*/ 98 w 408"/>
                  <a:gd name="T5" fmla="*/ 198 h 702"/>
                  <a:gd name="T6" fmla="*/ 88 w 408"/>
                  <a:gd name="T7" fmla="*/ 185 h 702"/>
                  <a:gd name="T8" fmla="*/ 79 w 408"/>
                  <a:gd name="T9" fmla="*/ 185 h 702"/>
                  <a:gd name="T10" fmla="*/ 79 w 408"/>
                  <a:gd name="T11" fmla="*/ 179 h 702"/>
                  <a:gd name="T12" fmla="*/ 66 w 408"/>
                  <a:gd name="T13" fmla="*/ 175 h 702"/>
                  <a:gd name="T14" fmla="*/ 59 w 408"/>
                  <a:gd name="T15" fmla="*/ 166 h 702"/>
                  <a:gd name="T16" fmla="*/ 40 w 408"/>
                  <a:gd name="T17" fmla="*/ 162 h 702"/>
                  <a:gd name="T18" fmla="*/ 34 w 408"/>
                  <a:gd name="T19" fmla="*/ 160 h 702"/>
                  <a:gd name="T20" fmla="*/ 40 w 408"/>
                  <a:gd name="T21" fmla="*/ 147 h 702"/>
                  <a:gd name="T22" fmla="*/ 34 w 408"/>
                  <a:gd name="T23" fmla="*/ 145 h 702"/>
                  <a:gd name="T24" fmla="*/ 37 w 408"/>
                  <a:gd name="T25" fmla="*/ 141 h 702"/>
                  <a:gd name="T26" fmla="*/ 21 w 408"/>
                  <a:gd name="T27" fmla="*/ 120 h 702"/>
                  <a:gd name="T28" fmla="*/ 21 w 408"/>
                  <a:gd name="T29" fmla="*/ 115 h 702"/>
                  <a:gd name="T30" fmla="*/ 27 w 408"/>
                  <a:gd name="T31" fmla="*/ 109 h 702"/>
                  <a:gd name="T32" fmla="*/ 16 w 408"/>
                  <a:gd name="T33" fmla="*/ 100 h 702"/>
                  <a:gd name="T34" fmla="*/ 18 w 408"/>
                  <a:gd name="T35" fmla="*/ 88 h 702"/>
                  <a:gd name="T36" fmla="*/ 27 w 408"/>
                  <a:gd name="T37" fmla="*/ 98 h 702"/>
                  <a:gd name="T38" fmla="*/ 21 w 408"/>
                  <a:gd name="T39" fmla="*/ 87 h 702"/>
                  <a:gd name="T40" fmla="*/ 29 w 408"/>
                  <a:gd name="T41" fmla="*/ 84 h 702"/>
                  <a:gd name="T42" fmla="*/ 21 w 408"/>
                  <a:gd name="T43" fmla="*/ 81 h 702"/>
                  <a:gd name="T44" fmla="*/ 18 w 408"/>
                  <a:gd name="T45" fmla="*/ 88 h 702"/>
                  <a:gd name="T46" fmla="*/ 14 w 408"/>
                  <a:gd name="T47" fmla="*/ 81 h 702"/>
                  <a:gd name="T48" fmla="*/ 11 w 408"/>
                  <a:gd name="T49" fmla="*/ 83 h 702"/>
                  <a:gd name="T50" fmla="*/ 14 w 408"/>
                  <a:gd name="T51" fmla="*/ 79 h 702"/>
                  <a:gd name="T52" fmla="*/ 3 w 408"/>
                  <a:gd name="T53" fmla="*/ 60 h 702"/>
                  <a:gd name="T54" fmla="*/ 8 w 408"/>
                  <a:gd name="T55" fmla="*/ 43 h 702"/>
                  <a:gd name="T56" fmla="*/ 0 w 408"/>
                  <a:gd name="T57" fmla="*/ 28 h 702"/>
                  <a:gd name="T58" fmla="*/ 11 w 408"/>
                  <a:gd name="T59" fmla="*/ 19 h 702"/>
                  <a:gd name="T60" fmla="*/ 18 w 408"/>
                  <a:gd name="T61" fmla="*/ 0 h 702"/>
                  <a:gd name="T62" fmla="*/ 101 w 408"/>
                  <a:gd name="T63" fmla="*/ 17 h 702"/>
                  <a:gd name="T64" fmla="*/ 79 w 408"/>
                  <a:gd name="T65" fmla="*/ 75 h 702"/>
                  <a:gd name="T66" fmla="*/ 172 w 408"/>
                  <a:gd name="T67" fmla="*/ 173 h 702"/>
                  <a:gd name="T68" fmla="*/ 181 w 408"/>
                  <a:gd name="T69" fmla="*/ 190 h 702"/>
                  <a:gd name="T70" fmla="*/ 170 w 408"/>
                  <a:gd name="T71" fmla="*/ 194 h 702"/>
                  <a:gd name="T72" fmla="*/ 168 w 408"/>
                  <a:gd name="T73" fmla="*/ 201 h 702"/>
                  <a:gd name="T74" fmla="*/ 162 w 408"/>
                  <a:gd name="T75" fmla="*/ 207 h 702"/>
                  <a:gd name="T76" fmla="*/ 165 w 408"/>
                  <a:gd name="T77" fmla="*/ 217 h 702"/>
                  <a:gd name="T78" fmla="*/ 159 w 408"/>
                  <a:gd name="T79" fmla="*/ 218 h 702"/>
                  <a:gd name="T80" fmla="*/ 157 w 408"/>
                  <a:gd name="T81" fmla="*/ 218 h 702"/>
                  <a:gd name="T82" fmla="*/ 157 w 408"/>
                  <a:gd name="T83" fmla="*/ 220 h 702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408"/>
                  <a:gd name="T127" fmla="*/ 0 h 702"/>
                  <a:gd name="T128" fmla="*/ 408 w 408"/>
                  <a:gd name="T129" fmla="*/ 702 h 702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408" h="702">
                    <a:moveTo>
                      <a:pt x="354" y="696"/>
                    </a:moveTo>
                    <a:lnTo>
                      <a:pt x="228" y="678"/>
                    </a:lnTo>
                    <a:lnTo>
                      <a:pt x="222" y="630"/>
                    </a:lnTo>
                    <a:lnTo>
                      <a:pt x="198" y="588"/>
                    </a:lnTo>
                    <a:lnTo>
                      <a:pt x="180" y="588"/>
                    </a:lnTo>
                    <a:lnTo>
                      <a:pt x="180" y="570"/>
                    </a:lnTo>
                    <a:lnTo>
                      <a:pt x="150" y="558"/>
                    </a:lnTo>
                    <a:lnTo>
                      <a:pt x="132" y="528"/>
                    </a:lnTo>
                    <a:lnTo>
                      <a:pt x="90" y="516"/>
                    </a:lnTo>
                    <a:lnTo>
                      <a:pt x="78" y="510"/>
                    </a:lnTo>
                    <a:lnTo>
                      <a:pt x="90" y="468"/>
                    </a:lnTo>
                    <a:lnTo>
                      <a:pt x="78" y="462"/>
                    </a:lnTo>
                    <a:lnTo>
                      <a:pt x="84" y="450"/>
                    </a:lnTo>
                    <a:lnTo>
                      <a:pt x="48" y="384"/>
                    </a:lnTo>
                    <a:lnTo>
                      <a:pt x="48" y="366"/>
                    </a:lnTo>
                    <a:lnTo>
                      <a:pt x="60" y="348"/>
                    </a:lnTo>
                    <a:lnTo>
                      <a:pt x="36" y="318"/>
                    </a:lnTo>
                    <a:lnTo>
                      <a:pt x="42" y="282"/>
                    </a:lnTo>
                    <a:lnTo>
                      <a:pt x="60" y="312"/>
                    </a:lnTo>
                    <a:lnTo>
                      <a:pt x="48" y="276"/>
                    </a:lnTo>
                    <a:lnTo>
                      <a:pt x="66" y="270"/>
                    </a:lnTo>
                    <a:lnTo>
                      <a:pt x="48" y="258"/>
                    </a:lnTo>
                    <a:lnTo>
                      <a:pt x="42" y="282"/>
                    </a:lnTo>
                    <a:lnTo>
                      <a:pt x="30" y="258"/>
                    </a:lnTo>
                    <a:lnTo>
                      <a:pt x="24" y="264"/>
                    </a:lnTo>
                    <a:lnTo>
                      <a:pt x="30" y="252"/>
                    </a:lnTo>
                    <a:lnTo>
                      <a:pt x="6" y="192"/>
                    </a:lnTo>
                    <a:lnTo>
                      <a:pt x="18" y="138"/>
                    </a:lnTo>
                    <a:lnTo>
                      <a:pt x="0" y="90"/>
                    </a:lnTo>
                    <a:lnTo>
                      <a:pt x="24" y="60"/>
                    </a:lnTo>
                    <a:lnTo>
                      <a:pt x="42" y="0"/>
                    </a:lnTo>
                    <a:lnTo>
                      <a:pt x="228" y="54"/>
                    </a:lnTo>
                    <a:lnTo>
                      <a:pt x="180" y="240"/>
                    </a:lnTo>
                    <a:lnTo>
                      <a:pt x="390" y="552"/>
                    </a:lnTo>
                    <a:lnTo>
                      <a:pt x="408" y="606"/>
                    </a:lnTo>
                    <a:lnTo>
                      <a:pt x="384" y="618"/>
                    </a:lnTo>
                    <a:lnTo>
                      <a:pt x="378" y="642"/>
                    </a:lnTo>
                    <a:lnTo>
                      <a:pt x="366" y="660"/>
                    </a:lnTo>
                    <a:lnTo>
                      <a:pt x="372" y="690"/>
                    </a:lnTo>
                    <a:lnTo>
                      <a:pt x="360" y="696"/>
                    </a:lnTo>
                    <a:lnTo>
                      <a:pt x="354" y="696"/>
                    </a:lnTo>
                    <a:lnTo>
                      <a:pt x="354" y="70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17" name="Freeform 145"/>
              <p:cNvSpPr>
                <a:spLocks noChangeAspect="1"/>
              </p:cNvSpPr>
              <p:nvPr/>
            </p:nvSpPr>
            <p:spPr bwMode="auto">
              <a:xfrm>
                <a:off x="3859" y="1404"/>
                <a:ext cx="284" cy="195"/>
              </a:xfrm>
              <a:custGeom>
                <a:avLst/>
                <a:gdLst>
                  <a:gd name="T0" fmla="*/ 163 w 372"/>
                  <a:gd name="T1" fmla="*/ 30 h 288"/>
                  <a:gd name="T2" fmla="*/ 157 w 372"/>
                  <a:gd name="T3" fmla="*/ 89 h 288"/>
                  <a:gd name="T4" fmla="*/ 137 w 372"/>
                  <a:gd name="T5" fmla="*/ 87 h 288"/>
                  <a:gd name="T6" fmla="*/ 0 w 372"/>
                  <a:gd name="T7" fmla="*/ 79 h 288"/>
                  <a:gd name="T8" fmla="*/ 3 w 372"/>
                  <a:gd name="T9" fmla="*/ 65 h 288"/>
                  <a:gd name="T10" fmla="*/ 16 w 372"/>
                  <a:gd name="T11" fmla="*/ 0 h 288"/>
                  <a:gd name="T12" fmla="*/ 123 w 372"/>
                  <a:gd name="T13" fmla="*/ 7 h 288"/>
                  <a:gd name="T14" fmla="*/ 166 w 372"/>
                  <a:gd name="T15" fmla="*/ 9 h 288"/>
                  <a:gd name="T16" fmla="*/ 163 w 372"/>
                  <a:gd name="T17" fmla="*/ 22 h 288"/>
                  <a:gd name="T18" fmla="*/ 163 w 372"/>
                  <a:gd name="T19" fmla="*/ 30 h 28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72"/>
                  <a:gd name="T31" fmla="*/ 0 h 288"/>
                  <a:gd name="T32" fmla="*/ 372 w 372"/>
                  <a:gd name="T33" fmla="*/ 288 h 28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72" h="288">
                    <a:moveTo>
                      <a:pt x="366" y="96"/>
                    </a:moveTo>
                    <a:lnTo>
                      <a:pt x="354" y="288"/>
                    </a:lnTo>
                    <a:lnTo>
                      <a:pt x="306" y="282"/>
                    </a:lnTo>
                    <a:lnTo>
                      <a:pt x="0" y="252"/>
                    </a:lnTo>
                    <a:lnTo>
                      <a:pt x="6" y="210"/>
                    </a:lnTo>
                    <a:lnTo>
                      <a:pt x="36" y="0"/>
                    </a:lnTo>
                    <a:lnTo>
                      <a:pt x="276" y="24"/>
                    </a:lnTo>
                    <a:lnTo>
                      <a:pt x="372" y="30"/>
                    </a:lnTo>
                    <a:lnTo>
                      <a:pt x="366" y="72"/>
                    </a:lnTo>
                    <a:lnTo>
                      <a:pt x="366" y="9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18" name="Freeform 146"/>
              <p:cNvSpPr>
                <a:spLocks noChangeAspect="1"/>
              </p:cNvSpPr>
              <p:nvPr/>
            </p:nvSpPr>
            <p:spPr bwMode="auto">
              <a:xfrm>
                <a:off x="3859" y="1404"/>
                <a:ext cx="284" cy="195"/>
              </a:xfrm>
              <a:custGeom>
                <a:avLst/>
                <a:gdLst>
                  <a:gd name="T0" fmla="*/ 163 w 372"/>
                  <a:gd name="T1" fmla="*/ 30 h 288"/>
                  <a:gd name="T2" fmla="*/ 157 w 372"/>
                  <a:gd name="T3" fmla="*/ 89 h 288"/>
                  <a:gd name="T4" fmla="*/ 137 w 372"/>
                  <a:gd name="T5" fmla="*/ 87 h 288"/>
                  <a:gd name="T6" fmla="*/ 0 w 372"/>
                  <a:gd name="T7" fmla="*/ 79 h 288"/>
                  <a:gd name="T8" fmla="*/ 3 w 372"/>
                  <a:gd name="T9" fmla="*/ 65 h 288"/>
                  <a:gd name="T10" fmla="*/ 16 w 372"/>
                  <a:gd name="T11" fmla="*/ 0 h 288"/>
                  <a:gd name="T12" fmla="*/ 123 w 372"/>
                  <a:gd name="T13" fmla="*/ 7 h 288"/>
                  <a:gd name="T14" fmla="*/ 166 w 372"/>
                  <a:gd name="T15" fmla="*/ 9 h 288"/>
                  <a:gd name="T16" fmla="*/ 163 w 372"/>
                  <a:gd name="T17" fmla="*/ 22 h 288"/>
                  <a:gd name="T18" fmla="*/ 163 w 372"/>
                  <a:gd name="T19" fmla="*/ 30 h 288"/>
                  <a:gd name="T20" fmla="*/ 163 w 372"/>
                  <a:gd name="T21" fmla="*/ 32 h 288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72"/>
                  <a:gd name="T34" fmla="*/ 0 h 288"/>
                  <a:gd name="T35" fmla="*/ 372 w 372"/>
                  <a:gd name="T36" fmla="*/ 288 h 288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72" h="288">
                    <a:moveTo>
                      <a:pt x="366" y="96"/>
                    </a:moveTo>
                    <a:lnTo>
                      <a:pt x="354" y="288"/>
                    </a:lnTo>
                    <a:lnTo>
                      <a:pt x="306" y="282"/>
                    </a:lnTo>
                    <a:lnTo>
                      <a:pt x="0" y="252"/>
                    </a:lnTo>
                    <a:lnTo>
                      <a:pt x="6" y="210"/>
                    </a:lnTo>
                    <a:lnTo>
                      <a:pt x="36" y="0"/>
                    </a:lnTo>
                    <a:lnTo>
                      <a:pt x="276" y="24"/>
                    </a:lnTo>
                    <a:lnTo>
                      <a:pt x="372" y="30"/>
                    </a:lnTo>
                    <a:lnTo>
                      <a:pt x="366" y="72"/>
                    </a:lnTo>
                    <a:lnTo>
                      <a:pt x="366" y="96"/>
                    </a:lnTo>
                    <a:lnTo>
                      <a:pt x="366" y="10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19" name="Freeform 147"/>
              <p:cNvSpPr>
                <a:spLocks noChangeAspect="1"/>
              </p:cNvSpPr>
              <p:nvPr/>
            </p:nvSpPr>
            <p:spPr bwMode="auto">
              <a:xfrm>
                <a:off x="5168" y="1290"/>
                <a:ext cx="68" cy="57"/>
              </a:xfrm>
              <a:custGeom>
                <a:avLst/>
                <a:gdLst>
                  <a:gd name="T0" fmla="*/ 36 w 90"/>
                  <a:gd name="T1" fmla="*/ 0 h 84"/>
                  <a:gd name="T2" fmla="*/ 39 w 90"/>
                  <a:gd name="T3" fmla="*/ 14 h 84"/>
                  <a:gd name="T4" fmla="*/ 18 w 90"/>
                  <a:gd name="T5" fmla="*/ 19 h 84"/>
                  <a:gd name="T6" fmla="*/ 5 w 90"/>
                  <a:gd name="T7" fmla="*/ 26 h 84"/>
                  <a:gd name="T8" fmla="*/ 5 w 90"/>
                  <a:gd name="T9" fmla="*/ 22 h 84"/>
                  <a:gd name="T10" fmla="*/ 0 w 90"/>
                  <a:gd name="T11" fmla="*/ 5 h 84"/>
                  <a:gd name="T12" fmla="*/ 34 w 90"/>
                  <a:gd name="T13" fmla="*/ 0 h 84"/>
                  <a:gd name="T14" fmla="*/ 36 w 90"/>
                  <a:gd name="T15" fmla="*/ 0 h 84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90"/>
                  <a:gd name="T25" fmla="*/ 0 h 84"/>
                  <a:gd name="T26" fmla="*/ 90 w 90"/>
                  <a:gd name="T27" fmla="*/ 84 h 84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90" h="84">
                    <a:moveTo>
                      <a:pt x="84" y="0"/>
                    </a:moveTo>
                    <a:lnTo>
                      <a:pt x="90" y="42"/>
                    </a:lnTo>
                    <a:lnTo>
                      <a:pt x="42" y="6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0" y="18"/>
                    </a:lnTo>
                    <a:lnTo>
                      <a:pt x="78" y="0"/>
                    </a:lnTo>
                    <a:lnTo>
                      <a:pt x="84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20" name="Freeform 148"/>
              <p:cNvSpPr>
                <a:spLocks noChangeAspect="1"/>
              </p:cNvSpPr>
              <p:nvPr/>
            </p:nvSpPr>
            <p:spPr bwMode="auto">
              <a:xfrm>
                <a:off x="5168" y="1290"/>
                <a:ext cx="68" cy="57"/>
              </a:xfrm>
              <a:custGeom>
                <a:avLst/>
                <a:gdLst>
                  <a:gd name="T0" fmla="*/ 36 w 90"/>
                  <a:gd name="T1" fmla="*/ 0 h 84"/>
                  <a:gd name="T2" fmla="*/ 39 w 90"/>
                  <a:gd name="T3" fmla="*/ 14 h 84"/>
                  <a:gd name="T4" fmla="*/ 18 w 90"/>
                  <a:gd name="T5" fmla="*/ 19 h 84"/>
                  <a:gd name="T6" fmla="*/ 5 w 90"/>
                  <a:gd name="T7" fmla="*/ 26 h 84"/>
                  <a:gd name="T8" fmla="*/ 5 w 90"/>
                  <a:gd name="T9" fmla="*/ 22 h 84"/>
                  <a:gd name="T10" fmla="*/ 0 w 90"/>
                  <a:gd name="T11" fmla="*/ 5 h 84"/>
                  <a:gd name="T12" fmla="*/ 34 w 90"/>
                  <a:gd name="T13" fmla="*/ 0 h 84"/>
                  <a:gd name="T14" fmla="*/ 36 w 90"/>
                  <a:gd name="T15" fmla="*/ 0 h 84"/>
                  <a:gd name="T16" fmla="*/ 36 w 90"/>
                  <a:gd name="T17" fmla="*/ 2 h 84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90"/>
                  <a:gd name="T28" fmla="*/ 0 h 84"/>
                  <a:gd name="T29" fmla="*/ 90 w 90"/>
                  <a:gd name="T30" fmla="*/ 84 h 84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90" h="84">
                    <a:moveTo>
                      <a:pt x="84" y="0"/>
                    </a:moveTo>
                    <a:lnTo>
                      <a:pt x="90" y="42"/>
                    </a:lnTo>
                    <a:lnTo>
                      <a:pt x="42" y="6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0" y="18"/>
                    </a:lnTo>
                    <a:lnTo>
                      <a:pt x="78" y="0"/>
                    </a:lnTo>
                    <a:lnTo>
                      <a:pt x="84" y="0"/>
                    </a:lnTo>
                    <a:lnTo>
                      <a:pt x="84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21" name="Freeform 149"/>
              <p:cNvSpPr>
                <a:spLocks noChangeAspect="1"/>
              </p:cNvSpPr>
              <p:nvPr/>
            </p:nvSpPr>
            <p:spPr bwMode="auto">
              <a:xfrm>
                <a:off x="5113" y="1412"/>
                <a:ext cx="41" cy="57"/>
              </a:xfrm>
              <a:custGeom>
                <a:avLst/>
                <a:gdLst>
                  <a:gd name="T0" fmla="*/ 8 w 54"/>
                  <a:gd name="T1" fmla="*/ 0 h 84"/>
                  <a:gd name="T2" fmla="*/ 5 w 54"/>
                  <a:gd name="T3" fmla="*/ 2 h 84"/>
                  <a:gd name="T4" fmla="*/ 5 w 54"/>
                  <a:gd name="T5" fmla="*/ 7 h 84"/>
                  <a:gd name="T6" fmla="*/ 16 w 54"/>
                  <a:gd name="T7" fmla="*/ 17 h 84"/>
                  <a:gd name="T8" fmla="*/ 21 w 54"/>
                  <a:gd name="T9" fmla="*/ 19 h 84"/>
                  <a:gd name="T10" fmla="*/ 18 w 54"/>
                  <a:gd name="T11" fmla="*/ 22 h 84"/>
                  <a:gd name="T12" fmla="*/ 24 w 54"/>
                  <a:gd name="T13" fmla="*/ 24 h 84"/>
                  <a:gd name="T14" fmla="*/ 11 w 54"/>
                  <a:gd name="T15" fmla="*/ 26 h 84"/>
                  <a:gd name="T16" fmla="*/ 0 w 54"/>
                  <a:gd name="T17" fmla="*/ 2 h 84"/>
                  <a:gd name="T18" fmla="*/ 5 w 54"/>
                  <a:gd name="T19" fmla="*/ 0 h 84"/>
                  <a:gd name="T20" fmla="*/ 8 w 54"/>
                  <a:gd name="T21" fmla="*/ 0 h 8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54"/>
                  <a:gd name="T34" fmla="*/ 0 h 84"/>
                  <a:gd name="T35" fmla="*/ 54 w 54"/>
                  <a:gd name="T36" fmla="*/ 84 h 8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54" h="84">
                    <a:moveTo>
                      <a:pt x="18" y="0"/>
                    </a:moveTo>
                    <a:lnTo>
                      <a:pt x="12" y="6"/>
                    </a:lnTo>
                    <a:lnTo>
                      <a:pt x="12" y="24"/>
                    </a:lnTo>
                    <a:lnTo>
                      <a:pt x="36" y="54"/>
                    </a:lnTo>
                    <a:lnTo>
                      <a:pt x="48" y="60"/>
                    </a:lnTo>
                    <a:lnTo>
                      <a:pt x="42" y="72"/>
                    </a:lnTo>
                    <a:lnTo>
                      <a:pt x="54" y="78"/>
                    </a:lnTo>
                    <a:lnTo>
                      <a:pt x="24" y="84"/>
                    </a:lnTo>
                    <a:lnTo>
                      <a:pt x="0" y="6"/>
                    </a:lnTo>
                    <a:lnTo>
                      <a:pt x="12" y="0"/>
                    </a:lnTo>
                    <a:lnTo>
                      <a:pt x="18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22" name="Freeform 150"/>
              <p:cNvSpPr>
                <a:spLocks noChangeAspect="1"/>
              </p:cNvSpPr>
              <p:nvPr/>
            </p:nvSpPr>
            <p:spPr bwMode="auto">
              <a:xfrm>
                <a:off x="5113" y="1412"/>
                <a:ext cx="41" cy="57"/>
              </a:xfrm>
              <a:custGeom>
                <a:avLst/>
                <a:gdLst>
                  <a:gd name="T0" fmla="*/ 8 w 54"/>
                  <a:gd name="T1" fmla="*/ 0 h 84"/>
                  <a:gd name="T2" fmla="*/ 5 w 54"/>
                  <a:gd name="T3" fmla="*/ 2 h 84"/>
                  <a:gd name="T4" fmla="*/ 5 w 54"/>
                  <a:gd name="T5" fmla="*/ 7 h 84"/>
                  <a:gd name="T6" fmla="*/ 16 w 54"/>
                  <a:gd name="T7" fmla="*/ 17 h 84"/>
                  <a:gd name="T8" fmla="*/ 21 w 54"/>
                  <a:gd name="T9" fmla="*/ 19 h 84"/>
                  <a:gd name="T10" fmla="*/ 18 w 54"/>
                  <a:gd name="T11" fmla="*/ 22 h 84"/>
                  <a:gd name="T12" fmla="*/ 24 w 54"/>
                  <a:gd name="T13" fmla="*/ 24 h 84"/>
                  <a:gd name="T14" fmla="*/ 11 w 54"/>
                  <a:gd name="T15" fmla="*/ 26 h 84"/>
                  <a:gd name="T16" fmla="*/ 0 w 54"/>
                  <a:gd name="T17" fmla="*/ 2 h 84"/>
                  <a:gd name="T18" fmla="*/ 5 w 54"/>
                  <a:gd name="T19" fmla="*/ 0 h 84"/>
                  <a:gd name="T20" fmla="*/ 8 w 54"/>
                  <a:gd name="T21" fmla="*/ 0 h 84"/>
                  <a:gd name="T22" fmla="*/ 8 w 54"/>
                  <a:gd name="T23" fmla="*/ 2 h 8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54"/>
                  <a:gd name="T37" fmla="*/ 0 h 84"/>
                  <a:gd name="T38" fmla="*/ 54 w 54"/>
                  <a:gd name="T39" fmla="*/ 84 h 8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54" h="84">
                    <a:moveTo>
                      <a:pt x="18" y="0"/>
                    </a:moveTo>
                    <a:lnTo>
                      <a:pt x="12" y="6"/>
                    </a:lnTo>
                    <a:lnTo>
                      <a:pt x="12" y="24"/>
                    </a:lnTo>
                    <a:lnTo>
                      <a:pt x="36" y="54"/>
                    </a:lnTo>
                    <a:lnTo>
                      <a:pt x="48" y="60"/>
                    </a:lnTo>
                    <a:lnTo>
                      <a:pt x="42" y="72"/>
                    </a:lnTo>
                    <a:lnTo>
                      <a:pt x="54" y="78"/>
                    </a:lnTo>
                    <a:lnTo>
                      <a:pt x="24" y="84"/>
                    </a:lnTo>
                    <a:lnTo>
                      <a:pt x="0" y="6"/>
                    </a:lnTo>
                    <a:lnTo>
                      <a:pt x="12" y="0"/>
                    </a:lnTo>
                    <a:lnTo>
                      <a:pt x="18" y="0"/>
                    </a:lnTo>
                    <a:lnTo>
                      <a:pt x="18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23" name="Freeform 151"/>
              <p:cNvSpPr>
                <a:spLocks noChangeAspect="1"/>
              </p:cNvSpPr>
              <p:nvPr/>
            </p:nvSpPr>
            <p:spPr bwMode="auto">
              <a:xfrm>
                <a:off x="5072" y="1461"/>
                <a:ext cx="9" cy="4"/>
              </a:xfrm>
              <a:custGeom>
                <a:avLst/>
                <a:gdLst>
                  <a:gd name="T0" fmla="*/ 3 w 12"/>
                  <a:gd name="T1" fmla="*/ 2 h 6"/>
                  <a:gd name="T2" fmla="*/ 0 w 12"/>
                  <a:gd name="T3" fmla="*/ 0 h 6"/>
                  <a:gd name="T4" fmla="*/ 5 w 12"/>
                  <a:gd name="T5" fmla="*/ 0 h 6"/>
                  <a:gd name="T6" fmla="*/ 3 w 12"/>
                  <a:gd name="T7" fmla="*/ 2 h 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2"/>
                  <a:gd name="T13" fmla="*/ 0 h 6"/>
                  <a:gd name="T14" fmla="*/ 12 w 12"/>
                  <a:gd name="T15" fmla="*/ 6 h 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2" h="6">
                    <a:moveTo>
                      <a:pt x="6" y="6"/>
                    </a:moveTo>
                    <a:lnTo>
                      <a:pt x="0" y="0"/>
                    </a:lnTo>
                    <a:lnTo>
                      <a:pt x="12" y="0"/>
                    </a:lnTo>
                    <a:lnTo>
                      <a:pt x="6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24" name="Freeform 152"/>
              <p:cNvSpPr>
                <a:spLocks noChangeAspect="1"/>
              </p:cNvSpPr>
              <p:nvPr/>
            </p:nvSpPr>
            <p:spPr bwMode="auto">
              <a:xfrm>
                <a:off x="5072" y="1461"/>
                <a:ext cx="9" cy="8"/>
              </a:xfrm>
              <a:custGeom>
                <a:avLst/>
                <a:gdLst>
                  <a:gd name="T0" fmla="*/ 3 w 12"/>
                  <a:gd name="T1" fmla="*/ 2 h 12"/>
                  <a:gd name="T2" fmla="*/ 0 w 12"/>
                  <a:gd name="T3" fmla="*/ 0 h 12"/>
                  <a:gd name="T4" fmla="*/ 5 w 12"/>
                  <a:gd name="T5" fmla="*/ 0 h 12"/>
                  <a:gd name="T6" fmla="*/ 3 w 12"/>
                  <a:gd name="T7" fmla="*/ 2 h 12"/>
                  <a:gd name="T8" fmla="*/ 3 w 12"/>
                  <a:gd name="T9" fmla="*/ 3 h 12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2"/>
                  <a:gd name="T16" fmla="*/ 0 h 12"/>
                  <a:gd name="T17" fmla="*/ 12 w 12"/>
                  <a:gd name="T18" fmla="*/ 12 h 12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2" h="12">
                    <a:moveTo>
                      <a:pt x="6" y="6"/>
                    </a:moveTo>
                    <a:lnTo>
                      <a:pt x="0" y="0"/>
                    </a:lnTo>
                    <a:lnTo>
                      <a:pt x="12" y="0"/>
                    </a:lnTo>
                    <a:lnTo>
                      <a:pt x="6" y="6"/>
                    </a:lnTo>
                    <a:lnTo>
                      <a:pt x="6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25" name="Freeform 153"/>
              <p:cNvSpPr>
                <a:spLocks noChangeAspect="1"/>
              </p:cNvSpPr>
              <p:nvPr/>
            </p:nvSpPr>
            <p:spPr bwMode="auto">
              <a:xfrm>
                <a:off x="4715" y="1840"/>
                <a:ext cx="352" cy="236"/>
              </a:xfrm>
              <a:custGeom>
                <a:avLst/>
                <a:gdLst>
                  <a:gd name="T0" fmla="*/ 146 w 462"/>
                  <a:gd name="T1" fmla="*/ 0 h 348"/>
                  <a:gd name="T2" fmla="*/ 201 w 462"/>
                  <a:gd name="T3" fmla="*/ 73 h 348"/>
                  <a:gd name="T4" fmla="*/ 204 w 462"/>
                  <a:gd name="T5" fmla="*/ 92 h 348"/>
                  <a:gd name="T6" fmla="*/ 199 w 462"/>
                  <a:gd name="T7" fmla="*/ 98 h 348"/>
                  <a:gd name="T8" fmla="*/ 199 w 462"/>
                  <a:gd name="T9" fmla="*/ 101 h 348"/>
                  <a:gd name="T10" fmla="*/ 197 w 462"/>
                  <a:gd name="T11" fmla="*/ 105 h 348"/>
                  <a:gd name="T12" fmla="*/ 181 w 462"/>
                  <a:gd name="T13" fmla="*/ 109 h 348"/>
                  <a:gd name="T14" fmla="*/ 178 w 462"/>
                  <a:gd name="T15" fmla="*/ 105 h 348"/>
                  <a:gd name="T16" fmla="*/ 183 w 462"/>
                  <a:gd name="T17" fmla="*/ 106 h 348"/>
                  <a:gd name="T18" fmla="*/ 186 w 462"/>
                  <a:gd name="T19" fmla="*/ 103 h 348"/>
                  <a:gd name="T20" fmla="*/ 178 w 462"/>
                  <a:gd name="T21" fmla="*/ 103 h 348"/>
                  <a:gd name="T22" fmla="*/ 170 w 462"/>
                  <a:gd name="T23" fmla="*/ 96 h 348"/>
                  <a:gd name="T24" fmla="*/ 162 w 462"/>
                  <a:gd name="T25" fmla="*/ 94 h 348"/>
                  <a:gd name="T26" fmla="*/ 157 w 462"/>
                  <a:gd name="T27" fmla="*/ 84 h 348"/>
                  <a:gd name="T28" fmla="*/ 149 w 462"/>
                  <a:gd name="T29" fmla="*/ 81 h 348"/>
                  <a:gd name="T30" fmla="*/ 149 w 462"/>
                  <a:gd name="T31" fmla="*/ 75 h 348"/>
                  <a:gd name="T32" fmla="*/ 143 w 462"/>
                  <a:gd name="T33" fmla="*/ 75 h 348"/>
                  <a:gd name="T34" fmla="*/ 146 w 462"/>
                  <a:gd name="T35" fmla="*/ 79 h 348"/>
                  <a:gd name="T36" fmla="*/ 143 w 462"/>
                  <a:gd name="T37" fmla="*/ 79 h 348"/>
                  <a:gd name="T38" fmla="*/ 133 w 462"/>
                  <a:gd name="T39" fmla="*/ 67 h 348"/>
                  <a:gd name="T40" fmla="*/ 138 w 462"/>
                  <a:gd name="T41" fmla="*/ 58 h 348"/>
                  <a:gd name="T42" fmla="*/ 130 w 462"/>
                  <a:gd name="T43" fmla="*/ 56 h 348"/>
                  <a:gd name="T44" fmla="*/ 133 w 462"/>
                  <a:gd name="T45" fmla="*/ 62 h 348"/>
                  <a:gd name="T46" fmla="*/ 125 w 462"/>
                  <a:gd name="T47" fmla="*/ 58 h 348"/>
                  <a:gd name="T48" fmla="*/ 127 w 462"/>
                  <a:gd name="T49" fmla="*/ 39 h 348"/>
                  <a:gd name="T50" fmla="*/ 98 w 462"/>
                  <a:gd name="T51" fmla="*/ 21 h 348"/>
                  <a:gd name="T52" fmla="*/ 82 w 462"/>
                  <a:gd name="T53" fmla="*/ 19 h 348"/>
                  <a:gd name="T54" fmla="*/ 82 w 462"/>
                  <a:gd name="T55" fmla="*/ 22 h 348"/>
                  <a:gd name="T56" fmla="*/ 56 w 462"/>
                  <a:gd name="T57" fmla="*/ 28 h 348"/>
                  <a:gd name="T58" fmla="*/ 56 w 462"/>
                  <a:gd name="T59" fmla="*/ 26 h 348"/>
                  <a:gd name="T60" fmla="*/ 59 w 462"/>
                  <a:gd name="T61" fmla="*/ 28 h 348"/>
                  <a:gd name="T62" fmla="*/ 59 w 462"/>
                  <a:gd name="T63" fmla="*/ 26 h 348"/>
                  <a:gd name="T64" fmla="*/ 45 w 462"/>
                  <a:gd name="T65" fmla="*/ 17 h 348"/>
                  <a:gd name="T66" fmla="*/ 43 w 462"/>
                  <a:gd name="T67" fmla="*/ 19 h 348"/>
                  <a:gd name="T68" fmla="*/ 45 w 462"/>
                  <a:gd name="T69" fmla="*/ 21 h 348"/>
                  <a:gd name="T70" fmla="*/ 27 w 462"/>
                  <a:gd name="T71" fmla="*/ 17 h 348"/>
                  <a:gd name="T72" fmla="*/ 37 w 462"/>
                  <a:gd name="T73" fmla="*/ 15 h 348"/>
                  <a:gd name="T74" fmla="*/ 34 w 462"/>
                  <a:gd name="T75" fmla="*/ 15 h 348"/>
                  <a:gd name="T76" fmla="*/ 11 w 462"/>
                  <a:gd name="T77" fmla="*/ 19 h 348"/>
                  <a:gd name="T78" fmla="*/ 16 w 462"/>
                  <a:gd name="T79" fmla="*/ 17 h 348"/>
                  <a:gd name="T80" fmla="*/ 11 w 462"/>
                  <a:gd name="T81" fmla="*/ 15 h 348"/>
                  <a:gd name="T82" fmla="*/ 11 w 462"/>
                  <a:gd name="T83" fmla="*/ 17 h 348"/>
                  <a:gd name="T84" fmla="*/ 5 w 462"/>
                  <a:gd name="T85" fmla="*/ 19 h 348"/>
                  <a:gd name="T86" fmla="*/ 5 w 462"/>
                  <a:gd name="T87" fmla="*/ 13 h 348"/>
                  <a:gd name="T88" fmla="*/ 0 w 462"/>
                  <a:gd name="T89" fmla="*/ 9 h 348"/>
                  <a:gd name="T90" fmla="*/ 0 w 462"/>
                  <a:gd name="T91" fmla="*/ 5 h 348"/>
                  <a:gd name="T92" fmla="*/ 61 w 462"/>
                  <a:gd name="T93" fmla="*/ 2 h 348"/>
                  <a:gd name="T94" fmla="*/ 66 w 462"/>
                  <a:gd name="T95" fmla="*/ 7 h 348"/>
                  <a:gd name="T96" fmla="*/ 130 w 462"/>
                  <a:gd name="T97" fmla="*/ 5 h 348"/>
                  <a:gd name="T98" fmla="*/ 133 w 462"/>
                  <a:gd name="T99" fmla="*/ 9 h 348"/>
                  <a:gd name="T100" fmla="*/ 136 w 462"/>
                  <a:gd name="T101" fmla="*/ 7 h 348"/>
                  <a:gd name="T102" fmla="*/ 136 w 462"/>
                  <a:gd name="T103" fmla="*/ 0 h 348"/>
                  <a:gd name="T104" fmla="*/ 146 w 462"/>
                  <a:gd name="T105" fmla="*/ 0 h 348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w 462"/>
                  <a:gd name="T160" fmla="*/ 0 h 348"/>
                  <a:gd name="T161" fmla="*/ 462 w 462"/>
                  <a:gd name="T162" fmla="*/ 348 h 348"/>
                </a:gdLst>
                <a:ahLst/>
                <a:cxnLst>
                  <a:cxn ang="T106">
                    <a:pos x="T0" y="T1"/>
                  </a:cxn>
                  <a:cxn ang="T107">
                    <a:pos x="T2" y="T3"/>
                  </a:cxn>
                  <a:cxn ang="T108">
                    <a:pos x="T4" y="T5"/>
                  </a:cxn>
                  <a:cxn ang="T109">
                    <a:pos x="T6" y="T7"/>
                  </a:cxn>
                  <a:cxn ang="T110">
                    <a:pos x="T8" y="T9"/>
                  </a:cxn>
                  <a:cxn ang="T111">
                    <a:pos x="T10" y="T11"/>
                  </a:cxn>
                  <a:cxn ang="T112">
                    <a:pos x="T12" y="T13"/>
                  </a:cxn>
                  <a:cxn ang="T113">
                    <a:pos x="T14" y="T15"/>
                  </a:cxn>
                  <a:cxn ang="T114">
                    <a:pos x="T16" y="T17"/>
                  </a:cxn>
                  <a:cxn ang="T115">
                    <a:pos x="T18" y="T19"/>
                  </a:cxn>
                  <a:cxn ang="T116">
                    <a:pos x="T20" y="T21"/>
                  </a:cxn>
                  <a:cxn ang="T117">
                    <a:pos x="T22" y="T23"/>
                  </a:cxn>
                  <a:cxn ang="T118">
                    <a:pos x="T24" y="T25"/>
                  </a:cxn>
                  <a:cxn ang="T119">
                    <a:pos x="T26" y="T27"/>
                  </a:cxn>
                  <a:cxn ang="T120">
                    <a:pos x="T28" y="T29"/>
                  </a:cxn>
                  <a:cxn ang="T121">
                    <a:pos x="T30" y="T31"/>
                  </a:cxn>
                  <a:cxn ang="T122">
                    <a:pos x="T32" y="T33"/>
                  </a:cxn>
                  <a:cxn ang="T123">
                    <a:pos x="T34" y="T35"/>
                  </a:cxn>
                  <a:cxn ang="T124">
                    <a:pos x="T36" y="T37"/>
                  </a:cxn>
                  <a:cxn ang="T125">
                    <a:pos x="T38" y="T39"/>
                  </a:cxn>
                  <a:cxn ang="T126">
                    <a:pos x="T40" y="T41"/>
                  </a:cxn>
                  <a:cxn ang="T127">
                    <a:pos x="T42" y="T43"/>
                  </a:cxn>
                  <a:cxn ang="T128">
                    <a:pos x="T44" y="T45"/>
                  </a:cxn>
                  <a:cxn ang="T129">
                    <a:pos x="T46" y="T47"/>
                  </a:cxn>
                  <a:cxn ang="T130">
                    <a:pos x="T48" y="T49"/>
                  </a:cxn>
                  <a:cxn ang="T131">
                    <a:pos x="T50" y="T51"/>
                  </a:cxn>
                  <a:cxn ang="T132">
                    <a:pos x="T52" y="T53"/>
                  </a:cxn>
                  <a:cxn ang="T133">
                    <a:pos x="T54" y="T55"/>
                  </a:cxn>
                  <a:cxn ang="T134">
                    <a:pos x="T56" y="T57"/>
                  </a:cxn>
                  <a:cxn ang="T135">
                    <a:pos x="T58" y="T59"/>
                  </a:cxn>
                  <a:cxn ang="T136">
                    <a:pos x="T60" y="T61"/>
                  </a:cxn>
                  <a:cxn ang="T137">
                    <a:pos x="T62" y="T63"/>
                  </a:cxn>
                  <a:cxn ang="T138">
                    <a:pos x="T64" y="T65"/>
                  </a:cxn>
                  <a:cxn ang="T139">
                    <a:pos x="T66" y="T67"/>
                  </a:cxn>
                  <a:cxn ang="T140">
                    <a:pos x="T68" y="T69"/>
                  </a:cxn>
                  <a:cxn ang="T141">
                    <a:pos x="T70" y="T71"/>
                  </a:cxn>
                  <a:cxn ang="T142">
                    <a:pos x="T72" y="T73"/>
                  </a:cxn>
                  <a:cxn ang="T143">
                    <a:pos x="T74" y="T75"/>
                  </a:cxn>
                  <a:cxn ang="T144">
                    <a:pos x="T76" y="T77"/>
                  </a:cxn>
                  <a:cxn ang="T145">
                    <a:pos x="T78" y="T79"/>
                  </a:cxn>
                  <a:cxn ang="T146">
                    <a:pos x="T80" y="T81"/>
                  </a:cxn>
                  <a:cxn ang="T147">
                    <a:pos x="T82" y="T83"/>
                  </a:cxn>
                  <a:cxn ang="T148">
                    <a:pos x="T84" y="T85"/>
                  </a:cxn>
                  <a:cxn ang="T149">
                    <a:pos x="T86" y="T87"/>
                  </a:cxn>
                  <a:cxn ang="T150">
                    <a:pos x="T88" y="T89"/>
                  </a:cxn>
                  <a:cxn ang="T151">
                    <a:pos x="T90" y="T91"/>
                  </a:cxn>
                  <a:cxn ang="T152">
                    <a:pos x="T92" y="T93"/>
                  </a:cxn>
                  <a:cxn ang="T153">
                    <a:pos x="T94" y="T95"/>
                  </a:cxn>
                  <a:cxn ang="T154">
                    <a:pos x="T96" y="T97"/>
                  </a:cxn>
                  <a:cxn ang="T155">
                    <a:pos x="T98" y="T99"/>
                  </a:cxn>
                  <a:cxn ang="T156">
                    <a:pos x="T100" y="T101"/>
                  </a:cxn>
                  <a:cxn ang="T157">
                    <a:pos x="T102" y="T103"/>
                  </a:cxn>
                  <a:cxn ang="T158">
                    <a:pos x="T104" y="T105"/>
                  </a:cxn>
                </a:cxnLst>
                <a:rect l="T159" t="T160" r="T161" b="T162"/>
                <a:pathLst>
                  <a:path w="462" h="348">
                    <a:moveTo>
                      <a:pt x="330" y="0"/>
                    </a:moveTo>
                    <a:lnTo>
                      <a:pt x="456" y="234"/>
                    </a:lnTo>
                    <a:lnTo>
                      <a:pt x="462" y="294"/>
                    </a:lnTo>
                    <a:lnTo>
                      <a:pt x="450" y="312"/>
                    </a:lnTo>
                    <a:lnTo>
                      <a:pt x="450" y="324"/>
                    </a:lnTo>
                    <a:lnTo>
                      <a:pt x="444" y="336"/>
                    </a:lnTo>
                    <a:lnTo>
                      <a:pt x="408" y="348"/>
                    </a:lnTo>
                    <a:lnTo>
                      <a:pt x="402" y="336"/>
                    </a:lnTo>
                    <a:lnTo>
                      <a:pt x="414" y="342"/>
                    </a:lnTo>
                    <a:lnTo>
                      <a:pt x="420" y="330"/>
                    </a:lnTo>
                    <a:lnTo>
                      <a:pt x="402" y="330"/>
                    </a:lnTo>
                    <a:lnTo>
                      <a:pt x="384" y="306"/>
                    </a:lnTo>
                    <a:lnTo>
                      <a:pt x="366" y="300"/>
                    </a:lnTo>
                    <a:lnTo>
                      <a:pt x="354" y="270"/>
                    </a:lnTo>
                    <a:lnTo>
                      <a:pt x="336" y="258"/>
                    </a:lnTo>
                    <a:lnTo>
                      <a:pt x="336" y="240"/>
                    </a:lnTo>
                    <a:lnTo>
                      <a:pt x="324" y="240"/>
                    </a:lnTo>
                    <a:lnTo>
                      <a:pt x="330" y="252"/>
                    </a:lnTo>
                    <a:lnTo>
                      <a:pt x="324" y="252"/>
                    </a:lnTo>
                    <a:lnTo>
                      <a:pt x="300" y="216"/>
                    </a:lnTo>
                    <a:lnTo>
                      <a:pt x="312" y="186"/>
                    </a:lnTo>
                    <a:lnTo>
                      <a:pt x="294" y="180"/>
                    </a:lnTo>
                    <a:lnTo>
                      <a:pt x="300" y="198"/>
                    </a:lnTo>
                    <a:lnTo>
                      <a:pt x="282" y="186"/>
                    </a:lnTo>
                    <a:lnTo>
                      <a:pt x="288" y="126"/>
                    </a:lnTo>
                    <a:lnTo>
                      <a:pt x="222" y="66"/>
                    </a:lnTo>
                    <a:lnTo>
                      <a:pt x="186" y="60"/>
                    </a:lnTo>
                    <a:lnTo>
                      <a:pt x="186" y="72"/>
                    </a:lnTo>
                    <a:lnTo>
                      <a:pt x="126" y="90"/>
                    </a:lnTo>
                    <a:lnTo>
                      <a:pt x="126" y="84"/>
                    </a:lnTo>
                    <a:lnTo>
                      <a:pt x="132" y="90"/>
                    </a:lnTo>
                    <a:lnTo>
                      <a:pt x="132" y="84"/>
                    </a:lnTo>
                    <a:lnTo>
                      <a:pt x="102" y="54"/>
                    </a:lnTo>
                    <a:lnTo>
                      <a:pt x="96" y="60"/>
                    </a:lnTo>
                    <a:lnTo>
                      <a:pt x="102" y="66"/>
                    </a:lnTo>
                    <a:lnTo>
                      <a:pt x="60" y="54"/>
                    </a:lnTo>
                    <a:lnTo>
                      <a:pt x="84" y="48"/>
                    </a:lnTo>
                    <a:lnTo>
                      <a:pt x="78" y="48"/>
                    </a:lnTo>
                    <a:lnTo>
                      <a:pt x="24" y="60"/>
                    </a:lnTo>
                    <a:lnTo>
                      <a:pt x="36" y="54"/>
                    </a:lnTo>
                    <a:lnTo>
                      <a:pt x="24" y="48"/>
                    </a:lnTo>
                    <a:lnTo>
                      <a:pt x="24" y="54"/>
                    </a:lnTo>
                    <a:lnTo>
                      <a:pt x="12" y="60"/>
                    </a:lnTo>
                    <a:lnTo>
                      <a:pt x="12" y="42"/>
                    </a:lnTo>
                    <a:lnTo>
                      <a:pt x="0" y="30"/>
                    </a:lnTo>
                    <a:lnTo>
                      <a:pt x="0" y="18"/>
                    </a:lnTo>
                    <a:lnTo>
                      <a:pt x="138" y="6"/>
                    </a:lnTo>
                    <a:lnTo>
                      <a:pt x="150" y="24"/>
                    </a:lnTo>
                    <a:lnTo>
                      <a:pt x="294" y="18"/>
                    </a:lnTo>
                    <a:lnTo>
                      <a:pt x="300" y="30"/>
                    </a:lnTo>
                    <a:lnTo>
                      <a:pt x="306" y="24"/>
                    </a:lnTo>
                    <a:lnTo>
                      <a:pt x="306" y="0"/>
                    </a:lnTo>
                    <a:lnTo>
                      <a:pt x="330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26" name="Freeform 154"/>
              <p:cNvSpPr>
                <a:spLocks noChangeAspect="1"/>
              </p:cNvSpPr>
              <p:nvPr/>
            </p:nvSpPr>
            <p:spPr bwMode="auto">
              <a:xfrm>
                <a:off x="4715" y="1840"/>
                <a:ext cx="352" cy="236"/>
              </a:xfrm>
              <a:custGeom>
                <a:avLst/>
                <a:gdLst>
                  <a:gd name="T0" fmla="*/ 146 w 462"/>
                  <a:gd name="T1" fmla="*/ 0 h 348"/>
                  <a:gd name="T2" fmla="*/ 201 w 462"/>
                  <a:gd name="T3" fmla="*/ 73 h 348"/>
                  <a:gd name="T4" fmla="*/ 204 w 462"/>
                  <a:gd name="T5" fmla="*/ 92 h 348"/>
                  <a:gd name="T6" fmla="*/ 199 w 462"/>
                  <a:gd name="T7" fmla="*/ 98 h 348"/>
                  <a:gd name="T8" fmla="*/ 199 w 462"/>
                  <a:gd name="T9" fmla="*/ 101 h 348"/>
                  <a:gd name="T10" fmla="*/ 197 w 462"/>
                  <a:gd name="T11" fmla="*/ 105 h 348"/>
                  <a:gd name="T12" fmla="*/ 181 w 462"/>
                  <a:gd name="T13" fmla="*/ 109 h 348"/>
                  <a:gd name="T14" fmla="*/ 178 w 462"/>
                  <a:gd name="T15" fmla="*/ 105 h 348"/>
                  <a:gd name="T16" fmla="*/ 183 w 462"/>
                  <a:gd name="T17" fmla="*/ 106 h 348"/>
                  <a:gd name="T18" fmla="*/ 186 w 462"/>
                  <a:gd name="T19" fmla="*/ 103 h 348"/>
                  <a:gd name="T20" fmla="*/ 178 w 462"/>
                  <a:gd name="T21" fmla="*/ 103 h 348"/>
                  <a:gd name="T22" fmla="*/ 170 w 462"/>
                  <a:gd name="T23" fmla="*/ 96 h 348"/>
                  <a:gd name="T24" fmla="*/ 162 w 462"/>
                  <a:gd name="T25" fmla="*/ 94 h 348"/>
                  <a:gd name="T26" fmla="*/ 157 w 462"/>
                  <a:gd name="T27" fmla="*/ 84 h 348"/>
                  <a:gd name="T28" fmla="*/ 149 w 462"/>
                  <a:gd name="T29" fmla="*/ 81 h 348"/>
                  <a:gd name="T30" fmla="*/ 149 w 462"/>
                  <a:gd name="T31" fmla="*/ 75 h 348"/>
                  <a:gd name="T32" fmla="*/ 143 w 462"/>
                  <a:gd name="T33" fmla="*/ 75 h 348"/>
                  <a:gd name="T34" fmla="*/ 146 w 462"/>
                  <a:gd name="T35" fmla="*/ 79 h 348"/>
                  <a:gd name="T36" fmla="*/ 143 w 462"/>
                  <a:gd name="T37" fmla="*/ 79 h 348"/>
                  <a:gd name="T38" fmla="*/ 133 w 462"/>
                  <a:gd name="T39" fmla="*/ 67 h 348"/>
                  <a:gd name="T40" fmla="*/ 138 w 462"/>
                  <a:gd name="T41" fmla="*/ 58 h 348"/>
                  <a:gd name="T42" fmla="*/ 130 w 462"/>
                  <a:gd name="T43" fmla="*/ 56 h 348"/>
                  <a:gd name="T44" fmla="*/ 133 w 462"/>
                  <a:gd name="T45" fmla="*/ 62 h 348"/>
                  <a:gd name="T46" fmla="*/ 125 w 462"/>
                  <a:gd name="T47" fmla="*/ 58 h 348"/>
                  <a:gd name="T48" fmla="*/ 127 w 462"/>
                  <a:gd name="T49" fmla="*/ 39 h 348"/>
                  <a:gd name="T50" fmla="*/ 98 w 462"/>
                  <a:gd name="T51" fmla="*/ 21 h 348"/>
                  <a:gd name="T52" fmla="*/ 82 w 462"/>
                  <a:gd name="T53" fmla="*/ 19 h 348"/>
                  <a:gd name="T54" fmla="*/ 82 w 462"/>
                  <a:gd name="T55" fmla="*/ 22 h 348"/>
                  <a:gd name="T56" fmla="*/ 56 w 462"/>
                  <a:gd name="T57" fmla="*/ 28 h 348"/>
                  <a:gd name="T58" fmla="*/ 56 w 462"/>
                  <a:gd name="T59" fmla="*/ 26 h 348"/>
                  <a:gd name="T60" fmla="*/ 59 w 462"/>
                  <a:gd name="T61" fmla="*/ 28 h 348"/>
                  <a:gd name="T62" fmla="*/ 59 w 462"/>
                  <a:gd name="T63" fmla="*/ 26 h 348"/>
                  <a:gd name="T64" fmla="*/ 45 w 462"/>
                  <a:gd name="T65" fmla="*/ 17 h 348"/>
                  <a:gd name="T66" fmla="*/ 43 w 462"/>
                  <a:gd name="T67" fmla="*/ 19 h 348"/>
                  <a:gd name="T68" fmla="*/ 45 w 462"/>
                  <a:gd name="T69" fmla="*/ 21 h 348"/>
                  <a:gd name="T70" fmla="*/ 27 w 462"/>
                  <a:gd name="T71" fmla="*/ 17 h 348"/>
                  <a:gd name="T72" fmla="*/ 37 w 462"/>
                  <a:gd name="T73" fmla="*/ 15 h 348"/>
                  <a:gd name="T74" fmla="*/ 34 w 462"/>
                  <a:gd name="T75" fmla="*/ 15 h 348"/>
                  <a:gd name="T76" fmla="*/ 11 w 462"/>
                  <a:gd name="T77" fmla="*/ 19 h 348"/>
                  <a:gd name="T78" fmla="*/ 16 w 462"/>
                  <a:gd name="T79" fmla="*/ 17 h 348"/>
                  <a:gd name="T80" fmla="*/ 11 w 462"/>
                  <a:gd name="T81" fmla="*/ 15 h 348"/>
                  <a:gd name="T82" fmla="*/ 11 w 462"/>
                  <a:gd name="T83" fmla="*/ 17 h 348"/>
                  <a:gd name="T84" fmla="*/ 5 w 462"/>
                  <a:gd name="T85" fmla="*/ 19 h 348"/>
                  <a:gd name="T86" fmla="*/ 5 w 462"/>
                  <a:gd name="T87" fmla="*/ 13 h 348"/>
                  <a:gd name="T88" fmla="*/ 0 w 462"/>
                  <a:gd name="T89" fmla="*/ 9 h 348"/>
                  <a:gd name="T90" fmla="*/ 0 w 462"/>
                  <a:gd name="T91" fmla="*/ 5 h 348"/>
                  <a:gd name="T92" fmla="*/ 61 w 462"/>
                  <a:gd name="T93" fmla="*/ 2 h 348"/>
                  <a:gd name="T94" fmla="*/ 66 w 462"/>
                  <a:gd name="T95" fmla="*/ 7 h 348"/>
                  <a:gd name="T96" fmla="*/ 130 w 462"/>
                  <a:gd name="T97" fmla="*/ 5 h 348"/>
                  <a:gd name="T98" fmla="*/ 133 w 462"/>
                  <a:gd name="T99" fmla="*/ 9 h 348"/>
                  <a:gd name="T100" fmla="*/ 136 w 462"/>
                  <a:gd name="T101" fmla="*/ 7 h 348"/>
                  <a:gd name="T102" fmla="*/ 136 w 462"/>
                  <a:gd name="T103" fmla="*/ 0 h 348"/>
                  <a:gd name="T104" fmla="*/ 146 w 462"/>
                  <a:gd name="T105" fmla="*/ 0 h 348"/>
                  <a:gd name="T106" fmla="*/ 146 w 462"/>
                  <a:gd name="T107" fmla="*/ 2 h 348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w 462"/>
                  <a:gd name="T163" fmla="*/ 0 h 348"/>
                  <a:gd name="T164" fmla="*/ 462 w 462"/>
                  <a:gd name="T165" fmla="*/ 348 h 348"/>
                </a:gdLst>
                <a:ahLst/>
                <a:cxnLst>
                  <a:cxn ang="T108">
                    <a:pos x="T0" y="T1"/>
                  </a:cxn>
                  <a:cxn ang="T109">
                    <a:pos x="T2" y="T3"/>
                  </a:cxn>
                  <a:cxn ang="T110">
                    <a:pos x="T4" y="T5"/>
                  </a:cxn>
                  <a:cxn ang="T111">
                    <a:pos x="T6" y="T7"/>
                  </a:cxn>
                  <a:cxn ang="T112">
                    <a:pos x="T8" y="T9"/>
                  </a:cxn>
                  <a:cxn ang="T113">
                    <a:pos x="T10" y="T11"/>
                  </a:cxn>
                  <a:cxn ang="T114">
                    <a:pos x="T12" y="T13"/>
                  </a:cxn>
                  <a:cxn ang="T115">
                    <a:pos x="T14" y="T15"/>
                  </a:cxn>
                  <a:cxn ang="T116">
                    <a:pos x="T16" y="T17"/>
                  </a:cxn>
                  <a:cxn ang="T117">
                    <a:pos x="T18" y="T19"/>
                  </a:cxn>
                  <a:cxn ang="T118">
                    <a:pos x="T20" y="T21"/>
                  </a:cxn>
                  <a:cxn ang="T119">
                    <a:pos x="T22" y="T23"/>
                  </a:cxn>
                  <a:cxn ang="T120">
                    <a:pos x="T24" y="T25"/>
                  </a:cxn>
                  <a:cxn ang="T121">
                    <a:pos x="T26" y="T27"/>
                  </a:cxn>
                  <a:cxn ang="T122">
                    <a:pos x="T28" y="T29"/>
                  </a:cxn>
                  <a:cxn ang="T123">
                    <a:pos x="T30" y="T31"/>
                  </a:cxn>
                  <a:cxn ang="T124">
                    <a:pos x="T32" y="T33"/>
                  </a:cxn>
                  <a:cxn ang="T125">
                    <a:pos x="T34" y="T35"/>
                  </a:cxn>
                  <a:cxn ang="T126">
                    <a:pos x="T36" y="T37"/>
                  </a:cxn>
                  <a:cxn ang="T127">
                    <a:pos x="T38" y="T39"/>
                  </a:cxn>
                  <a:cxn ang="T128">
                    <a:pos x="T40" y="T41"/>
                  </a:cxn>
                  <a:cxn ang="T129">
                    <a:pos x="T42" y="T43"/>
                  </a:cxn>
                  <a:cxn ang="T130">
                    <a:pos x="T44" y="T45"/>
                  </a:cxn>
                  <a:cxn ang="T131">
                    <a:pos x="T46" y="T47"/>
                  </a:cxn>
                  <a:cxn ang="T132">
                    <a:pos x="T48" y="T49"/>
                  </a:cxn>
                  <a:cxn ang="T133">
                    <a:pos x="T50" y="T51"/>
                  </a:cxn>
                  <a:cxn ang="T134">
                    <a:pos x="T52" y="T53"/>
                  </a:cxn>
                  <a:cxn ang="T135">
                    <a:pos x="T54" y="T55"/>
                  </a:cxn>
                  <a:cxn ang="T136">
                    <a:pos x="T56" y="T57"/>
                  </a:cxn>
                  <a:cxn ang="T137">
                    <a:pos x="T58" y="T59"/>
                  </a:cxn>
                  <a:cxn ang="T138">
                    <a:pos x="T60" y="T61"/>
                  </a:cxn>
                  <a:cxn ang="T139">
                    <a:pos x="T62" y="T63"/>
                  </a:cxn>
                  <a:cxn ang="T140">
                    <a:pos x="T64" y="T65"/>
                  </a:cxn>
                  <a:cxn ang="T141">
                    <a:pos x="T66" y="T67"/>
                  </a:cxn>
                  <a:cxn ang="T142">
                    <a:pos x="T68" y="T69"/>
                  </a:cxn>
                  <a:cxn ang="T143">
                    <a:pos x="T70" y="T71"/>
                  </a:cxn>
                  <a:cxn ang="T144">
                    <a:pos x="T72" y="T73"/>
                  </a:cxn>
                  <a:cxn ang="T145">
                    <a:pos x="T74" y="T75"/>
                  </a:cxn>
                  <a:cxn ang="T146">
                    <a:pos x="T76" y="T77"/>
                  </a:cxn>
                  <a:cxn ang="T147">
                    <a:pos x="T78" y="T79"/>
                  </a:cxn>
                  <a:cxn ang="T148">
                    <a:pos x="T80" y="T81"/>
                  </a:cxn>
                  <a:cxn ang="T149">
                    <a:pos x="T82" y="T83"/>
                  </a:cxn>
                  <a:cxn ang="T150">
                    <a:pos x="T84" y="T85"/>
                  </a:cxn>
                  <a:cxn ang="T151">
                    <a:pos x="T86" y="T87"/>
                  </a:cxn>
                  <a:cxn ang="T152">
                    <a:pos x="T88" y="T89"/>
                  </a:cxn>
                  <a:cxn ang="T153">
                    <a:pos x="T90" y="T91"/>
                  </a:cxn>
                  <a:cxn ang="T154">
                    <a:pos x="T92" y="T93"/>
                  </a:cxn>
                  <a:cxn ang="T155">
                    <a:pos x="T94" y="T95"/>
                  </a:cxn>
                  <a:cxn ang="T156">
                    <a:pos x="T96" y="T97"/>
                  </a:cxn>
                  <a:cxn ang="T157">
                    <a:pos x="T98" y="T99"/>
                  </a:cxn>
                  <a:cxn ang="T158">
                    <a:pos x="T100" y="T101"/>
                  </a:cxn>
                  <a:cxn ang="T159">
                    <a:pos x="T102" y="T103"/>
                  </a:cxn>
                  <a:cxn ang="T160">
                    <a:pos x="T104" y="T105"/>
                  </a:cxn>
                  <a:cxn ang="T161">
                    <a:pos x="T106" y="T107"/>
                  </a:cxn>
                </a:cxnLst>
                <a:rect l="T162" t="T163" r="T164" b="T165"/>
                <a:pathLst>
                  <a:path w="462" h="348">
                    <a:moveTo>
                      <a:pt x="330" y="0"/>
                    </a:moveTo>
                    <a:lnTo>
                      <a:pt x="456" y="234"/>
                    </a:lnTo>
                    <a:lnTo>
                      <a:pt x="462" y="294"/>
                    </a:lnTo>
                    <a:lnTo>
                      <a:pt x="450" y="312"/>
                    </a:lnTo>
                    <a:lnTo>
                      <a:pt x="450" y="324"/>
                    </a:lnTo>
                    <a:lnTo>
                      <a:pt x="444" y="336"/>
                    </a:lnTo>
                    <a:lnTo>
                      <a:pt x="408" y="348"/>
                    </a:lnTo>
                    <a:lnTo>
                      <a:pt x="402" y="336"/>
                    </a:lnTo>
                    <a:lnTo>
                      <a:pt x="414" y="342"/>
                    </a:lnTo>
                    <a:lnTo>
                      <a:pt x="420" y="330"/>
                    </a:lnTo>
                    <a:lnTo>
                      <a:pt x="402" y="330"/>
                    </a:lnTo>
                    <a:lnTo>
                      <a:pt x="384" y="306"/>
                    </a:lnTo>
                    <a:lnTo>
                      <a:pt x="366" y="300"/>
                    </a:lnTo>
                    <a:lnTo>
                      <a:pt x="354" y="270"/>
                    </a:lnTo>
                    <a:lnTo>
                      <a:pt x="336" y="258"/>
                    </a:lnTo>
                    <a:lnTo>
                      <a:pt x="336" y="240"/>
                    </a:lnTo>
                    <a:lnTo>
                      <a:pt x="324" y="240"/>
                    </a:lnTo>
                    <a:lnTo>
                      <a:pt x="330" y="252"/>
                    </a:lnTo>
                    <a:lnTo>
                      <a:pt x="324" y="252"/>
                    </a:lnTo>
                    <a:lnTo>
                      <a:pt x="300" y="216"/>
                    </a:lnTo>
                    <a:lnTo>
                      <a:pt x="312" y="186"/>
                    </a:lnTo>
                    <a:lnTo>
                      <a:pt x="294" y="180"/>
                    </a:lnTo>
                    <a:lnTo>
                      <a:pt x="300" y="198"/>
                    </a:lnTo>
                    <a:lnTo>
                      <a:pt x="282" y="186"/>
                    </a:lnTo>
                    <a:lnTo>
                      <a:pt x="288" y="126"/>
                    </a:lnTo>
                    <a:lnTo>
                      <a:pt x="222" y="66"/>
                    </a:lnTo>
                    <a:lnTo>
                      <a:pt x="186" y="60"/>
                    </a:lnTo>
                    <a:lnTo>
                      <a:pt x="186" y="72"/>
                    </a:lnTo>
                    <a:lnTo>
                      <a:pt x="126" y="90"/>
                    </a:lnTo>
                    <a:lnTo>
                      <a:pt x="126" y="84"/>
                    </a:lnTo>
                    <a:lnTo>
                      <a:pt x="132" y="90"/>
                    </a:lnTo>
                    <a:lnTo>
                      <a:pt x="132" y="84"/>
                    </a:lnTo>
                    <a:lnTo>
                      <a:pt x="102" y="54"/>
                    </a:lnTo>
                    <a:lnTo>
                      <a:pt x="96" y="60"/>
                    </a:lnTo>
                    <a:lnTo>
                      <a:pt x="102" y="66"/>
                    </a:lnTo>
                    <a:lnTo>
                      <a:pt x="60" y="54"/>
                    </a:lnTo>
                    <a:lnTo>
                      <a:pt x="84" y="48"/>
                    </a:lnTo>
                    <a:lnTo>
                      <a:pt x="78" y="48"/>
                    </a:lnTo>
                    <a:lnTo>
                      <a:pt x="24" y="60"/>
                    </a:lnTo>
                    <a:lnTo>
                      <a:pt x="36" y="54"/>
                    </a:lnTo>
                    <a:lnTo>
                      <a:pt x="24" y="48"/>
                    </a:lnTo>
                    <a:lnTo>
                      <a:pt x="24" y="54"/>
                    </a:lnTo>
                    <a:lnTo>
                      <a:pt x="12" y="60"/>
                    </a:lnTo>
                    <a:lnTo>
                      <a:pt x="12" y="42"/>
                    </a:lnTo>
                    <a:lnTo>
                      <a:pt x="0" y="30"/>
                    </a:lnTo>
                    <a:lnTo>
                      <a:pt x="0" y="18"/>
                    </a:lnTo>
                    <a:lnTo>
                      <a:pt x="138" y="6"/>
                    </a:lnTo>
                    <a:lnTo>
                      <a:pt x="150" y="24"/>
                    </a:lnTo>
                    <a:lnTo>
                      <a:pt x="294" y="18"/>
                    </a:lnTo>
                    <a:lnTo>
                      <a:pt x="300" y="30"/>
                    </a:lnTo>
                    <a:lnTo>
                      <a:pt x="306" y="24"/>
                    </a:lnTo>
                    <a:lnTo>
                      <a:pt x="306" y="0"/>
                    </a:lnTo>
                    <a:lnTo>
                      <a:pt x="330" y="0"/>
                    </a:lnTo>
                    <a:lnTo>
                      <a:pt x="33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27" name="Freeform 155"/>
              <p:cNvSpPr>
                <a:spLocks noChangeAspect="1"/>
              </p:cNvSpPr>
              <p:nvPr/>
            </p:nvSpPr>
            <p:spPr bwMode="auto">
              <a:xfrm>
                <a:off x="4774" y="1664"/>
                <a:ext cx="211" cy="196"/>
              </a:xfrm>
              <a:custGeom>
                <a:avLst/>
                <a:gdLst>
                  <a:gd name="T0" fmla="*/ 29 w 276"/>
                  <a:gd name="T1" fmla="*/ 2 h 288"/>
                  <a:gd name="T2" fmla="*/ 59 w 276"/>
                  <a:gd name="T3" fmla="*/ 0 h 288"/>
                  <a:gd name="T4" fmla="*/ 54 w 276"/>
                  <a:gd name="T5" fmla="*/ 5 h 288"/>
                  <a:gd name="T6" fmla="*/ 67 w 276"/>
                  <a:gd name="T7" fmla="*/ 10 h 288"/>
                  <a:gd name="T8" fmla="*/ 75 w 276"/>
                  <a:gd name="T9" fmla="*/ 19 h 288"/>
                  <a:gd name="T10" fmla="*/ 105 w 276"/>
                  <a:gd name="T11" fmla="*/ 36 h 288"/>
                  <a:gd name="T12" fmla="*/ 115 w 276"/>
                  <a:gd name="T13" fmla="*/ 51 h 288"/>
                  <a:gd name="T14" fmla="*/ 123 w 276"/>
                  <a:gd name="T15" fmla="*/ 53 h 288"/>
                  <a:gd name="T16" fmla="*/ 118 w 276"/>
                  <a:gd name="T17" fmla="*/ 61 h 288"/>
                  <a:gd name="T18" fmla="*/ 118 w 276"/>
                  <a:gd name="T19" fmla="*/ 63 h 288"/>
                  <a:gd name="T20" fmla="*/ 113 w 276"/>
                  <a:gd name="T21" fmla="*/ 68 h 288"/>
                  <a:gd name="T22" fmla="*/ 113 w 276"/>
                  <a:gd name="T23" fmla="*/ 71 h 288"/>
                  <a:gd name="T24" fmla="*/ 110 w 276"/>
                  <a:gd name="T25" fmla="*/ 71 h 288"/>
                  <a:gd name="T26" fmla="*/ 115 w 276"/>
                  <a:gd name="T27" fmla="*/ 73 h 288"/>
                  <a:gd name="T28" fmla="*/ 113 w 276"/>
                  <a:gd name="T29" fmla="*/ 82 h 288"/>
                  <a:gd name="T30" fmla="*/ 102 w 276"/>
                  <a:gd name="T31" fmla="*/ 82 h 288"/>
                  <a:gd name="T32" fmla="*/ 102 w 276"/>
                  <a:gd name="T33" fmla="*/ 89 h 288"/>
                  <a:gd name="T34" fmla="*/ 99 w 276"/>
                  <a:gd name="T35" fmla="*/ 91 h 288"/>
                  <a:gd name="T36" fmla="*/ 96 w 276"/>
                  <a:gd name="T37" fmla="*/ 87 h 288"/>
                  <a:gd name="T38" fmla="*/ 32 w 276"/>
                  <a:gd name="T39" fmla="*/ 89 h 288"/>
                  <a:gd name="T40" fmla="*/ 27 w 276"/>
                  <a:gd name="T41" fmla="*/ 83 h 288"/>
                  <a:gd name="T42" fmla="*/ 21 w 276"/>
                  <a:gd name="T43" fmla="*/ 66 h 288"/>
                  <a:gd name="T44" fmla="*/ 27 w 276"/>
                  <a:gd name="T45" fmla="*/ 59 h 288"/>
                  <a:gd name="T46" fmla="*/ 16 w 276"/>
                  <a:gd name="T47" fmla="*/ 47 h 288"/>
                  <a:gd name="T48" fmla="*/ 0 w 276"/>
                  <a:gd name="T49" fmla="*/ 5 h 288"/>
                  <a:gd name="T50" fmla="*/ 29 w 276"/>
                  <a:gd name="T51" fmla="*/ 2 h 288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276"/>
                  <a:gd name="T79" fmla="*/ 0 h 288"/>
                  <a:gd name="T80" fmla="*/ 276 w 276"/>
                  <a:gd name="T81" fmla="*/ 288 h 288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276" h="288">
                    <a:moveTo>
                      <a:pt x="66" y="6"/>
                    </a:moveTo>
                    <a:lnTo>
                      <a:pt x="132" y="0"/>
                    </a:lnTo>
                    <a:lnTo>
                      <a:pt x="120" y="18"/>
                    </a:lnTo>
                    <a:lnTo>
                      <a:pt x="150" y="30"/>
                    </a:lnTo>
                    <a:lnTo>
                      <a:pt x="168" y="60"/>
                    </a:lnTo>
                    <a:lnTo>
                      <a:pt x="234" y="114"/>
                    </a:lnTo>
                    <a:lnTo>
                      <a:pt x="258" y="162"/>
                    </a:lnTo>
                    <a:lnTo>
                      <a:pt x="276" y="168"/>
                    </a:lnTo>
                    <a:lnTo>
                      <a:pt x="264" y="192"/>
                    </a:lnTo>
                    <a:lnTo>
                      <a:pt x="264" y="198"/>
                    </a:lnTo>
                    <a:lnTo>
                      <a:pt x="252" y="216"/>
                    </a:lnTo>
                    <a:lnTo>
                      <a:pt x="252" y="228"/>
                    </a:lnTo>
                    <a:lnTo>
                      <a:pt x="246" y="228"/>
                    </a:lnTo>
                    <a:lnTo>
                      <a:pt x="258" y="234"/>
                    </a:lnTo>
                    <a:lnTo>
                      <a:pt x="252" y="258"/>
                    </a:lnTo>
                    <a:lnTo>
                      <a:pt x="228" y="258"/>
                    </a:lnTo>
                    <a:lnTo>
                      <a:pt x="228" y="282"/>
                    </a:lnTo>
                    <a:lnTo>
                      <a:pt x="222" y="288"/>
                    </a:lnTo>
                    <a:lnTo>
                      <a:pt x="216" y="276"/>
                    </a:lnTo>
                    <a:lnTo>
                      <a:pt x="72" y="282"/>
                    </a:lnTo>
                    <a:lnTo>
                      <a:pt x="60" y="264"/>
                    </a:lnTo>
                    <a:lnTo>
                      <a:pt x="48" y="210"/>
                    </a:lnTo>
                    <a:lnTo>
                      <a:pt x="60" y="186"/>
                    </a:lnTo>
                    <a:lnTo>
                      <a:pt x="36" y="150"/>
                    </a:lnTo>
                    <a:lnTo>
                      <a:pt x="0" y="18"/>
                    </a:lnTo>
                    <a:lnTo>
                      <a:pt x="66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28" name="Freeform 156"/>
              <p:cNvSpPr>
                <a:spLocks noChangeAspect="1"/>
              </p:cNvSpPr>
              <p:nvPr/>
            </p:nvSpPr>
            <p:spPr bwMode="auto">
              <a:xfrm>
                <a:off x="4774" y="1664"/>
                <a:ext cx="211" cy="196"/>
              </a:xfrm>
              <a:custGeom>
                <a:avLst/>
                <a:gdLst>
                  <a:gd name="T0" fmla="*/ 29 w 276"/>
                  <a:gd name="T1" fmla="*/ 2 h 288"/>
                  <a:gd name="T2" fmla="*/ 59 w 276"/>
                  <a:gd name="T3" fmla="*/ 0 h 288"/>
                  <a:gd name="T4" fmla="*/ 54 w 276"/>
                  <a:gd name="T5" fmla="*/ 5 h 288"/>
                  <a:gd name="T6" fmla="*/ 67 w 276"/>
                  <a:gd name="T7" fmla="*/ 10 h 288"/>
                  <a:gd name="T8" fmla="*/ 75 w 276"/>
                  <a:gd name="T9" fmla="*/ 19 h 288"/>
                  <a:gd name="T10" fmla="*/ 105 w 276"/>
                  <a:gd name="T11" fmla="*/ 36 h 288"/>
                  <a:gd name="T12" fmla="*/ 115 w 276"/>
                  <a:gd name="T13" fmla="*/ 51 h 288"/>
                  <a:gd name="T14" fmla="*/ 123 w 276"/>
                  <a:gd name="T15" fmla="*/ 53 h 288"/>
                  <a:gd name="T16" fmla="*/ 118 w 276"/>
                  <a:gd name="T17" fmla="*/ 61 h 288"/>
                  <a:gd name="T18" fmla="*/ 118 w 276"/>
                  <a:gd name="T19" fmla="*/ 63 h 288"/>
                  <a:gd name="T20" fmla="*/ 113 w 276"/>
                  <a:gd name="T21" fmla="*/ 68 h 288"/>
                  <a:gd name="T22" fmla="*/ 113 w 276"/>
                  <a:gd name="T23" fmla="*/ 71 h 288"/>
                  <a:gd name="T24" fmla="*/ 110 w 276"/>
                  <a:gd name="T25" fmla="*/ 71 h 288"/>
                  <a:gd name="T26" fmla="*/ 115 w 276"/>
                  <a:gd name="T27" fmla="*/ 73 h 288"/>
                  <a:gd name="T28" fmla="*/ 113 w 276"/>
                  <a:gd name="T29" fmla="*/ 82 h 288"/>
                  <a:gd name="T30" fmla="*/ 102 w 276"/>
                  <a:gd name="T31" fmla="*/ 82 h 288"/>
                  <a:gd name="T32" fmla="*/ 102 w 276"/>
                  <a:gd name="T33" fmla="*/ 89 h 288"/>
                  <a:gd name="T34" fmla="*/ 99 w 276"/>
                  <a:gd name="T35" fmla="*/ 91 h 288"/>
                  <a:gd name="T36" fmla="*/ 96 w 276"/>
                  <a:gd name="T37" fmla="*/ 87 h 288"/>
                  <a:gd name="T38" fmla="*/ 32 w 276"/>
                  <a:gd name="T39" fmla="*/ 89 h 288"/>
                  <a:gd name="T40" fmla="*/ 27 w 276"/>
                  <a:gd name="T41" fmla="*/ 83 h 288"/>
                  <a:gd name="T42" fmla="*/ 21 w 276"/>
                  <a:gd name="T43" fmla="*/ 66 h 288"/>
                  <a:gd name="T44" fmla="*/ 27 w 276"/>
                  <a:gd name="T45" fmla="*/ 59 h 288"/>
                  <a:gd name="T46" fmla="*/ 16 w 276"/>
                  <a:gd name="T47" fmla="*/ 47 h 288"/>
                  <a:gd name="T48" fmla="*/ 0 w 276"/>
                  <a:gd name="T49" fmla="*/ 5 h 288"/>
                  <a:gd name="T50" fmla="*/ 29 w 276"/>
                  <a:gd name="T51" fmla="*/ 2 h 288"/>
                  <a:gd name="T52" fmla="*/ 29 w 276"/>
                  <a:gd name="T53" fmla="*/ 3 h 288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276"/>
                  <a:gd name="T82" fmla="*/ 0 h 288"/>
                  <a:gd name="T83" fmla="*/ 276 w 276"/>
                  <a:gd name="T84" fmla="*/ 288 h 288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276" h="288">
                    <a:moveTo>
                      <a:pt x="66" y="6"/>
                    </a:moveTo>
                    <a:lnTo>
                      <a:pt x="132" y="0"/>
                    </a:lnTo>
                    <a:lnTo>
                      <a:pt x="120" y="18"/>
                    </a:lnTo>
                    <a:lnTo>
                      <a:pt x="150" y="30"/>
                    </a:lnTo>
                    <a:lnTo>
                      <a:pt x="168" y="60"/>
                    </a:lnTo>
                    <a:lnTo>
                      <a:pt x="234" y="114"/>
                    </a:lnTo>
                    <a:lnTo>
                      <a:pt x="258" y="162"/>
                    </a:lnTo>
                    <a:lnTo>
                      <a:pt x="276" y="168"/>
                    </a:lnTo>
                    <a:lnTo>
                      <a:pt x="264" y="192"/>
                    </a:lnTo>
                    <a:lnTo>
                      <a:pt x="264" y="198"/>
                    </a:lnTo>
                    <a:lnTo>
                      <a:pt x="252" y="216"/>
                    </a:lnTo>
                    <a:lnTo>
                      <a:pt x="252" y="228"/>
                    </a:lnTo>
                    <a:lnTo>
                      <a:pt x="246" y="228"/>
                    </a:lnTo>
                    <a:lnTo>
                      <a:pt x="258" y="234"/>
                    </a:lnTo>
                    <a:lnTo>
                      <a:pt x="252" y="258"/>
                    </a:lnTo>
                    <a:lnTo>
                      <a:pt x="228" y="258"/>
                    </a:lnTo>
                    <a:lnTo>
                      <a:pt x="228" y="282"/>
                    </a:lnTo>
                    <a:lnTo>
                      <a:pt x="222" y="288"/>
                    </a:lnTo>
                    <a:lnTo>
                      <a:pt x="216" y="276"/>
                    </a:lnTo>
                    <a:lnTo>
                      <a:pt x="72" y="282"/>
                    </a:lnTo>
                    <a:lnTo>
                      <a:pt x="60" y="264"/>
                    </a:lnTo>
                    <a:lnTo>
                      <a:pt x="48" y="210"/>
                    </a:lnTo>
                    <a:lnTo>
                      <a:pt x="60" y="186"/>
                    </a:lnTo>
                    <a:lnTo>
                      <a:pt x="36" y="150"/>
                    </a:lnTo>
                    <a:lnTo>
                      <a:pt x="0" y="18"/>
                    </a:lnTo>
                    <a:lnTo>
                      <a:pt x="66" y="6"/>
                    </a:lnTo>
                    <a:lnTo>
                      <a:pt x="66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29" name="Freeform 157"/>
              <p:cNvSpPr>
                <a:spLocks noChangeAspect="1"/>
              </p:cNvSpPr>
              <p:nvPr/>
            </p:nvSpPr>
            <p:spPr bwMode="auto">
              <a:xfrm>
                <a:off x="3735" y="1929"/>
                <a:ext cx="19" cy="16"/>
              </a:xfrm>
              <a:custGeom>
                <a:avLst/>
                <a:gdLst>
                  <a:gd name="T0" fmla="*/ 3 w 24"/>
                  <a:gd name="T1" fmla="*/ 0 h 24"/>
                  <a:gd name="T2" fmla="*/ 9 w 24"/>
                  <a:gd name="T3" fmla="*/ 0 h 24"/>
                  <a:gd name="T4" fmla="*/ 12 w 24"/>
                  <a:gd name="T5" fmla="*/ 2 h 24"/>
                  <a:gd name="T6" fmla="*/ 9 w 24"/>
                  <a:gd name="T7" fmla="*/ 3 h 24"/>
                  <a:gd name="T8" fmla="*/ 9 w 24"/>
                  <a:gd name="T9" fmla="*/ 5 h 24"/>
                  <a:gd name="T10" fmla="*/ 6 w 24"/>
                  <a:gd name="T11" fmla="*/ 7 h 24"/>
                  <a:gd name="T12" fmla="*/ 3 w 24"/>
                  <a:gd name="T13" fmla="*/ 7 h 24"/>
                  <a:gd name="T14" fmla="*/ 3 w 24"/>
                  <a:gd name="T15" fmla="*/ 5 h 24"/>
                  <a:gd name="T16" fmla="*/ 0 w 24"/>
                  <a:gd name="T17" fmla="*/ 5 h 24"/>
                  <a:gd name="T18" fmla="*/ 0 w 24"/>
                  <a:gd name="T19" fmla="*/ 2 h 24"/>
                  <a:gd name="T20" fmla="*/ 3 w 24"/>
                  <a:gd name="T21" fmla="*/ 0 h 2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24"/>
                  <a:gd name="T34" fmla="*/ 0 h 24"/>
                  <a:gd name="T35" fmla="*/ 24 w 24"/>
                  <a:gd name="T36" fmla="*/ 24 h 2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24" h="24">
                    <a:moveTo>
                      <a:pt x="6" y="0"/>
                    </a:moveTo>
                    <a:lnTo>
                      <a:pt x="18" y="0"/>
                    </a:lnTo>
                    <a:lnTo>
                      <a:pt x="24" y="6"/>
                    </a:lnTo>
                    <a:lnTo>
                      <a:pt x="18" y="12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24"/>
                    </a:lnTo>
                    <a:lnTo>
                      <a:pt x="6" y="18"/>
                    </a:lnTo>
                    <a:lnTo>
                      <a:pt x="0" y="18"/>
                    </a:lnTo>
                    <a:lnTo>
                      <a:pt x="0" y="6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30" name="Freeform 158"/>
              <p:cNvSpPr>
                <a:spLocks noChangeAspect="1"/>
              </p:cNvSpPr>
              <p:nvPr/>
            </p:nvSpPr>
            <p:spPr bwMode="auto">
              <a:xfrm>
                <a:off x="3735" y="1929"/>
                <a:ext cx="19" cy="16"/>
              </a:xfrm>
              <a:custGeom>
                <a:avLst/>
                <a:gdLst>
                  <a:gd name="T0" fmla="*/ 3 w 24"/>
                  <a:gd name="T1" fmla="*/ 0 h 24"/>
                  <a:gd name="T2" fmla="*/ 9 w 24"/>
                  <a:gd name="T3" fmla="*/ 0 h 24"/>
                  <a:gd name="T4" fmla="*/ 12 w 24"/>
                  <a:gd name="T5" fmla="*/ 2 h 24"/>
                  <a:gd name="T6" fmla="*/ 9 w 24"/>
                  <a:gd name="T7" fmla="*/ 3 h 24"/>
                  <a:gd name="T8" fmla="*/ 9 w 24"/>
                  <a:gd name="T9" fmla="*/ 5 h 24"/>
                  <a:gd name="T10" fmla="*/ 6 w 24"/>
                  <a:gd name="T11" fmla="*/ 7 h 24"/>
                  <a:gd name="T12" fmla="*/ 3 w 24"/>
                  <a:gd name="T13" fmla="*/ 7 h 24"/>
                  <a:gd name="T14" fmla="*/ 3 w 24"/>
                  <a:gd name="T15" fmla="*/ 5 h 24"/>
                  <a:gd name="T16" fmla="*/ 0 w 24"/>
                  <a:gd name="T17" fmla="*/ 5 h 24"/>
                  <a:gd name="T18" fmla="*/ 0 w 24"/>
                  <a:gd name="T19" fmla="*/ 2 h 24"/>
                  <a:gd name="T20" fmla="*/ 3 w 24"/>
                  <a:gd name="T21" fmla="*/ 0 h 24"/>
                  <a:gd name="T22" fmla="*/ 3 w 24"/>
                  <a:gd name="T23" fmla="*/ 2 h 2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24"/>
                  <a:gd name="T37" fmla="*/ 0 h 24"/>
                  <a:gd name="T38" fmla="*/ 24 w 24"/>
                  <a:gd name="T39" fmla="*/ 24 h 2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24" h="24">
                    <a:moveTo>
                      <a:pt x="6" y="0"/>
                    </a:moveTo>
                    <a:lnTo>
                      <a:pt x="18" y="0"/>
                    </a:lnTo>
                    <a:lnTo>
                      <a:pt x="24" y="6"/>
                    </a:lnTo>
                    <a:lnTo>
                      <a:pt x="18" y="12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24"/>
                    </a:lnTo>
                    <a:lnTo>
                      <a:pt x="6" y="18"/>
                    </a:lnTo>
                    <a:lnTo>
                      <a:pt x="0" y="18"/>
                    </a:lnTo>
                    <a:lnTo>
                      <a:pt x="0" y="6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31" name="Freeform 159"/>
              <p:cNvSpPr>
                <a:spLocks noChangeAspect="1"/>
              </p:cNvSpPr>
              <p:nvPr/>
            </p:nvSpPr>
            <p:spPr bwMode="auto">
              <a:xfrm>
                <a:off x="3795" y="1958"/>
                <a:ext cx="23" cy="16"/>
              </a:xfrm>
              <a:custGeom>
                <a:avLst/>
                <a:gdLst>
                  <a:gd name="T0" fmla="*/ 3 w 30"/>
                  <a:gd name="T1" fmla="*/ 2 h 24"/>
                  <a:gd name="T2" fmla="*/ 3 w 30"/>
                  <a:gd name="T3" fmla="*/ 0 h 24"/>
                  <a:gd name="T4" fmla="*/ 5 w 30"/>
                  <a:gd name="T5" fmla="*/ 0 h 24"/>
                  <a:gd name="T6" fmla="*/ 8 w 30"/>
                  <a:gd name="T7" fmla="*/ 2 h 24"/>
                  <a:gd name="T8" fmla="*/ 11 w 30"/>
                  <a:gd name="T9" fmla="*/ 3 h 24"/>
                  <a:gd name="T10" fmla="*/ 14 w 30"/>
                  <a:gd name="T11" fmla="*/ 5 h 24"/>
                  <a:gd name="T12" fmla="*/ 8 w 30"/>
                  <a:gd name="T13" fmla="*/ 5 h 24"/>
                  <a:gd name="T14" fmla="*/ 5 w 30"/>
                  <a:gd name="T15" fmla="*/ 7 h 24"/>
                  <a:gd name="T16" fmla="*/ 3 w 30"/>
                  <a:gd name="T17" fmla="*/ 5 h 24"/>
                  <a:gd name="T18" fmla="*/ 0 w 30"/>
                  <a:gd name="T19" fmla="*/ 2 h 24"/>
                  <a:gd name="T20" fmla="*/ 3 w 30"/>
                  <a:gd name="T21" fmla="*/ 2 h 2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0"/>
                  <a:gd name="T34" fmla="*/ 0 h 24"/>
                  <a:gd name="T35" fmla="*/ 30 w 30"/>
                  <a:gd name="T36" fmla="*/ 24 h 2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0" h="24">
                    <a:moveTo>
                      <a:pt x="6" y="6"/>
                    </a:moveTo>
                    <a:lnTo>
                      <a:pt x="6" y="0"/>
                    </a:lnTo>
                    <a:lnTo>
                      <a:pt x="12" y="0"/>
                    </a:lnTo>
                    <a:lnTo>
                      <a:pt x="18" y="6"/>
                    </a:lnTo>
                    <a:lnTo>
                      <a:pt x="24" y="12"/>
                    </a:lnTo>
                    <a:lnTo>
                      <a:pt x="30" y="18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18"/>
                    </a:lnTo>
                    <a:lnTo>
                      <a:pt x="0" y="6"/>
                    </a:lnTo>
                    <a:lnTo>
                      <a:pt x="6" y="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32" name="Freeform 160"/>
              <p:cNvSpPr>
                <a:spLocks noChangeAspect="1"/>
              </p:cNvSpPr>
              <p:nvPr/>
            </p:nvSpPr>
            <p:spPr bwMode="auto">
              <a:xfrm>
                <a:off x="3795" y="1958"/>
                <a:ext cx="23" cy="16"/>
              </a:xfrm>
              <a:custGeom>
                <a:avLst/>
                <a:gdLst>
                  <a:gd name="T0" fmla="*/ 3 w 30"/>
                  <a:gd name="T1" fmla="*/ 2 h 24"/>
                  <a:gd name="T2" fmla="*/ 3 w 30"/>
                  <a:gd name="T3" fmla="*/ 0 h 24"/>
                  <a:gd name="T4" fmla="*/ 5 w 30"/>
                  <a:gd name="T5" fmla="*/ 0 h 24"/>
                  <a:gd name="T6" fmla="*/ 8 w 30"/>
                  <a:gd name="T7" fmla="*/ 2 h 24"/>
                  <a:gd name="T8" fmla="*/ 11 w 30"/>
                  <a:gd name="T9" fmla="*/ 3 h 24"/>
                  <a:gd name="T10" fmla="*/ 14 w 30"/>
                  <a:gd name="T11" fmla="*/ 5 h 24"/>
                  <a:gd name="T12" fmla="*/ 8 w 30"/>
                  <a:gd name="T13" fmla="*/ 5 h 24"/>
                  <a:gd name="T14" fmla="*/ 5 w 30"/>
                  <a:gd name="T15" fmla="*/ 7 h 24"/>
                  <a:gd name="T16" fmla="*/ 3 w 30"/>
                  <a:gd name="T17" fmla="*/ 5 h 24"/>
                  <a:gd name="T18" fmla="*/ 0 w 30"/>
                  <a:gd name="T19" fmla="*/ 2 h 24"/>
                  <a:gd name="T20" fmla="*/ 3 w 30"/>
                  <a:gd name="T21" fmla="*/ 2 h 24"/>
                  <a:gd name="T22" fmla="*/ 3 w 30"/>
                  <a:gd name="T23" fmla="*/ 3 h 2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0"/>
                  <a:gd name="T37" fmla="*/ 0 h 24"/>
                  <a:gd name="T38" fmla="*/ 30 w 30"/>
                  <a:gd name="T39" fmla="*/ 24 h 2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0" h="24">
                    <a:moveTo>
                      <a:pt x="6" y="6"/>
                    </a:moveTo>
                    <a:lnTo>
                      <a:pt x="6" y="0"/>
                    </a:lnTo>
                    <a:lnTo>
                      <a:pt x="12" y="0"/>
                    </a:lnTo>
                    <a:lnTo>
                      <a:pt x="18" y="6"/>
                    </a:lnTo>
                    <a:lnTo>
                      <a:pt x="24" y="12"/>
                    </a:lnTo>
                    <a:lnTo>
                      <a:pt x="30" y="18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18"/>
                    </a:lnTo>
                    <a:lnTo>
                      <a:pt x="0" y="6"/>
                    </a:lnTo>
                    <a:lnTo>
                      <a:pt x="6" y="6"/>
                    </a:lnTo>
                    <a:lnTo>
                      <a:pt x="6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33" name="Freeform 161"/>
              <p:cNvSpPr>
                <a:spLocks noChangeAspect="1"/>
              </p:cNvSpPr>
              <p:nvPr/>
            </p:nvSpPr>
            <p:spPr bwMode="auto">
              <a:xfrm>
                <a:off x="3831" y="1978"/>
                <a:ext cx="23" cy="8"/>
              </a:xfrm>
              <a:custGeom>
                <a:avLst/>
                <a:gdLst>
                  <a:gd name="T0" fmla="*/ 0 w 30"/>
                  <a:gd name="T1" fmla="*/ 2 h 12"/>
                  <a:gd name="T2" fmla="*/ 3 w 30"/>
                  <a:gd name="T3" fmla="*/ 0 h 12"/>
                  <a:gd name="T4" fmla="*/ 14 w 30"/>
                  <a:gd name="T5" fmla="*/ 0 h 12"/>
                  <a:gd name="T6" fmla="*/ 14 w 30"/>
                  <a:gd name="T7" fmla="*/ 2 h 12"/>
                  <a:gd name="T8" fmla="*/ 11 w 30"/>
                  <a:gd name="T9" fmla="*/ 3 h 12"/>
                  <a:gd name="T10" fmla="*/ 5 w 30"/>
                  <a:gd name="T11" fmla="*/ 2 h 12"/>
                  <a:gd name="T12" fmla="*/ 3 w 30"/>
                  <a:gd name="T13" fmla="*/ 2 h 12"/>
                  <a:gd name="T14" fmla="*/ 0 w 30"/>
                  <a:gd name="T15" fmla="*/ 2 h 12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30"/>
                  <a:gd name="T25" fmla="*/ 0 h 12"/>
                  <a:gd name="T26" fmla="*/ 30 w 30"/>
                  <a:gd name="T27" fmla="*/ 12 h 12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30" h="12">
                    <a:moveTo>
                      <a:pt x="0" y="6"/>
                    </a:moveTo>
                    <a:lnTo>
                      <a:pt x="6" y="0"/>
                    </a:lnTo>
                    <a:lnTo>
                      <a:pt x="30" y="0"/>
                    </a:lnTo>
                    <a:lnTo>
                      <a:pt x="30" y="6"/>
                    </a:lnTo>
                    <a:lnTo>
                      <a:pt x="24" y="12"/>
                    </a:lnTo>
                    <a:lnTo>
                      <a:pt x="12" y="6"/>
                    </a:lnTo>
                    <a:lnTo>
                      <a:pt x="6" y="6"/>
                    </a:lnTo>
                    <a:lnTo>
                      <a:pt x="0" y="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34" name="Freeform 162"/>
              <p:cNvSpPr>
                <a:spLocks noChangeAspect="1"/>
              </p:cNvSpPr>
              <p:nvPr/>
            </p:nvSpPr>
            <p:spPr bwMode="auto">
              <a:xfrm>
                <a:off x="3831" y="1978"/>
                <a:ext cx="23" cy="8"/>
              </a:xfrm>
              <a:custGeom>
                <a:avLst/>
                <a:gdLst>
                  <a:gd name="T0" fmla="*/ 0 w 30"/>
                  <a:gd name="T1" fmla="*/ 2 h 12"/>
                  <a:gd name="T2" fmla="*/ 3 w 30"/>
                  <a:gd name="T3" fmla="*/ 0 h 12"/>
                  <a:gd name="T4" fmla="*/ 14 w 30"/>
                  <a:gd name="T5" fmla="*/ 0 h 12"/>
                  <a:gd name="T6" fmla="*/ 14 w 30"/>
                  <a:gd name="T7" fmla="*/ 2 h 12"/>
                  <a:gd name="T8" fmla="*/ 11 w 30"/>
                  <a:gd name="T9" fmla="*/ 3 h 12"/>
                  <a:gd name="T10" fmla="*/ 5 w 30"/>
                  <a:gd name="T11" fmla="*/ 2 h 12"/>
                  <a:gd name="T12" fmla="*/ 3 w 30"/>
                  <a:gd name="T13" fmla="*/ 2 h 12"/>
                  <a:gd name="T14" fmla="*/ 0 w 30"/>
                  <a:gd name="T15" fmla="*/ 2 h 12"/>
                  <a:gd name="T16" fmla="*/ 0 w 30"/>
                  <a:gd name="T17" fmla="*/ 3 h 12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30"/>
                  <a:gd name="T28" fmla="*/ 0 h 12"/>
                  <a:gd name="T29" fmla="*/ 30 w 30"/>
                  <a:gd name="T30" fmla="*/ 12 h 12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30" h="12">
                    <a:moveTo>
                      <a:pt x="0" y="6"/>
                    </a:moveTo>
                    <a:lnTo>
                      <a:pt x="6" y="0"/>
                    </a:lnTo>
                    <a:lnTo>
                      <a:pt x="30" y="0"/>
                    </a:lnTo>
                    <a:lnTo>
                      <a:pt x="30" y="6"/>
                    </a:lnTo>
                    <a:lnTo>
                      <a:pt x="24" y="12"/>
                    </a:lnTo>
                    <a:lnTo>
                      <a:pt x="12" y="6"/>
                    </a:lnTo>
                    <a:lnTo>
                      <a:pt x="6" y="6"/>
                    </a:lnTo>
                    <a:lnTo>
                      <a:pt x="0" y="6"/>
                    </a:lnTo>
                    <a:lnTo>
                      <a:pt x="0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35" name="Freeform 163"/>
              <p:cNvSpPr>
                <a:spLocks noChangeAspect="1"/>
              </p:cNvSpPr>
              <p:nvPr/>
            </p:nvSpPr>
            <p:spPr bwMode="auto">
              <a:xfrm>
                <a:off x="3859" y="1986"/>
                <a:ext cx="27" cy="21"/>
              </a:xfrm>
              <a:custGeom>
                <a:avLst/>
                <a:gdLst>
                  <a:gd name="T0" fmla="*/ 5 w 36"/>
                  <a:gd name="T1" fmla="*/ 2 h 30"/>
                  <a:gd name="T2" fmla="*/ 10 w 36"/>
                  <a:gd name="T3" fmla="*/ 2 h 30"/>
                  <a:gd name="T4" fmla="*/ 15 w 36"/>
                  <a:gd name="T5" fmla="*/ 6 h 30"/>
                  <a:gd name="T6" fmla="*/ 15 w 36"/>
                  <a:gd name="T7" fmla="*/ 8 h 30"/>
                  <a:gd name="T8" fmla="*/ 10 w 36"/>
                  <a:gd name="T9" fmla="*/ 11 h 30"/>
                  <a:gd name="T10" fmla="*/ 7 w 36"/>
                  <a:gd name="T11" fmla="*/ 11 h 30"/>
                  <a:gd name="T12" fmla="*/ 5 w 36"/>
                  <a:gd name="T13" fmla="*/ 6 h 30"/>
                  <a:gd name="T14" fmla="*/ 2 w 36"/>
                  <a:gd name="T15" fmla="*/ 4 h 30"/>
                  <a:gd name="T16" fmla="*/ 0 w 36"/>
                  <a:gd name="T17" fmla="*/ 2 h 30"/>
                  <a:gd name="T18" fmla="*/ 0 w 36"/>
                  <a:gd name="T19" fmla="*/ 0 h 30"/>
                  <a:gd name="T20" fmla="*/ 2 w 36"/>
                  <a:gd name="T21" fmla="*/ 0 h 30"/>
                  <a:gd name="T22" fmla="*/ 5 w 36"/>
                  <a:gd name="T23" fmla="*/ 2 h 30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6"/>
                  <a:gd name="T37" fmla="*/ 0 h 30"/>
                  <a:gd name="T38" fmla="*/ 36 w 36"/>
                  <a:gd name="T39" fmla="*/ 30 h 30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6" h="30">
                    <a:moveTo>
                      <a:pt x="12" y="6"/>
                    </a:moveTo>
                    <a:lnTo>
                      <a:pt x="24" y="6"/>
                    </a:lnTo>
                    <a:lnTo>
                      <a:pt x="36" y="18"/>
                    </a:lnTo>
                    <a:lnTo>
                      <a:pt x="36" y="24"/>
                    </a:lnTo>
                    <a:lnTo>
                      <a:pt x="24" y="30"/>
                    </a:lnTo>
                    <a:lnTo>
                      <a:pt x="18" y="30"/>
                    </a:lnTo>
                    <a:lnTo>
                      <a:pt x="12" y="18"/>
                    </a:lnTo>
                    <a:lnTo>
                      <a:pt x="6" y="12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6" y="0"/>
                    </a:lnTo>
                    <a:lnTo>
                      <a:pt x="12" y="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36" name="Freeform 164"/>
              <p:cNvSpPr>
                <a:spLocks noChangeAspect="1"/>
              </p:cNvSpPr>
              <p:nvPr/>
            </p:nvSpPr>
            <p:spPr bwMode="auto">
              <a:xfrm>
                <a:off x="3859" y="1986"/>
                <a:ext cx="27" cy="21"/>
              </a:xfrm>
              <a:custGeom>
                <a:avLst/>
                <a:gdLst>
                  <a:gd name="T0" fmla="*/ 5 w 36"/>
                  <a:gd name="T1" fmla="*/ 2 h 30"/>
                  <a:gd name="T2" fmla="*/ 10 w 36"/>
                  <a:gd name="T3" fmla="*/ 2 h 30"/>
                  <a:gd name="T4" fmla="*/ 15 w 36"/>
                  <a:gd name="T5" fmla="*/ 6 h 30"/>
                  <a:gd name="T6" fmla="*/ 15 w 36"/>
                  <a:gd name="T7" fmla="*/ 8 h 30"/>
                  <a:gd name="T8" fmla="*/ 10 w 36"/>
                  <a:gd name="T9" fmla="*/ 11 h 30"/>
                  <a:gd name="T10" fmla="*/ 7 w 36"/>
                  <a:gd name="T11" fmla="*/ 11 h 30"/>
                  <a:gd name="T12" fmla="*/ 5 w 36"/>
                  <a:gd name="T13" fmla="*/ 6 h 30"/>
                  <a:gd name="T14" fmla="*/ 2 w 36"/>
                  <a:gd name="T15" fmla="*/ 4 h 30"/>
                  <a:gd name="T16" fmla="*/ 0 w 36"/>
                  <a:gd name="T17" fmla="*/ 2 h 30"/>
                  <a:gd name="T18" fmla="*/ 0 w 36"/>
                  <a:gd name="T19" fmla="*/ 0 h 30"/>
                  <a:gd name="T20" fmla="*/ 2 w 36"/>
                  <a:gd name="T21" fmla="*/ 0 h 30"/>
                  <a:gd name="T22" fmla="*/ 5 w 36"/>
                  <a:gd name="T23" fmla="*/ 2 h 30"/>
                  <a:gd name="T24" fmla="*/ 5 w 36"/>
                  <a:gd name="T25" fmla="*/ 4 h 30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36"/>
                  <a:gd name="T40" fmla="*/ 0 h 30"/>
                  <a:gd name="T41" fmla="*/ 36 w 36"/>
                  <a:gd name="T42" fmla="*/ 30 h 30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36" h="30">
                    <a:moveTo>
                      <a:pt x="12" y="6"/>
                    </a:moveTo>
                    <a:lnTo>
                      <a:pt x="24" y="6"/>
                    </a:lnTo>
                    <a:lnTo>
                      <a:pt x="36" y="18"/>
                    </a:lnTo>
                    <a:lnTo>
                      <a:pt x="36" y="24"/>
                    </a:lnTo>
                    <a:lnTo>
                      <a:pt x="24" y="30"/>
                    </a:lnTo>
                    <a:lnTo>
                      <a:pt x="18" y="30"/>
                    </a:lnTo>
                    <a:lnTo>
                      <a:pt x="12" y="18"/>
                    </a:lnTo>
                    <a:lnTo>
                      <a:pt x="6" y="12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6" y="0"/>
                    </a:lnTo>
                    <a:lnTo>
                      <a:pt x="12" y="6"/>
                    </a:lnTo>
                    <a:lnTo>
                      <a:pt x="12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37" name="Freeform 165"/>
              <p:cNvSpPr>
                <a:spLocks noChangeAspect="1"/>
              </p:cNvSpPr>
              <p:nvPr/>
            </p:nvSpPr>
            <p:spPr bwMode="auto">
              <a:xfrm>
                <a:off x="3886" y="2027"/>
                <a:ext cx="51" cy="61"/>
              </a:xfrm>
              <a:custGeom>
                <a:avLst/>
                <a:gdLst>
                  <a:gd name="T0" fmla="*/ 3 w 66"/>
                  <a:gd name="T1" fmla="*/ 0 h 90"/>
                  <a:gd name="T2" fmla="*/ 5 w 66"/>
                  <a:gd name="T3" fmla="*/ 0 h 90"/>
                  <a:gd name="T4" fmla="*/ 8 w 66"/>
                  <a:gd name="T5" fmla="*/ 2 h 90"/>
                  <a:gd name="T6" fmla="*/ 17 w 66"/>
                  <a:gd name="T7" fmla="*/ 2 h 90"/>
                  <a:gd name="T8" fmla="*/ 19 w 66"/>
                  <a:gd name="T9" fmla="*/ 3 h 90"/>
                  <a:gd name="T10" fmla="*/ 22 w 66"/>
                  <a:gd name="T11" fmla="*/ 5 h 90"/>
                  <a:gd name="T12" fmla="*/ 22 w 66"/>
                  <a:gd name="T13" fmla="*/ 7 h 90"/>
                  <a:gd name="T14" fmla="*/ 25 w 66"/>
                  <a:gd name="T15" fmla="*/ 9 h 90"/>
                  <a:gd name="T16" fmla="*/ 28 w 66"/>
                  <a:gd name="T17" fmla="*/ 11 h 90"/>
                  <a:gd name="T18" fmla="*/ 30 w 66"/>
                  <a:gd name="T19" fmla="*/ 13 h 90"/>
                  <a:gd name="T20" fmla="*/ 30 w 66"/>
                  <a:gd name="T21" fmla="*/ 17 h 90"/>
                  <a:gd name="T22" fmla="*/ 28 w 66"/>
                  <a:gd name="T23" fmla="*/ 19 h 90"/>
                  <a:gd name="T24" fmla="*/ 19 w 66"/>
                  <a:gd name="T25" fmla="*/ 19 h 90"/>
                  <a:gd name="T26" fmla="*/ 17 w 66"/>
                  <a:gd name="T27" fmla="*/ 20 h 90"/>
                  <a:gd name="T28" fmla="*/ 14 w 66"/>
                  <a:gd name="T29" fmla="*/ 20 h 90"/>
                  <a:gd name="T30" fmla="*/ 14 w 66"/>
                  <a:gd name="T31" fmla="*/ 24 h 90"/>
                  <a:gd name="T32" fmla="*/ 12 w 66"/>
                  <a:gd name="T33" fmla="*/ 26 h 90"/>
                  <a:gd name="T34" fmla="*/ 8 w 66"/>
                  <a:gd name="T35" fmla="*/ 28 h 90"/>
                  <a:gd name="T36" fmla="*/ 5 w 66"/>
                  <a:gd name="T37" fmla="*/ 26 h 90"/>
                  <a:gd name="T38" fmla="*/ 5 w 66"/>
                  <a:gd name="T39" fmla="*/ 22 h 90"/>
                  <a:gd name="T40" fmla="*/ 3 w 66"/>
                  <a:gd name="T41" fmla="*/ 20 h 90"/>
                  <a:gd name="T42" fmla="*/ 3 w 66"/>
                  <a:gd name="T43" fmla="*/ 15 h 90"/>
                  <a:gd name="T44" fmla="*/ 0 w 66"/>
                  <a:gd name="T45" fmla="*/ 11 h 90"/>
                  <a:gd name="T46" fmla="*/ 0 w 66"/>
                  <a:gd name="T47" fmla="*/ 9 h 90"/>
                  <a:gd name="T48" fmla="*/ 3 w 66"/>
                  <a:gd name="T49" fmla="*/ 5 h 90"/>
                  <a:gd name="T50" fmla="*/ 3 w 66"/>
                  <a:gd name="T51" fmla="*/ 0 h 90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66"/>
                  <a:gd name="T79" fmla="*/ 0 h 90"/>
                  <a:gd name="T80" fmla="*/ 66 w 66"/>
                  <a:gd name="T81" fmla="*/ 90 h 90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66" h="90">
                    <a:moveTo>
                      <a:pt x="6" y="0"/>
                    </a:moveTo>
                    <a:lnTo>
                      <a:pt x="12" y="0"/>
                    </a:lnTo>
                    <a:lnTo>
                      <a:pt x="18" y="6"/>
                    </a:lnTo>
                    <a:lnTo>
                      <a:pt x="36" y="6"/>
                    </a:lnTo>
                    <a:lnTo>
                      <a:pt x="42" y="12"/>
                    </a:lnTo>
                    <a:lnTo>
                      <a:pt x="48" y="18"/>
                    </a:lnTo>
                    <a:lnTo>
                      <a:pt x="48" y="24"/>
                    </a:lnTo>
                    <a:lnTo>
                      <a:pt x="54" y="30"/>
                    </a:lnTo>
                    <a:lnTo>
                      <a:pt x="60" y="36"/>
                    </a:lnTo>
                    <a:lnTo>
                      <a:pt x="66" y="42"/>
                    </a:lnTo>
                    <a:lnTo>
                      <a:pt x="66" y="54"/>
                    </a:lnTo>
                    <a:lnTo>
                      <a:pt x="60" y="60"/>
                    </a:lnTo>
                    <a:lnTo>
                      <a:pt x="42" y="60"/>
                    </a:lnTo>
                    <a:lnTo>
                      <a:pt x="36" y="66"/>
                    </a:lnTo>
                    <a:lnTo>
                      <a:pt x="30" y="66"/>
                    </a:lnTo>
                    <a:lnTo>
                      <a:pt x="30" y="78"/>
                    </a:lnTo>
                    <a:lnTo>
                      <a:pt x="24" y="84"/>
                    </a:lnTo>
                    <a:lnTo>
                      <a:pt x="18" y="9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6" y="66"/>
                    </a:lnTo>
                    <a:lnTo>
                      <a:pt x="6" y="48"/>
                    </a:lnTo>
                    <a:lnTo>
                      <a:pt x="0" y="36"/>
                    </a:lnTo>
                    <a:lnTo>
                      <a:pt x="0" y="30"/>
                    </a:lnTo>
                    <a:lnTo>
                      <a:pt x="6" y="18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38" name="Freeform 166"/>
              <p:cNvSpPr>
                <a:spLocks noChangeAspect="1"/>
              </p:cNvSpPr>
              <p:nvPr/>
            </p:nvSpPr>
            <p:spPr bwMode="auto">
              <a:xfrm>
                <a:off x="3886" y="2027"/>
                <a:ext cx="51" cy="61"/>
              </a:xfrm>
              <a:custGeom>
                <a:avLst/>
                <a:gdLst>
                  <a:gd name="T0" fmla="*/ 3 w 66"/>
                  <a:gd name="T1" fmla="*/ 0 h 90"/>
                  <a:gd name="T2" fmla="*/ 5 w 66"/>
                  <a:gd name="T3" fmla="*/ 0 h 90"/>
                  <a:gd name="T4" fmla="*/ 8 w 66"/>
                  <a:gd name="T5" fmla="*/ 2 h 90"/>
                  <a:gd name="T6" fmla="*/ 17 w 66"/>
                  <a:gd name="T7" fmla="*/ 2 h 90"/>
                  <a:gd name="T8" fmla="*/ 19 w 66"/>
                  <a:gd name="T9" fmla="*/ 3 h 90"/>
                  <a:gd name="T10" fmla="*/ 22 w 66"/>
                  <a:gd name="T11" fmla="*/ 5 h 90"/>
                  <a:gd name="T12" fmla="*/ 22 w 66"/>
                  <a:gd name="T13" fmla="*/ 7 h 90"/>
                  <a:gd name="T14" fmla="*/ 25 w 66"/>
                  <a:gd name="T15" fmla="*/ 9 h 90"/>
                  <a:gd name="T16" fmla="*/ 28 w 66"/>
                  <a:gd name="T17" fmla="*/ 11 h 90"/>
                  <a:gd name="T18" fmla="*/ 30 w 66"/>
                  <a:gd name="T19" fmla="*/ 13 h 90"/>
                  <a:gd name="T20" fmla="*/ 30 w 66"/>
                  <a:gd name="T21" fmla="*/ 17 h 90"/>
                  <a:gd name="T22" fmla="*/ 28 w 66"/>
                  <a:gd name="T23" fmla="*/ 19 h 90"/>
                  <a:gd name="T24" fmla="*/ 19 w 66"/>
                  <a:gd name="T25" fmla="*/ 19 h 90"/>
                  <a:gd name="T26" fmla="*/ 17 w 66"/>
                  <a:gd name="T27" fmla="*/ 20 h 90"/>
                  <a:gd name="T28" fmla="*/ 14 w 66"/>
                  <a:gd name="T29" fmla="*/ 20 h 90"/>
                  <a:gd name="T30" fmla="*/ 14 w 66"/>
                  <a:gd name="T31" fmla="*/ 24 h 90"/>
                  <a:gd name="T32" fmla="*/ 12 w 66"/>
                  <a:gd name="T33" fmla="*/ 26 h 90"/>
                  <a:gd name="T34" fmla="*/ 8 w 66"/>
                  <a:gd name="T35" fmla="*/ 28 h 90"/>
                  <a:gd name="T36" fmla="*/ 5 w 66"/>
                  <a:gd name="T37" fmla="*/ 26 h 90"/>
                  <a:gd name="T38" fmla="*/ 5 w 66"/>
                  <a:gd name="T39" fmla="*/ 22 h 90"/>
                  <a:gd name="T40" fmla="*/ 3 w 66"/>
                  <a:gd name="T41" fmla="*/ 20 h 90"/>
                  <a:gd name="T42" fmla="*/ 3 w 66"/>
                  <a:gd name="T43" fmla="*/ 15 h 90"/>
                  <a:gd name="T44" fmla="*/ 0 w 66"/>
                  <a:gd name="T45" fmla="*/ 11 h 90"/>
                  <a:gd name="T46" fmla="*/ 0 w 66"/>
                  <a:gd name="T47" fmla="*/ 9 h 90"/>
                  <a:gd name="T48" fmla="*/ 3 w 66"/>
                  <a:gd name="T49" fmla="*/ 5 h 90"/>
                  <a:gd name="T50" fmla="*/ 3 w 66"/>
                  <a:gd name="T51" fmla="*/ 0 h 90"/>
                  <a:gd name="T52" fmla="*/ 3 w 66"/>
                  <a:gd name="T53" fmla="*/ 2 h 90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66"/>
                  <a:gd name="T82" fmla="*/ 0 h 90"/>
                  <a:gd name="T83" fmla="*/ 66 w 66"/>
                  <a:gd name="T84" fmla="*/ 90 h 90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66" h="90">
                    <a:moveTo>
                      <a:pt x="6" y="0"/>
                    </a:moveTo>
                    <a:lnTo>
                      <a:pt x="12" y="0"/>
                    </a:lnTo>
                    <a:lnTo>
                      <a:pt x="18" y="6"/>
                    </a:lnTo>
                    <a:lnTo>
                      <a:pt x="36" y="6"/>
                    </a:lnTo>
                    <a:lnTo>
                      <a:pt x="42" y="12"/>
                    </a:lnTo>
                    <a:lnTo>
                      <a:pt x="48" y="18"/>
                    </a:lnTo>
                    <a:lnTo>
                      <a:pt x="48" y="24"/>
                    </a:lnTo>
                    <a:lnTo>
                      <a:pt x="54" y="30"/>
                    </a:lnTo>
                    <a:lnTo>
                      <a:pt x="60" y="36"/>
                    </a:lnTo>
                    <a:lnTo>
                      <a:pt x="66" y="42"/>
                    </a:lnTo>
                    <a:lnTo>
                      <a:pt x="66" y="54"/>
                    </a:lnTo>
                    <a:lnTo>
                      <a:pt x="60" y="60"/>
                    </a:lnTo>
                    <a:lnTo>
                      <a:pt x="42" y="60"/>
                    </a:lnTo>
                    <a:lnTo>
                      <a:pt x="36" y="66"/>
                    </a:lnTo>
                    <a:lnTo>
                      <a:pt x="30" y="66"/>
                    </a:lnTo>
                    <a:lnTo>
                      <a:pt x="30" y="78"/>
                    </a:lnTo>
                    <a:lnTo>
                      <a:pt x="24" y="84"/>
                    </a:lnTo>
                    <a:lnTo>
                      <a:pt x="18" y="9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6" y="66"/>
                    </a:lnTo>
                    <a:lnTo>
                      <a:pt x="6" y="48"/>
                    </a:lnTo>
                    <a:lnTo>
                      <a:pt x="0" y="36"/>
                    </a:lnTo>
                    <a:lnTo>
                      <a:pt x="0" y="30"/>
                    </a:lnTo>
                    <a:lnTo>
                      <a:pt x="6" y="18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39" name="Freeform 167"/>
              <p:cNvSpPr>
                <a:spLocks noChangeAspect="1"/>
              </p:cNvSpPr>
              <p:nvPr/>
            </p:nvSpPr>
            <p:spPr bwMode="auto">
              <a:xfrm>
                <a:off x="3845" y="1990"/>
                <a:ext cx="9" cy="8"/>
              </a:xfrm>
              <a:custGeom>
                <a:avLst/>
                <a:gdLst>
                  <a:gd name="T0" fmla="*/ 0 w 12"/>
                  <a:gd name="T1" fmla="*/ 2 h 12"/>
                  <a:gd name="T2" fmla="*/ 0 w 12"/>
                  <a:gd name="T3" fmla="*/ 0 h 12"/>
                  <a:gd name="T4" fmla="*/ 3 w 12"/>
                  <a:gd name="T5" fmla="*/ 0 h 12"/>
                  <a:gd name="T6" fmla="*/ 3 w 12"/>
                  <a:gd name="T7" fmla="*/ 2 h 12"/>
                  <a:gd name="T8" fmla="*/ 5 w 12"/>
                  <a:gd name="T9" fmla="*/ 2 h 12"/>
                  <a:gd name="T10" fmla="*/ 3 w 12"/>
                  <a:gd name="T11" fmla="*/ 3 h 12"/>
                  <a:gd name="T12" fmla="*/ 0 w 12"/>
                  <a:gd name="T13" fmla="*/ 3 h 12"/>
                  <a:gd name="T14" fmla="*/ 0 w 12"/>
                  <a:gd name="T15" fmla="*/ 2 h 12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12"/>
                  <a:gd name="T25" fmla="*/ 0 h 12"/>
                  <a:gd name="T26" fmla="*/ 12 w 12"/>
                  <a:gd name="T27" fmla="*/ 12 h 12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12" h="12">
                    <a:moveTo>
                      <a:pt x="0" y="6"/>
                    </a:moveTo>
                    <a:lnTo>
                      <a:pt x="0" y="0"/>
                    </a:lnTo>
                    <a:lnTo>
                      <a:pt x="6" y="0"/>
                    </a:lnTo>
                    <a:lnTo>
                      <a:pt x="6" y="6"/>
                    </a:lnTo>
                    <a:lnTo>
                      <a:pt x="12" y="6"/>
                    </a:lnTo>
                    <a:lnTo>
                      <a:pt x="6" y="12"/>
                    </a:lnTo>
                    <a:lnTo>
                      <a:pt x="0" y="12"/>
                    </a:lnTo>
                    <a:lnTo>
                      <a:pt x="0" y="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40" name="Freeform 168"/>
              <p:cNvSpPr>
                <a:spLocks noChangeAspect="1"/>
              </p:cNvSpPr>
              <p:nvPr/>
            </p:nvSpPr>
            <p:spPr bwMode="auto">
              <a:xfrm>
                <a:off x="3845" y="1990"/>
                <a:ext cx="9" cy="8"/>
              </a:xfrm>
              <a:custGeom>
                <a:avLst/>
                <a:gdLst>
                  <a:gd name="T0" fmla="*/ 0 w 12"/>
                  <a:gd name="T1" fmla="*/ 2 h 12"/>
                  <a:gd name="T2" fmla="*/ 0 w 12"/>
                  <a:gd name="T3" fmla="*/ 0 h 12"/>
                  <a:gd name="T4" fmla="*/ 3 w 12"/>
                  <a:gd name="T5" fmla="*/ 0 h 12"/>
                  <a:gd name="T6" fmla="*/ 3 w 12"/>
                  <a:gd name="T7" fmla="*/ 2 h 12"/>
                  <a:gd name="T8" fmla="*/ 5 w 12"/>
                  <a:gd name="T9" fmla="*/ 2 h 12"/>
                  <a:gd name="T10" fmla="*/ 3 w 12"/>
                  <a:gd name="T11" fmla="*/ 3 h 12"/>
                  <a:gd name="T12" fmla="*/ 0 w 12"/>
                  <a:gd name="T13" fmla="*/ 3 h 12"/>
                  <a:gd name="T14" fmla="*/ 0 w 12"/>
                  <a:gd name="T15" fmla="*/ 2 h 12"/>
                  <a:gd name="T16" fmla="*/ 0 w 12"/>
                  <a:gd name="T17" fmla="*/ 3 h 12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12"/>
                  <a:gd name="T28" fmla="*/ 0 h 12"/>
                  <a:gd name="T29" fmla="*/ 12 w 12"/>
                  <a:gd name="T30" fmla="*/ 12 h 12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12" h="12">
                    <a:moveTo>
                      <a:pt x="0" y="6"/>
                    </a:moveTo>
                    <a:lnTo>
                      <a:pt x="0" y="0"/>
                    </a:lnTo>
                    <a:lnTo>
                      <a:pt x="6" y="0"/>
                    </a:lnTo>
                    <a:lnTo>
                      <a:pt x="6" y="6"/>
                    </a:lnTo>
                    <a:lnTo>
                      <a:pt x="12" y="6"/>
                    </a:lnTo>
                    <a:lnTo>
                      <a:pt x="6" y="12"/>
                    </a:lnTo>
                    <a:lnTo>
                      <a:pt x="0" y="12"/>
                    </a:lnTo>
                    <a:lnTo>
                      <a:pt x="0" y="6"/>
                    </a:lnTo>
                    <a:lnTo>
                      <a:pt x="0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41" name="Freeform 169"/>
              <p:cNvSpPr>
                <a:spLocks noChangeAspect="1"/>
              </p:cNvSpPr>
              <p:nvPr/>
            </p:nvSpPr>
            <p:spPr bwMode="auto">
              <a:xfrm>
                <a:off x="3607" y="1017"/>
                <a:ext cx="234" cy="334"/>
              </a:xfrm>
              <a:custGeom>
                <a:avLst/>
                <a:gdLst>
                  <a:gd name="T0" fmla="*/ 62 w 306"/>
                  <a:gd name="T1" fmla="*/ 145 h 492"/>
                  <a:gd name="T2" fmla="*/ 0 w 306"/>
                  <a:gd name="T3" fmla="*/ 137 h 492"/>
                  <a:gd name="T4" fmla="*/ 16 w 306"/>
                  <a:gd name="T5" fmla="*/ 94 h 492"/>
                  <a:gd name="T6" fmla="*/ 11 w 306"/>
                  <a:gd name="T7" fmla="*/ 88 h 492"/>
                  <a:gd name="T8" fmla="*/ 35 w 306"/>
                  <a:gd name="T9" fmla="*/ 68 h 492"/>
                  <a:gd name="T10" fmla="*/ 27 w 306"/>
                  <a:gd name="T11" fmla="*/ 58 h 492"/>
                  <a:gd name="T12" fmla="*/ 46 w 306"/>
                  <a:gd name="T13" fmla="*/ 0 h 492"/>
                  <a:gd name="T14" fmla="*/ 62 w 306"/>
                  <a:gd name="T15" fmla="*/ 3 h 492"/>
                  <a:gd name="T16" fmla="*/ 56 w 306"/>
                  <a:gd name="T17" fmla="*/ 22 h 492"/>
                  <a:gd name="T18" fmla="*/ 62 w 306"/>
                  <a:gd name="T19" fmla="*/ 32 h 492"/>
                  <a:gd name="T20" fmla="*/ 59 w 306"/>
                  <a:gd name="T21" fmla="*/ 34 h 492"/>
                  <a:gd name="T22" fmla="*/ 67 w 306"/>
                  <a:gd name="T23" fmla="*/ 39 h 492"/>
                  <a:gd name="T24" fmla="*/ 73 w 306"/>
                  <a:gd name="T25" fmla="*/ 51 h 492"/>
                  <a:gd name="T26" fmla="*/ 83 w 306"/>
                  <a:gd name="T27" fmla="*/ 54 h 492"/>
                  <a:gd name="T28" fmla="*/ 73 w 306"/>
                  <a:gd name="T29" fmla="*/ 73 h 492"/>
                  <a:gd name="T30" fmla="*/ 75 w 306"/>
                  <a:gd name="T31" fmla="*/ 77 h 492"/>
                  <a:gd name="T32" fmla="*/ 83 w 306"/>
                  <a:gd name="T33" fmla="*/ 73 h 492"/>
                  <a:gd name="T34" fmla="*/ 86 w 306"/>
                  <a:gd name="T35" fmla="*/ 75 h 492"/>
                  <a:gd name="T36" fmla="*/ 91 w 306"/>
                  <a:gd name="T37" fmla="*/ 90 h 492"/>
                  <a:gd name="T38" fmla="*/ 96 w 306"/>
                  <a:gd name="T39" fmla="*/ 94 h 492"/>
                  <a:gd name="T40" fmla="*/ 99 w 306"/>
                  <a:gd name="T41" fmla="*/ 101 h 492"/>
                  <a:gd name="T42" fmla="*/ 102 w 306"/>
                  <a:gd name="T43" fmla="*/ 100 h 492"/>
                  <a:gd name="T44" fmla="*/ 110 w 306"/>
                  <a:gd name="T45" fmla="*/ 101 h 492"/>
                  <a:gd name="T46" fmla="*/ 113 w 306"/>
                  <a:gd name="T47" fmla="*/ 100 h 492"/>
                  <a:gd name="T48" fmla="*/ 128 w 306"/>
                  <a:gd name="T49" fmla="*/ 101 h 492"/>
                  <a:gd name="T50" fmla="*/ 132 w 306"/>
                  <a:gd name="T51" fmla="*/ 98 h 492"/>
                  <a:gd name="T52" fmla="*/ 137 w 306"/>
                  <a:gd name="T53" fmla="*/ 103 h 492"/>
                  <a:gd name="T54" fmla="*/ 126 w 306"/>
                  <a:gd name="T55" fmla="*/ 154 h 492"/>
                  <a:gd name="T56" fmla="*/ 83 w 306"/>
                  <a:gd name="T57" fmla="*/ 149 h 492"/>
                  <a:gd name="T58" fmla="*/ 62 w 306"/>
                  <a:gd name="T59" fmla="*/ 145 h 492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w 306"/>
                  <a:gd name="T91" fmla="*/ 0 h 492"/>
                  <a:gd name="T92" fmla="*/ 306 w 306"/>
                  <a:gd name="T93" fmla="*/ 492 h 492"/>
                </a:gdLst>
                <a:ahLst/>
                <a:cxnLst>
                  <a:cxn ang="T60">
                    <a:pos x="T0" y="T1"/>
                  </a:cxn>
                  <a:cxn ang="T61">
                    <a:pos x="T2" y="T3"/>
                  </a:cxn>
                  <a:cxn ang="T62">
                    <a:pos x="T4" y="T5"/>
                  </a:cxn>
                  <a:cxn ang="T63">
                    <a:pos x="T6" y="T7"/>
                  </a:cxn>
                  <a:cxn ang="T64">
                    <a:pos x="T8" y="T9"/>
                  </a:cxn>
                  <a:cxn ang="T65">
                    <a:pos x="T10" y="T11"/>
                  </a:cxn>
                  <a:cxn ang="T66">
                    <a:pos x="T12" y="T13"/>
                  </a:cxn>
                  <a:cxn ang="T67">
                    <a:pos x="T14" y="T15"/>
                  </a:cxn>
                  <a:cxn ang="T68">
                    <a:pos x="T16" y="T17"/>
                  </a:cxn>
                  <a:cxn ang="T69">
                    <a:pos x="T18" y="T19"/>
                  </a:cxn>
                  <a:cxn ang="T70">
                    <a:pos x="T20" y="T21"/>
                  </a:cxn>
                  <a:cxn ang="T71">
                    <a:pos x="T22" y="T23"/>
                  </a:cxn>
                  <a:cxn ang="T72">
                    <a:pos x="T24" y="T25"/>
                  </a:cxn>
                  <a:cxn ang="T73">
                    <a:pos x="T26" y="T27"/>
                  </a:cxn>
                  <a:cxn ang="T74">
                    <a:pos x="T28" y="T29"/>
                  </a:cxn>
                  <a:cxn ang="T75">
                    <a:pos x="T30" y="T31"/>
                  </a:cxn>
                  <a:cxn ang="T76">
                    <a:pos x="T32" y="T33"/>
                  </a:cxn>
                  <a:cxn ang="T77">
                    <a:pos x="T34" y="T35"/>
                  </a:cxn>
                  <a:cxn ang="T78">
                    <a:pos x="T36" y="T37"/>
                  </a:cxn>
                  <a:cxn ang="T79">
                    <a:pos x="T38" y="T39"/>
                  </a:cxn>
                  <a:cxn ang="T80">
                    <a:pos x="T40" y="T41"/>
                  </a:cxn>
                  <a:cxn ang="T81">
                    <a:pos x="T42" y="T43"/>
                  </a:cxn>
                  <a:cxn ang="T82">
                    <a:pos x="T44" y="T45"/>
                  </a:cxn>
                  <a:cxn ang="T83">
                    <a:pos x="T46" y="T47"/>
                  </a:cxn>
                  <a:cxn ang="T84">
                    <a:pos x="T48" y="T49"/>
                  </a:cxn>
                  <a:cxn ang="T85">
                    <a:pos x="T50" y="T51"/>
                  </a:cxn>
                  <a:cxn ang="T86">
                    <a:pos x="T52" y="T53"/>
                  </a:cxn>
                  <a:cxn ang="T87">
                    <a:pos x="T54" y="T55"/>
                  </a:cxn>
                  <a:cxn ang="T88">
                    <a:pos x="T56" y="T57"/>
                  </a:cxn>
                  <a:cxn ang="T89">
                    <a:pos x="T58" y="T59"/>
                  </a:cxn>
                </a:cxnLst>
                <a:rect l="T90" t="T91" r="T92" b="T93"/>
                <a:pathLst>
                  <a:path w="306" h="492">
                    <a:moveTo>
                      <a:pt x="138" y="462"/>
                    </a:moveTo>
                    <a:lnTo>
                      <a:pt x="0" y="438"/>
                    </a:lnTo>
                    <a:lnTo>
                      <a:pt x="36" y="300"/>
                    </a:lnTo>
                    <a:lnTo>
                      <a:pt x="24" y="282"/>
                    </a:lnTo>
                    <a:lnTo>
                      <a:pt x="78" y="216"/>
                    </a:lnTo>
                    <a:lnTo>
                      <a:pt x="60" y="186"/>
                    </a:lnTo>
                    <a:lnTo>
                      <a:pt x="102" y="0"/>
                    </a:lnTo>
                    <a:lnTo>
                      <a:pt x="138" y="12"/>
                    </a:lnTo>
                    <a:lnTo>
                      <a:pt x="126" y="72"/>
                    </a:lnTo>
                    <a:lnTo>
                      <a:pt x="138" y="102"/>
                    </a:lnTo>
                    <a:lnTo>
                      <a:pt x="132" y="108"/>
                    </a:lnTo>
                    <a:lnTo>
                      <a:pt x="150" y="126"/>
                    </a:lnTo>
                    <a:lnTo>
                      <a:pt x="162" y="162"/>
                    </a:lnTo>
                    <a:lnTo>
                      <a:pt x="186" y="174"/>
                    </a:lnTo>
                    <a:lnTo>
                      <a:pt x="162" y="234"/>
                    </a:lnTo>
                    <a:lnTo>
                      <a:pt x="168" y="246"/>
                    </a:lnTo>
                    <a:lnTo>
                      <a:pt x="186" y="234"/>
                    </a:lnTo>
                    <a:lnTo>
                      <a:pt x="192" y="240"/>
                    </a:lnTo>
                    <a:lnTo>
                      <a:pt x="204" y="288"/>
                    </a:lnTo>
                    <a:lnTo>
                      <a:pt x="216" y="300"/>
                    </a:lnTo>
                    <a:lnTo>
                      <a:pt x="222" y="324"/>
                    </a:lnTo>
                    <a:lnTo>
                      <a:pt x="228" y="318"/>
                    </a:lnTo>
                    <a:lnTo>
                      <a:pt x="246" y="324"/>
                    </a:lnTo>
                    <a:lnTo>
                      <a:pt x="252" y="318"/>
                    </a:lnTo>
                    <a:lnTo>
                      <a:pt x="288" y="324"/>
                    </a:lnTo>
                    <a:lnTo>
                      <a:pt x="294" y="312"/>
                    </a:lnTo>
                    <a:lnTo>
                      <a:pt x="306" y="330"/>
                    </a:lnTo>
                    <a:lnTo>
                      <a:pt x="282" y="492"/>
                    </a:lnTo>
                    <a:lnTo>
                      <a:pt x="186" y="474"/>
                    </a:lnTo>
                    <a:lnTo>
                      <a:pt x="138" y="462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42" name="Freeform 170"/>
              <p:cNvSpPr>
                <a:spLocks noChangeAspect="1"/>
              </p:cNvSpPr>
              <p:nvPr/>
            </p:nvSpPr>
            <p:spPr bwMode="auto">
              <a:xfrm>
                <a:off x="3607" y="1017"/>
                <a:ext cx="234" cy="334"/>
              </a:xfrm>
              <a:custGeom>
                <a:avLst/>
                <a:gdLst>
                  <a:gd name="T0" fmla="*/ 62 w 306"/>
                  <a:gd name="T1" fmla="*/ 145 h 492"/>
                  <a:gd name="T2" fmla="*/ 0 w 306"/>
                  <a:gd name="T3" fmla="*/ 137 h 492"/>
                  <a:gd name="T4" fmla="*/ 16 w 306"/>
                  <a:gd name="T5" fmla="*/ 94 h 492"/>
                  <a:gd name="T6" fmla="*/ 11 w 306"/>
                  <a:gd name="T7" fmla="*/ 88 h 492"/>
                  <a:gd name="T8" fmla="*/ 35 w 306"/>
                  <a:gd name="T9" fmla="*/ 68 h 492"/>
                  <a:gd name="T10" fmla="*/ 27 w 306"/>
                  <a:gd name="T11" fmla="*/ 58 h 492"/>
                  <a:gd name="T12" fmla="*/ 46 w 306"/>
                  <a:gd name="T13" fmla="*/ 0 h 492"/>
                  <a:gd name="T14" fmla="*/ 62 w 306"/>
                  <a:gd name="T15" fmla="*/ 3 h 492"/>
                  <a:gd name="T16" fmla="*/ 56 w 306"/>
                  <a:gd name="T17" fmla="*/ 22 h 492"/>
                  <a:gd name="T18" fmla="*/ 62 w 306"/>
                  <a:gd name="T19" fmla="*/ 32 h 492"/>
                  <a:gd name="T20" fmla="*/ 59 w 306"/>
                  <a:gd name="T21" fmla="*/ 34 h 492"/>
                  <a:gd name="T22" fmla="*/ 67 w 306"/>
                  <a:gd name="T23" fmla="*/ 39 h 492"/>
                  <a:gd name="T24" fmla="*/ 73 w 306"/>
                  <a:gd name="T25" fmla="*/ 51 h 492"/>
                  <a:gd name="T26" fmla="*/ 83 w 306"/>
                  <a:gd name="T27" fmla="*/ 54 h 492"/>
                  <a:gd name="T28" fmla="*/ 73 w 306"/>
                  <a:gd name="T29" fmla="*/ 73 h 492"/>
                  <a:gd name="T30" fmla="*/ 75 w 306"/>
                  <a:gd name="T31" fmla="*/ 77 h 492"/>
                  <a:gd name="T32" fmla="*/ 83 w 306"/>
                  <a:gd name="T33" fmla="*/ 73 h 492"/>
                  <a:gd name="T34" fmla="*/ 86 w 306"/>
                  <a:gd name="T35" fmla="*/ 75 h 492"/>
                  <a:gd name="T36" fmla="*/ 91 w 306"/>
                  <a:gd name="T37" fmla="*/ 90 h 492"/>
                  <a:gd name="T38" fmla="*/ 96 w 306"/>
                  <a:gd name="T39" fmla="*/ 94 h 492"/>
                  <a:gd name="T40" fmla="*/ 99 w 306"/>
                  <a:gd name="T41" fmla="*/ 101 h 492"/>
                  <a:gd name="T42" fmla="*/ 102 w 306"/>
                  <a:gd name="T43" fmla="*/ 100 h 492"/>
                  <a:gd name="T44" fmla="*/ 110 w 306"/>
                  <a:gd name="T45" fmla="*/ 101 h 492"/>
                  <a:gd name="T46" fmla="*/ 113 w 306"/>
                  <a:gd name="T47" fmla="*/ 100 h 492"/>
                  <a:gd name="T48" fmla="*/ 128 w 306"/>
                  <a:gd name="T49" fmla="*/ 101 h 492"/>
                  <a:gd name="T50" fmla="*/ 132 w 306"/>
                  <a:gd name="T51" fmla="*/ 98 h 492"/>
                  <a:gd name="T52" fmla="*/ 137 w 306"/>
                  <a:gd name="T53" fmla="*/ 103 h 492"/>
                  <a:gd name="T54" fmla="*/ 126 w 306"/>
                  <a:gd name="T55" fmla="*/ 154 h 492"/>
                  <a:gd name="T56" fmla="*/ 83 w 306"/>
                  <a:gd name="T57" fmla="*/ 149 h 492"/>
                  <a:gd name="T58" fmla="*/ 62 w 306"/>
                  <a:gd name="T59" fmla="*/ 145 h 492"/>
                  <a:gd name="T60" fmla="*/ 62 w 306"/>
                  <a:gd name="T61" fmla="*/ 147 h 492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w 306"/>
                  <a:gd name="T94" fmla="*/ 0 h 492"/>
                  <a:gd name="T95" fmla="*/ 306 w 306"/>
                  <a:gd name="T96" fmla="*/ 492 h 492"/>
                </a:gdLst>
                <a:ahLst/>
                <a:cxnLst>
                  <a:cxn ang="T62">
                    <a:pos x="T0" y="T1"/>
                  </a:cxn>
                  <a:cxn ang="T63">
                    <a:pos x="T2" y="T3"/>
                  </a:cxn>
                  <a:cxn ang="T64">
                    <a:pos x="T4" y="T5"/>
                  </a:cxn>
                  <a:cxn ang="T65">
                    <a:pos x="T6" y="T7"/>
                  </a:cxn>
                  <a:cxn ang="T66">
                    <a:pos x="T8" y="T9"/>
                  </a:cxn>
                  <a:cxn ang="T67">
                    <a:pos x="T10" y="T11"/>
                  </a:cxn>
                  <a:cxn ang="T68">
                    <a:pos x="T12" y="T13"/>
                  </a:cxn>
                  <a:cxn ang="T69">
                    <a:pos x="T14" y="T15"/>
                  </a:cxn>
                  <a:cxn ang="T70">
                    <a:pos x="T16" y="T17"/>
                  </a:cxn>
                  <a:cxn ang="T71">
                    <a:pos x="T18" y="T19"/>
                  </a:cxn>
                  <a:cxn ang="T72">
                    <a:pos x="T20" y="T21"/>
                  </a:cxn>
                  <a:cxn ang="T73">
                    <a:pos x="T22" y="T23"/>
                  </a:cxn>
                  <a:cxn ang="T74">
                    <a:pos x="T24" y="T25"/>
                  </a:cxn>
                  <a:cxn ang="T75">
                    <a:pos x="T26" y="T27"/>
                  </a:cxn>
                  <a:cxn ang="T76">
                    <a:pos x="T28" y="T29"/>
                  </a:cxn>
                  <a:cxn ang="T77">
                    <a:pos x="T30" y="T31"/>
                  </a:cxn>
                  <a:cxn ang="T78">
                    <a:pos x="T32" y="T33"/>
                  </a:cxn>
                  <a:cxn ang="T79">
                    <a:pos x="T34" y="T35"/>
                  </a:cxn>
                  <a:cxn ang="T80">
                    <a:pos x="T36" y="T37"/>
                  </a:cxn>
                  <a:cxn ang="T81">
                    <a:pos x="T38" y="T39"/>
                  </a:cxn>
                  <a:cxn ang="T82">
                    <a:pos x="T40" y="T41"/>
                  </a:cxn>
                  <a:cxn ang="T83">
                    <a:pos x="T42" y="T43"/>
                  </a:cxn>
                  <a:cxn ang="T84">
                    <a:pos x="T44" y="T45"/>
                  </a:cxn>
                  <a:cxn ang="T85">
                    <a:pos x="T46" y="T47"/>
                  </a:cxn>
                  <a:cxn ang="T86">
                    <a:pos x="T48" y="T49"/>
                  </a:cxn>
                  <a:cxn ang="T87">
                    <a:pos x="T50" y="T51"/>
                  </a:cxn>
                  <a:cxn ang="T88">
                    <a:pos x="T52" y="T53"/>
                  </a:cxn>
                  <a:cxn ang="T89">
                    <a:pos x="T54" y="T55"/>
                  </a:cxn>
                  <a:cxn ang="T90">
                    <a:pos x="T56" y="T57"/>
                  </a:cxn>
                  <a:cxn ang="T91">
                    <a:pos x="T58" y="T59"/>
                  </a:cxn>
                  <a:cxn ang="T92">
                    <a:pos x="T60" y="T61"/>
                  </a:cxn>
                </a:cxnLst>
                <a:rect l="T93" t="T94" r="T95" b="T96"/>
                <a:pathLst>
                  <a:path w="306" h="492">
                    <a:moveTo>
                      <a:pt x="138" y="462"/>
                    </a:moveTo>
                    <a:lnTo>
                      <a:pt x="0" y="438"/>
                    </a:lnTo>
                    <a:lnTo>
                      <a:pt x="36" y="300"/>
                    </a:lnTo>
                    <a:lnTo>
                      <a:pt x="24" y="282"/>
                    </a:lnTo>
                    <a:lnTo>
                      <a:pt x="78" y="216"/>
                    </a:lnTo>
                    <a:lnTo>
                      <a:pt x="60" y="186"/>
                    </a:lnTo>
                    <a:lnTo>
                      <a:pt x="102" y="0"/>
                    </a:lnTo>
                    <a:lnTo>
                      <a:pt x="138" y="12"/>
                    </a:lnTo>
                    <a:lnTo>
                      <a:pt x="126" y="72"/>
                    </a:lnTo>
                    <a:lnTo>
                      <a:pt x="138" y="102"/>
                    </a:lnTo>
                    <a:lnTo>
                      <a:pt x="132" y="108"/>
                    </a:lnTo>
                    <a:lnTo>
                      <a:pt x="150" y="126"/>
                    </a:lnTo>
                    <a:lnTo>
                      <a:pt x="162" y="162"/>
                    </a:lnTo>
                    <a:lnTo>
                      <a:pt x="186" y="174"/>
                    </a:lnTo>
                    <a:lnTo>
                      <a:pt x="162" y="234"/>
                    </a:lnTo>
                    <a:lnTo>
                      <a:pt x="168" y="246"/>
                    </a:lnTo>
                    <a:lnTo>
                      <a:pt x="186" y="234"/>
                    </a:lnTo>
                    <a:lnTo>
                      <a:pt x="192" y="240"/>
                    </a:lnTo>
                    <a:lnTo>
                      <a:pt x="204" y="288"/>
                    </a:lnTo>
                    <a:lnTo>
                      <a:pt x="216" y="300"/>
                    </a:lnTo>
                    <a:lnTo>
                      <a:pt x="222" y="324"/>
                    </a:lnTo>
                    <a:lnTo>
                      <a:pt x="228" y="318"/>
                    </a:lnTo>
                    <a:lnTo>
                      <a:pt x="246" y="324"/>
                    </a:lnTo>
                    <a:lnTo>
                      <a:pt x="252" y="318"/>
                    </a:lnTo>
                    <a:lnTo>
                      <a:pt x="288" y="324"/>
                    </a:lnTo>
                    <a:lnTo>
                      <a:pt x="294" y="312"/>
                    </a:lnTo>
                    <a:lnTo>
                      <a:pt x="306" y="330"/>
                    </a:lnTo>
                    <a:lnTo>
                      <a:pt x="282" y="492"/>
                    </a:lnTo>
                    <a:lnTo>
                      <a:pt x="186" y="474"/>
                    </a:lnTo>
                    <a:lnTo>
                      <a:pt x="138" y="462"/>
                    </a:lnTo>
                    <a:lnTo>
                      <a:pt x="138" y="46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43" name="Freeform 171"/>
              <p:cNvSpPr>
                <a:spLocks noChangeAspect="1"/>
              </p:cNvSpPr>
              <p:nvPr/>
            </p:nvSpPr>
            <p:spPr bwMode="auto">
              <a:xfrm>
                <a:off x="4532" y="1355"/>
                <a:ext cx="151" cy="244"/>
              </a:xfrm>
              <a:custGeom>
                <a:avLst/>
                <a:gdLst>
                  <a:gd name="T0" fmla="*/ 56 w 198"/>
                  <a:gd name="T1" fmla="*/ 112 h 360"/>
                  <a:gd name="T2" fmla="*/ 48 w 198"/>
                  <a:gd name="T3" fmla="*/ 106 h 360"/>
                  <a:gd name="T4" fmla="*/ 48 w 198"/>
                  <a:gd name="T5" fmla="*/ 99 h 360"/>
                  <a:gd name="T6" fmla="*/ 27 w 198"/>
                  <a:gd name="T7" fmla="*/ 87 h 360"/>
                  <a:gd name="T8" fmla="*/ 32 w 198"/>
                  <a:gd name="T9" fmla="*/ 77 h 360"/>
                  <a:gd name="T10" fmla="*/ 24 w 198"/>
                  <a:gd name="T11" fmla="*/ 73 h 360"/>
                  <a:gd name="T12" fmla="*/ 18 w 198"/>
                  <a:gd name="T13" fmla="*/ 75 h 360"/>
                  <a:gd name="T14" fmla="*/ 16 w 198"/>
                  <a:gd name="T15" fmla="*/ 67 h 360"/>
                  <a:gd name="T16" fmla="*/ 5 w 198"/>
                  <a:gd name="T17" fmla="*/ 62 h 360"/>
                  <a:gd name="T18" fmla="*/ 0 w 198"/>
                  <a:gd name="T19" fmla="*/ 56 h 360"/>
                  <a:gd name="T20" fmla="*/ 0 w 198"/>
                  <a:gd name="T21" fmla="*/ 43 h 360"/>
                  <a:gd name="T22" fmla="*/ 8 w 198"/>
                  <a:gd name="T23" fmla="*/ 39 h 360"/>
                  <a:gd name="T24" fmla="*/ 11 w 198"/>
                  <a:gd name="T25" fmla="*/ 33 h 360"/>
                  <a:gd name="T26" fmla="*/ 8 w 198"/>
                  <a:gd name="T27" fmla="*/ 24 h 360"/>
                  <a:gd name="T28" fmla="*/ 18 w 198"/>
                  <a:gd name="T29" fmla="*/ 22 h 360"/>
                  <a:gd name="T30" fmla="*/ 24 w 198"/>
                  <a:gd name="T31" fmla="*/ 17 h 360"/>
                  <a:gd name="T32" fmla="*/ 24 w 198"/>
                  <a:gd name="T33" fmla="*/ 9 h 360"/>
                  <a:gd name="T34" fmla="*/ 14 w 198"/>
                  <a:gd name="T35" fmla="*/ 3 h 360"/>
                  <a:gd name="T36" fmla="*/ 18 w 198"/>
                  <a:gd name="T37" fmla="*/ 2 h 360"/>
                  <a:gd name="T38" fmla="*/ 75 w 198"/>
                  <a:gd name="T39" fmla="*/ 0 h 360"/>
                  <a:gd name="T40" fmla="*/ 79 w 198"/>
                  <a:gd name="T41" fmla="*/ 15 h 360"/>
                  <a:gd name="T42" fmla="*/ 85 w 198"/>
                  <a:gd name="T43" fmla="*/ 62 h 360"/>
                  <a:gd name="T44" fmla="*/ 85 w 198"/>
                  <a:gd name="T45" fmla="*/ 67 h 360"/>
                  <a:gd name="T46" fmla="*/ 88 w 198"/>
                  <a:gd name="T47" fmla="*/ 75 h 360"/>
                  <a:gd name="T48" fmla="*/ 79 w 198"/>
                  <a:gd name="T49" fmla="*/ 86 h 360"/>
                  <a:gd name="T50" fmla="*/ 79 w 198"/>
                  <a:gd name="T51" fmla="*/ 94 h 360"/>
                  <a:gd name="T52" fmla="*/ 77 w 198"/>
                  <a:gd name="T53" fmla="*/ 97 h 360"/>
                  <a:gd name="T54" fmla="*/ 79 w 198"/>
                  <a:gd name="T55" fmla="*/ 101 h 360"/>
                  <a:gd name="T56" fmla="*/ 69 w 198"/>
                  <a:gd name="T57" fmla="*/ 103 h 360"/>
                  <a:gd name="T58" fmla="*/ 72 w 198"/>
                  <a:gd name="T59" fmla="*/ 108 h 360"/>
                  <a:gd name="T60" fmla="*/ 59 w 198"/>
                  <a:gd name="T61" fmla="*/ 106 h 360"/>
                  <a:gd name="T62" fmla="*/ 56 w 198"/>
                  <a:gd name="T63" fmla="*/ 110 h 360"/>
                  <a:gd name="T64" fmla="*/ 56 w 198"/>
                  <a:gd name="T65" fmla="*/ 112 h 360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198"/>
                  <a:gd name="T100" fmla="*/ 0 h 360"/>
                  <a:gd name="T101" fmla="*/ 198 w 198"/>
                  <a:gd name="T102" fmla="*/ 360 h 360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198" h="360">
                    <a:moveTo>
                      <a:pt x="126" y="360"/>
                    </a:moveTo>
                    <a:lnTo>
                      <a:pt x="108" y="342"/>
                    </a:lnTo>
                    <a:lnTo>
                      <a:pt x="108" y="318"/>
                    </a:lnTo>
                    <a:lnTo>
                      <a:pt x="60" y="282"/>
                    </a:lnTo>
                    <a:lnTo>
                      <a:pt x="72" y="246"/>
                    </a:lnTo>
                    <a:lnTo>
                      <a:pt x="54" y="234"/>
                    </a:lnTo>
                    <a:lnTo>
                      <a:pt x="42" y="240"/>
                    </a:lnTo>
                    <a:lnTo>
                      <a:pt x="36" y="216"/>
                    </a:lnTo>
                    <a:lnTo>
                      <a:pt x="12" y="198"/>
                    </a:lnTo>
                    <a:lnTo>
                      <a:pt x="0" y="180"/>
                    </a:lnTo>
                    <a:lnTo>
                      <a:pt x="0" y="138"/>
                    </a:lnTo>
                    <a:lnTo>
                      <a:pt x="18" y="126"/>
                    </a:lnTo>
                    <a:lnTo>
                      <a:pt x="24" y="108"/>
                    </a:lnTo>
                    <a:lnTo>
                      <a:pt x="18" y="78"/>
                    </a:lnTo>
                    <a:lnTo>
                      <a:pt x="42" y="72"/>
                    </a:lnTo>
                    <a:lnTo>
                      <a:pt x="54" y="54"/>
                    </a:lnTo>
                    <a:lnTo>
                      <a:pt x="54" y="30"/>
                    </a:lnTo>
                    <a:lnTo>
                      <a:pt x="30" y="12"/>
                    </a:lnTo>
                    <a:lnTo>
                      <a:pt x="42" y="6"/>
                    </a:lnTo>
                    <a:lnTo>
                      <a:pt x="168" y="0"/>
                    </a:lnTo>
                    <a:lnTo>
                      <a:pt x="180" y="48"/>
                    </a:lnTo>
                    <a:lnTo>
                      <a:pt x="192" y="198"/>
                    </a:lnTo>
                    <a:lnTo>
                      <a:pt x="192" y="216"/>
                    </a:lnTo>
                    <a:lnTo>
                      <a:pt x="198" y="240"/>
                    </a:lnTo>
                    <a:lnTo>
                      <a:pt x="180" y="276"/>
                    </a:lnTo>
                    <a:lnTo>
                      <a:pt x="180" y="300"/>
                    </a:lnTo>
                    <a:lnTo>
                      <a:pt x="174" y="312"/>
                    </a:lnTo>
                    <a:lnTo>
                      <a:pt x="180" y="324"/>
                    </a:lnTo>
                    <a:lnTo>
                      <a:pt x="156" y="330"/>
                    </a:lnTo>
                    <a:lnTo>
                      <a:pt x="162" y="348"/>
                    </a:lnTo>
                    <a:lnTo>
                      <a:pt x="132" y="342"/>
                    </a:lnTo>
                    <a:lnTo>
                      <a:pt x="126" y="354"/>
                    </a:lnTo>
                    <a:lnTo>
                      <a:pt x="126" y="36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44" name="Freeform 172"/>
              <p:cNvSpPr>
                <a:spLocks noChangeAspect="1"/>
              </p:cNvSpPr>
              <p:nvPr/>
            </p:nvSpPr>
            <p:spPr bwMode="auto">
              <a:xfrm>
                <a:off x="4532" y="1355"/>
                <a:ext cx="151" cy="248"/>
              </a:xfrm>
              <a:custGeom>
                <a:avLst/>
                <a:gdLst>
                  <a:gd name="T0" fmla="*/ 56 w 198"/>
                  <a:gd name="T1" fmla="*/ 112 h 366"/>
                  <a:gd name="T2" fmla="*/ 48 w 198"/>
                  <a:gd name="T3" fmla="*/ 106 h 366"/>
                  <a:gd name="T4" fmla="*/ 48 w 198"/>
                  <a:gd name="T5" fmla="*/ 99 h 366"/>
                  <a:gd name="T6" fmla="*/ 27 w 198"/>
                  <a:gd name="T7" fmla="*/ 87 h 366"/>
                  <a:gd name="T8" fmla="*/ 32 w 198"/>
                  <a:gd name="T9" fmla="*/ 77 h 366"/>
                  <a:gd name="T10" fmla="*/ 24 w 198"/>
                  <a:gd name="T11" fmla="*/ 73 h 366"/>
                  <a:gd name="T12" fmla="*/ 18 w 198"/>
                  <a:gd name="T13" fmla="*/ 75 h 366"/>
                  <a:gd name="T14" fmla="*/ 16 w 198"/>
                  <a:gd name="T15" fmla="*/ 67 h 366"/>
                  <a:gd name="T16" fmla="*/ 5 w 198"/>
                  <a:gd name="T17" fmla="*/ 62 h 366"/>
                  <a:gd name="T18" fmla="*/ 0 w 198"/>
                  <a:gd name="T19" fmla="*/ 56 h 366"/>
                  <a:gd name="T20" fmla="*/ 0 w 198"/>
                  <a:gd name="T21" fmla="*/ 43 h 366"/>
                  <a:gd name="T22" fmla="*/ 8 w 198"/>
                  <a:gd name="T23" fmla="*/ 39 h 366"/>
                  <a:gd name="T24" fmla="*/ 11 w 198"/>
                  <a:gd name="T25" fmla="*/ 33 h 366"/>
                  <a:gd name="T26" fmla="*/ 8 w 198"/>
                  <a:gd name="T27" fmla="*/ 24 h 366"/>
                  <a:gd name="T28" fmla="*/ 18 w 198"/>
                  <a:gd name="T29" fmla="*/ 22 h 366"/>
                  <a:gd name="T30" fmla="*/ 24 w 198"/>
                  <a:gd name="T31" fmla="*/ 17 h 366"/>
                  <a:gd name="T32" fmla="*/ 24 w 198"/>
                  <a:gd name="T33" fmla="*/ 9 h 366"/>
                  <a:gd name="T34" fmla="*/ 14 w 198"/>
                  <a:gd name="T35" fmla="*/ 3 h 366"/>
                  <a:gd name="T36" fmla="*/ 18 w 198"/>
                  <a:gd name="T37" fmla="*/ 2 h 366"/>
                  <a:gd name="T38" fmla="*/ 75 w 198"/>
                  <a:gd name="T39" fmla="*/ 0 h 366"/>
                  <a:gd name="T40" fmla="*/ 79 w 198"/>
                  <a:gd name="T41" fmla="*/ 15 h 366"/>
                  <a:gd name="T42" fmla="*/ 85 w 198"/>
                  <a:gd name="T43" fmla="*/ 62 h 366"/>
                  <a:gd name="T44" fmla="*/ 85 w 198"/>
                  <a:gd name="T45" fmla="*/ 67 h 366"/>
                  <a:gd name="T46" fmla="*/ 88 w 198"/>
                  <a:gd name="T47" fmla="*/ 75 h 366"/>
                  <a:gd name="T48" fmla="*/ 79 w 198"/>
                  <a:gd name="T49" fmla="*/ 86 h 366"/>
                  <a:gd name="T50" fmla="*/ 79 w 198"/>
                  <a:gd name="T51" fmla="*/ 94 h 366"/>
                  <a:gd name="T52" fmla="*/ 77 w 198"/>
                  <a:gd name="T53" fmla="*/ 97 h 366"/>
                  <a:gd name="T54" fmla="*/ 79 w 198"/>
                  <a:gd name="T55" fmla="*/ 101 h 366"/>
                  <a:gd name="T56" fmla="*/ 69 w 198"/>
                  <a:gd name="T57" fmla="*/ 103 h 366"/>
                  <a:gd name="T58" fmla="*/ 72 w 198"/>
                  <a:gd name="T59" fmla="*/ 108 h 366"/>
                  <a:gd name="T60" fmla="*/ 59 w 198"/>
                  <a:gd name="T61" fmla="*/ 106 h 366"/>
                  <a:gd name="T62" fmla="*/ 56 w 198"/>
                  <a:gd name="T63" fmla="*/ 110 h 366"/>
                  <a:gd name="T64" fmla="*/ 56 w 198"/>
                  <a:gd name="T65" fmla="*/ 112 h 366"/>
                  <a:gd name="T66" fmla="*/ 56 w 198"/>
                  <a:gd name="T67" fmla="*/ 114 h 36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w 198"/>
                  <a:gd name="T103" fmla="*/ 0 h 366"/>
                  <a:gd name="T104" fmla="*/ 198 w 198"/>
                  <a:gd name="T105" fmla="*/ 366 h 366"/>
                </a:gdLst>
                <a:ahLst/>
                <a:cxnLst>
                  <a:cxn ang="T68">
                    <a:pos x="T0" y="T1"/>
                  </a:cxn>
                  <a:cxn ang="T69">
                    <a:pos x="T2" y="T3"/>
                  </a:cxn>
                  <a:cxn ang="T70">
                    <a:pos x="T4" y="T5"/>
                  </a:cxn>
                  <a:cxn ang="T71">
                    <a:pos x="T6" y="T7"/>
                  </a:cxn>
                  <a:cxn ang="T72">
                    <a:pos x="T8" y="T9"/>
                  </a:cxn>
                  <a:cxn ang="T73">
                    <a:pos x="T10" y="T11"/>
                  </a:cxn>
                  <a:cxn ang="T74">
                    <a:pos x="T12" y="T13"/>
                  </a:cxn>
                  <a:cxn ang="T75">
                    <a:pos x="T14" y="T15"/>
                  </a:cxn>
                  <a:cxn ang="T76">
                    <a:pos x="T16" y="T17"/>
                  </a:cxn>
                  <a:cxn ang="T77">
                    <a:pos x="T18" y="T19"/>
                  </a:cxn>
                  <a:cxn ang="T78">
                    <a:pos x="T20" y="T21"/>
                  </a:cxn>
                  <a:cxn ang="T79">
                    <a:pos x="T22" y="T23"/>
                  </a:cxn>
                  <a:cxn ang="T80">
                    <a:pos x="T24" y="T25"/>
                  </a:cxn>
                  <a:cxn ang="T81">
                    <a:pos x="T26" y="T27"/>
                  </a:cxn>
                  <a:cxn ang="T82">
                    <a:pos x="T28" y="T29"/>
                  </a:cxn>
                  <a:cxn ang="T83">
                    <a:pos x="T30" y="T31"/>
                  </a:cxn>
                  <a:cxn ang="T84">
                    <a:pos x="T32" y="T33"/>
                  </a:cxn>
                  <a:cxn ang="T85">
                    <a:pos x="T34" y="T35"/>
                  </a:cxn>
                  <a:cxn ang="T86">
                    <a:pos x="T36" y="T37"/>
                  </a:cxn>
                  <a:cxn ang="T87">
                    <a:pos x="T38" y="T39"/>
                  </a:cxn>
                  <a:cxn ang="T88">
                    <a:pos x="T40" y="T41"/>
                  </a:cxn>
                  <a:cxn ang="T89">
                    <a:pos x="T42" y="T43"/>
                  </a:cxn>
                  <a:cxn ang="T90">
                    <a:pos x="T44" y="T45"/>
                  </a:cxn>
                  <a:cxn ang="T91">
                    <a:pos x="T46" y="T47"/>
                  </a:cxn>
                  <a:cxn ang="T92">
                    <a:pos x="T48" y="T49"/>
                  </a:cxn>
                  <a:cxn ang="T93">
                    <a:pos x="T50" y="T51"/>
                  </a:cxn>
                  <a:cxn ang="T94">
                    <a:pos x="T52" y="T53"/>
                  </a:cxn>
                  <a:cxn ang="T95">
                    <a:pos x="T54" y="T55"/>
                  </a:cxn>
                  <a:cxn ang="T96">
                    <a:pos x="T56" y="T57"/>
                  </a:cxn>
                  <a:cxn ang="T97">
                    <a:pos x="T58" y="T59"/>
                  </a:cxn>
                  <a:cxn ang="T98">
                    <a:pos x="T60" y="T61"/>
                  </a:cxn>
                  <a:cxn ang="T99">
                    <a:pos x="T62" y="T63"/>
                  </a:cxn>
                  <a:cxn ang="T100">
                    <a:pos x="T64" y="T65"/>
                  </a:cxn>
                  <a:cxn ang="T101">
                    <a:pos x="T66" y="T67"/>
                  </a:cxn>
                </a:cxnLst>
                <a:rect l="T102" t="T103" r="T104" b="T105"/>
                <a:pathLst>
                  <a:path w="198" h="366">
                    <a:moveTo>
                      <a:pt x="126" y="360"/>
                    </a:moveTo>
                    <a:lnTo>
                      <a:pt x="108" y="342"/>
                    </a:lnTo>
                    <a:lnTo>
                      <a:pt x="108" y="318"/>
                    </a:lnTo>
                    <a:lnTo>
                      <a:pt x="60" y="282"/>
                    </a:lnTo>
                    <a:lnTo>
                      <a:pt x="72" y="246"/>
                    </a:lnTo>
                    <a:lnTo>
                      <a:pt x="54" y="234"/>
                    </a:lnTo>
                    <a:lnTo>
                      <a:pt x="42" y="240"/>
                    </a:lnTo>
                    <a:lnTo>
                      <a:pt x="36" y="216"/>
                    </a:lnTo>
                    <a:lnTo>
                      <a:pt x="12" y="198"/>
                    </a:lnTo>
                    <a:lnTo>
                      <a:pt x="0" y="180"/>
                    </a:lnTo>
                    <a:lnTo>
                      <a:pt x="0" y="138"/>
                    </a:lnTo>
                    <a:lnTo>
                      <a:pt x="18" y="126"/>
                    </a:lnTo>
                    <a:lnTo>
                      <a:pt x="24" y="108"/>
                    </a:lnTo>
                    <a:lnTo>
                      <a:pt x="18" y="78"/>
                    </a:lnTo>
                    <a:lnTo>
                      <a:pt x="42" y="72"/>
                    </a:lnTo>
                    <a:lnTo>
                      <a:pt x="54" y="54"/>
                    </a:lnTo>
                    <a:lnTo>
                      <a:pt x="54" y="30"/>
                    </a:lnTo>
                    <a:lnTo>
                      <a:pt x="30" y="12"/>
                    </a:lnTo>
                    <a:lnTo>
                      <a:pt x="42" y="6"/>
                    </a:lnTo>
                    <a:lnTo>
                      <a:pt x="168" y="0"/>
                    </a:lnTo>
                    <a:lnTo>
                      <a:pt x="180" y="48"/>
                    </a:lnTo>
                    <a:lnTo>
                      <a:pt x="192" y="198"/>
                    </a:lnTo>
                    <a:lnTo>
                      <a:pt x="192" y="216"/>
                    </a:lnTo>
                    <a:lnTo>
                      <a:pt x="198" y="240"/>
                    </a:lnTo>
                    <a:lnTo>
                      <a:pt x="180" y="276"/>
                    </a:lnTo>
                    <a:lnTo>
                      <a:pt x="180" y="300"/>
                    </a:lnTo>
                    <a:lnTo>
                      <a:pt x="174" y="312"/>
                    </a:lnTo>
                    <a:lnTo>
                      <a:pt x="180" y="324"/>
                    </a:lnTo>
                    <a:lnTo>
                      <a:pt x="156" y="330"/>
                    </a:lnTo>
                    <a:lnTo>
                      <a:pt x="162" y="348"/>
                    </a:lnTo>
                    <a:lnTo>
                      <a:pt x="132" y="342"/>
                    </a:lnTo>
                    <a:lnTo>
                      <a:pt x="126" y="354"/>
                    </a:lnTo>
                    <a:lnTo>
                      <a:pt x="126" y="360"/>
                    </a:lnTo>
                    <a:lnTo>
                      <a:pt x="126" y="3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45" name="Freeform 173"/>
              <p:cNvSpPr>
                <a:spLocks noChangeAspect="1"/>
              </p:cNvSpPr>
              <p:nvPr/>
            </p:nvSpPr>
            <p:spPr bwMode="auto">
              <a:xfrm>
                <a:off x="4669" y="1379"/>
                <a:ext cx="114" cy="179"/>
              </a:xfrm>
              <a:custGeom>
                <a:avLst/>
                <a:gdLst>
                  <a:gd name="T0" fmla="*/ 0 w 150"/>
                  <a:gd name="T1" fmla="*/ 82 h 264"/>
                  <a:gd name="T2" fmla="*/ 0 w 150"/>
                  <a:gd name="T3" fmla="*/ 75 h 264"/>
                  <a:gd name="T4" fmla="*/ 8 w 150"/>
                  <a:gd name="T5" fmla="*/ 64 h 264"/>
                  <a:gd name="T6" fmla="*/ 5 w 150"/>
                  <a:gd name="T7" fmla="*/ 56 h 264"/>
                  <a:gd name="T8" fmla="*/ 5 w 150"/>
                  <a:gd name="T9" fmla="*/ 51 h 264"/>
                  <a:gd name="T10" fmla="*/ 0 w 150"/>
                  <a:gd name="T11" fmla="*/ 3 h 264"/>
                  <a:gd name="T12" fmla="*/ 8 w 150"/>
                  <a:gd name="T13" fmla="*/ 5 h 264"/>
                  <a:gd name="T14" fmla="*/ 16 w 150"/>
                  <a:gd name="T15" fmla="*/ 2 h 264"/>
                  <a:gd name="T16" fmla="*/ 58 w 150"/>
                  <a:gd name="T17" fmla="*/ 0 h 264"/>
                  <a:gd name="T18" fmla="*/ 66 w 150"/>
                  <a:gd name="T19" fmla="*/ 52 h 264"/>
                  <a:gd name="T20" fmla="*/ 66 w 150"/>
                  <a:gd name="T21" fmla="*/ 58 h 264"/>
                  <a:gd name="T22" fmla="*/ 52 w 150"/>
                  <a:gd name="T23" fmla="*/ 62 h 264"/>
                  <a:gd name="T24" fmla="*/ 55 w 150"/>
                  <a:gd name="T25" fmla="*/ 64 h 264"/>
                  <a:gd name="T26" fmla="*/ 45 w 150"/>
                  <a:gd name="T27" fmla="*/ 77 h 264"/>
                  <a:gd name="T28" fmla="*/ 40 w 150"/>
                  <a:gd name="T29" fmla="*/ 75 h 264"/>
                  <a:gd name="T30" fmla="*/ 37 w 150"/>
                  <a:gd name="T31" fmla="*/ 73 h 264"/>
                  <a:gd name="T32" fmla="*/ 29 w 150"/>
                  <a:gd name="T33" fmla="*/ 81 h 264"/>
                  <a:gd name="T34" fmla="*/ 27 w 150"/>
                  <a:gd name="T35" fmla="*/ 77 h 264"/>
                  <a:gd name="T36" fmla="*/ 21 w 150"/>
                  <a:gd name="T37" fmla="*/ 82 h 264"/>
                  <a:gd name="T38" fmla="*/ 8 w 150"/>
                  <a:gd name="T39" fmla="*/ 79 h 264"/>
                  <a:gd name="T40" fmla="*/ 8 w 150"/>
                  <a:gd name="T41" fmla="*/ 82 h 264"/>
                  <a:gd name="T42" fmla="*/ 3 w 150"/>
                  <a:gd name="T43" fmla="*/ 81 h 264"/>
                  <a:gd name="T44" fmla="*/ 0 w 150"/>
                  <a:gd name="T45" fmla="*/ 82 h 264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150"/>
                  <a:gd name="T70" fmla="*/ 0 h 264"/>
                  <a:gd name="T71" fmla="*/ 150 w 150"/>
                  <a:gd name="T72" fmla="*/ 264 h 264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150" h="264">
                    <a:moveTo>
                      <a:pt x="0" y="264"/>
                    </a:moveTo>
                    <a:lnTo>
                      <a:pt x="0" y="240"/>
                    </a:lnTo>
                    <a:lnTo>
                      <a:pt x="18" y="204"/>
                    </a:lnTo>
                    <a:lnTo>
                      <a:pt x="12" y="180"/>
                    </a:lnTo>
                    <a:lnTo>
                      <a:pt x="12" y="162"/>
                    </a:lnTo>
                    <a:lnTo>
                      <a:pt x="0" y="12"/>
                    </a:lnTo>
                    <a:lnTo>
                      <a:pt x="18" y="18"/>
                    </a:lnTo>
                    <a:lnTo>
                      <a:pt x="36" y="6"/>
                    </a:lnTo>
                    <a:lnTo>
                      <a:pt x="132" y="0"/>
                    </a:lnTo>
                    <a:lnTo>
                      <a:pt x="150" y="168"/>
                    </a:lnTo>
                    <a:lnTo>
                      <a:pt x="150" y="186"/>
                    </a:lnTo>
                    <a:lnTo>
                      <a:pt x="120" y="198"/>
                    </a:lnTo>
                    <a:lnTo>
                      <a:pt x="126" y="204"/>
                    </a:lnTo>
                    <a:lnTo>
                      <a:pt x="102" y="246"/>
                    </a:lnTo>
                    <a:lnTo>
                      <a:pt x="90" y="240"/>
                    </a:lnTo>
                    <a:lnTo>
                      <a:pt x="84" y="234"/>
                    </a:lnTo>
                    <a:lnTo>
                      <a:pt x="66" y="258"/>
                    </a:lnTo>
                    <a:lnTo>
                      <a:pt x="60" y="246"/>
                    </a:lnTo>
                    <a:lnTo>
                      <a:pt x="48" y="264"/>
                    </a:lnTo>
                    <a:lnTo>
                      <a:pt x="18" y="252"/>
                    </a:lnTo>
                    <a:lnTo>
                      <a:pt x="18" y="264"/>
                    </a:lnTo>
                    <a:lnTo>
                      <a:pt x="6" y="258"/>
                    </a:lnTo>
                    <a:lnTo>
                      <a:pt x="0" y="26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46" name="Freeform 174"/>
              <p:cNvSpPr>
                <a:spLocks noChangeAspect="1"/>
              </p:cNvSpPr>
              <p:nvPr/>
            </p:nvSpPr>
            <p:spPr bwMode="auto">
              <a:xfrm>
                <a:off x="4669" y="1379"/>
                <a:ext cx="114" cy="183"/>
              </a:xfrm>
              <a:custGeom>
                <a:avLst/>
                <a:gdLst>
                  <a:gd name="T0" fmla="*/ 0 w 150"/>
                  <a:gd name="T1" fmla="*/ 82 h 270"/>
                  <a:gd name="T2" fmla="*/ 0 w 150"/>
                  <a:gd name="T3" fmla="*/ 75 h 270"/>
                  <a:gd name="T4" fmla="*/ 8 w 150"/>
                  <a:gd name="T5" fmla="*/ 64 h 270"/>
                  <a:gd name="T6" fmla="*/ 5 w 150"/>
                  <a:gd name="T7" fmla="*/ 56 h 270"/>
                  <a:gd name="T8" fmla="*/ 5 w 150"/>
                  <a:gd name="T9" fmla="*/ 51 h 270"/>
                  <a:gd name="T10" fmla="*/ 0 w 150"/>
                  <a:gd name="T11" fmla="*/ 3 h 270"/>
                  <a:gd name="T12" fmla="*/ 8 w 150"/>
                  <a:gd name="T13" fmla="*/ 5 h 270"/>
                  <a:gd name="T14" fmla="*/ 16 w 150"/>
                  <a:gd name="T15" fmla="*/ 2 h 270"/>
                  <a:gd name="T16" fmla="*/ 58 w 150"/>
                  <a:gd name="T17" fmla="*/ 0 h 270"/>
                  <a:gd name="T18" fmla="*/ 66 w 150"/>
                  <a:gd name="T19" fmla="*/ 52 h 270"/>
                  <a:gd name="T20" fmla="*/ 66 w 150"/>
                  <a:gd name="T21" fmla="*/ 58 h 270"/>
                  <a:gd name="T22" fmla="*/ 52 w 150"/>
                  <a:gd name="T23" fmla="*/ 62 h 270"/>
                  <a:gd name="T24" fmla="*/ 55 w 150"/>
                  <a:gd name="T25" fmla="*/ 64 h 270"/>
                  <a:gd name="T26" fmla="*/ 45 w 150"/>
                  <a:gd name="T27" fmla="*/ 77 h 270"/>
                  <a:gd name="T28" fmla="*/ 40 w 150"/>
                  <a:gd name="T29" fmla="*/ 75 h 270"/>
                  <a:gd name="T30" fmla="*/ 37 w 150"/>
                  <a:gd name="T31" fmla="*/ 73 h 270"/>
                  <a:gd name="T32" fmla="*/ 29 w 150"/>
                  <a:gd name="T33" fmla="*/ 81 h 270"/>
                  <a:gd name="T34" fmla="*/ 27 w 150"/>
                  <a:gd name="T35" fmla="*/ 77 h 270"/>
                  <a:gd name="T36" fmla="*/ 21 w 150"/>
                  <a:gd name="T37" fmla="*/ 82 h 270"/>
                  <a:gd name="T38" fmla="*/ 8 w 150"/>
                  <a:gd name="T39" fmla="*/ 79 h 270"/>
                  <a:gd name="T40" fmla="*/ 8 w 150"/>
                  <a:gd name="T41" fmla="*/ 82 h 270"/>
                  <a:gd name="T42" fmla="*/ 3 w 150"/>
                  <a:gd name="T43" fmla="*/ 81 h 270"/>
                  <a:gd name="T44" fmla="*/ 0 w 150"/>
                  <a:gd name="T45" fmla="*/ 82 h 270"/>
                  <a:gd name="T46" fmla="*/ 0 w 150"/>
                  <a:gd name="T47" fmla="*/ 84 h 270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w 150"/>
                  <a:gd name="T73" fmla="*/ 0 h 270"/>
                  <a:gd name="T74" fmla="*/ 150 w 150"/>
                  <a:gd name="T75" fmla="*/ 270 h 270"/>
                </a:gdLst>
                <a:ahLst/>
                <a:cxnLst>
                  <a:cxn ang="T48">
                    <a:pos x="T0" y="T1"/>
                  </a:cxn>
                  <a:cxn ang="T49">
                    <a:pos x="T2" y="T3"/>
                  </a:cxn>
                  <a:cxn ang="T50">
                    <a:pos x="T4" y="T5"/>
                  </a:cxn>
                  <a:cxn ang="T51">
                    <a:pos x="T6" y="T7"/>
                  </a:cxn>
                  <a:cxn ang="T52">
                    <a:pos x="T8" y="T9"/>
                  </a:cxn>
                  <a:cxn ang="T53">
                    <a:pos x="T10" y="T11"/>
                  </a:cxn>
                  <a:cxn ang="T54">
                    <a:pos x="T12" y="T13"/>
                  </a:cxn>
                  <a:cxn ang="T55">
                    <a:pos x="T14" y="T15"/>
                  </a:cxn>
                  <a:cxn ang="T56">
                    <a:pos x="T16" y="T17"/>
                  </a:cxn>
                  <a:cxn ang="T57">
                    <a:pos x="T18" y="T19"/>
                  </a:cxn>
                  <a:cxn ang="T58">
                    <a:pos x="T20" y="T21"/>
                  </a:cxn>
                  <a:cxn ang="T59">
                    <a:pos x="T22" y="T23"/>
                  </a:cxn>
                  <a:cxn ang="T60">
                    <a:pos x="T24" y="T25"/>
                  </a:cxn>
                  <a:cxn ang="T61">
                    <a:pos x="T26" y="T27"/>
                  </a:cxn>
                  <a:cxn ang="T62">
                    <a:pos x="T28" y="T29"/>
                  </a:cxn>
                  <a:cxn ang="T63">
                    <a:pos x="T30" y="T31"/>
                  </a:cxn>
                  <a:cxn ang="T64">
                    <a:pos x="T32" y="T33"/>
                  </a:cxn>
                  <a:cxn ang="T65">
                    <a:pos x="T34" y="T35"/>
                  </a:cxn>
                  <a:cxn ang="T66">
                    <a:pos x="T36" y="T37"/>
                  </a:cxn>
                  <a:cxn ang="T67">
                    <a:pos x="T38" y="T39"/>
                  </a:cxn>
                  <a:cxn ang="T68">
                    <a:pos x="T40" y="T41"/>
                  </a:cxn>
                  <a:cxn ang="T69">
                    <a:pos x="T42" y="T43"/>
                  </a:cxn>
                  <a:cxn ang="T70">
                    <a:pos x="T44" y="T45"/>
                  </a:cxn>
                  <a:cxn ang="T71">
                    <a:pos x="T46" y="T47"/>
                  </a:cxn>
                </a:cxnLst>
                <a:rect l="T72" t="T73" r="T74" b="T75"/>
                <a:pathLst>
                  <a:path w="150" h="270">
                    <a:moveTo>
                      <a:pt x="0" y="264"/>
                    </a:moveTo>
                    <a:lnTo>
                      <a:pt x="0" y="240"/>
                    </a:lnTo>
                    <a:lnTo>
                      <a:pt x="18" y="204"/>
                    </a:lnTo>
                    <a:lnTo>
                      <a:pt x="12" y="180"/>
                    </a:lnTo>
                    <a:lnTo>
                      <a:pt x="12" y="162"/>
                    </a:lnTo>
                    <a:lnTo>
                      <a:pt x="0" y="12"/>
                    </a:lnTo>
                    <a:lnTo>
                      <a:pt x="18" y="18"/>
                    </a:lnTo>
                    <a:lnTo>
                      <a:pt x="36" y="6"/>
                    </a:lnTo>
                    <a:lnTo>
                      <a:pt x="132" y="0"/>
                    </a:lnTo>
                    <a:lnTo>
                      <a:pt x="150" y="168"/>
                    </a:lnTo>
                    <a:lnTo>
                      <a:pt x="150" y="186"/>
                    </a:lnTo>
                    <a:lnTo>
                      <a:pt x="120" y="198"/>
                    </a:lnTo>
                    <a:lnTo>
                      <a:pt x="126" y="204"/>
                    </a:lnTo>
                    <a:lnTo>
                      <a:pt x="102" y="246"/>
                    </a:lnTo>
                    <a:lnTo>
                      <a:pt x="90" y="240"/>
                    </a:lnTo>
                    <a:lnTo>
                      <a:pt x="84" y="234"/>
                    </a:lnTo>
                    <a:lnTo>
                      <a:pt x="66" y="258"/>
                    </a:lnTo>
                    <a:lnTo>
                      <a:pt x="60" y="246"/>
                    </a:lnTo>
                    <a:lnTo>
                      <a:pt x="48" y="264"/>
                    </a:lnTo>
                    <a:lnTo>
                      <a:pt x="18" y="252"/>
                    </a:lnTo>
                    <a:lnTo>
                      <a:pt x="18" y="264"/>
                    </a:lnTo>
                    <a:lnTo>
                      <a:pt x="6" y="258"/>
                    </a:lnTo>
                    <a:lnTo>
                      <a:pt x="0" y="264"/>
                    </a:lnTo>
                    <a:lnTo>
                      <a:pt x="0" y="27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47" name="Freeform 175"/>
              <p:cNvSpPr>
                <a:spLocks noChangeAspect="1"/>
              </p:cNvSpPr>
              <p:nvPr/>
            </p:nvSpPr>
            <p:spPr bwMode="auto">
              <a:xfrm>
                <a:off x="4339" y="1318"/>
                <a:ext cx="234" cy="139"/>
              </a:xfrm>
              <a:custGeom>
                <a:avLst/>
                <a:gdLst>
                  <a:gd name="T0" fmla="*/ 113 w 306"/>
                  <a:gd name="T1" fmla="*/ 65 h 204"/>
                  <a:gd name="T2" fmla="*/ 108 w 306"/>
                  <a:gd name="T3" fmla="*/ 59 h 204"/>
                  <a:gd name="T4" fmla="*/ 18 w 306"/>
                  <a:gd name="T5" fmla="*/ 61 h 204"/>
                  <a:gd name="T6" fmla="*/ 16 w 306"/>
                  <a:gd name="T7" fmla="*/ 48 h 204"/>
                  <a:gd name="T8" fmla="*/ 5 w 306"/>
                  <a:gd name="T9" fmla="*/ 22 h 204"/>
                  <a:gd name="T10" fmla="*/ 0 w 306"/>
                  <a:gd name="T11" fmla="*/ 17 h 204"/>
                  <a:gd name="T12" fmla="*/ 5 w 306"/>
                  <a:gd name="T13" fmla="*/ 10 h 204"/>
                  <a:gd name="T14" fmla="*/ 3 w 306"/>
                  <a:gd name="T15" fmla="*/ 3 h 204"/>
                  <a:gd name="T16" fmla="*/ 5 w 306"/>
                  <a:gd name="T17" fmla="*/ 2 h 204"/>
                  <a:gd name="T18" fmla="*/ 113 w 306"/>
                  <a:gd name="T19" fmla="*/ 0 h 204"/>
                  <a:gd name="T20" fmla="*/ 118 w 306"/>
                  <a:gd name="T21" fmla="*/ 5 h 204"/>
                  <a:gd name="T22" fmla="*/ 115 w 306"/>
                  <a:gd name="T23" fmla="*/ 10 h 204"/>
                  <a:gd name="T24" fmla="*/ 118 w 306"/>
                  <a:gd name="T25" fmla="*/ 15 h 204"/>
                  <a:gd name="T26" fmla="*/ 126 w 306"/>
                  <a:gd name="T27" fmla="*/ 21 h 204"/>
                  <a:gd name="T28" fmla="*/ 137 w 306"/>
                  <a:gd name="T29" fmla="*/ 27 h 204"/>
                  <a:gd name="T30" fmla="*/ 137 w 306"/>
                  <a:gd name="T31" fmla="*/ 34 h 204"/>
                  <a:gd name="T32" fmla="*/ 132 w 306"/>
                  <a:gd name="T33" fmla="*/ 40 h 204"/>
                  <a:gd name="T34" fmla="*/ 121 w 306"/>
                  <a:gd name="T35" fmla="*/ 42 h 204"/>
                  <a:gd name="T36" fmla="*/ 123 w 306"/>
                  <a:gd name="T37" fmla="*/ 51 h 204"/>
                  <a:gd name="T38" fmla="*/ 121 w 306"/>
                  <a:gd name="T39" fmla="*/ 57 h 204"/>
                  <a:gd name="T40" fmla="*/ 113 w 306"/>
                  <a:gd name="T41" fmla="*/ 61 h 204"/>
                  <a:gd name="T42" fmla="*/ 113 w 306"/>
                  <a:gd name="T43" fmla="*/ 65 h 204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306"/>
                  <a:gd name="T67" fmla="*/ 0 h 204"/>
                  <a:gd name="T68" fmla="*/ 306 w 306"/>
                  <a:gd name="T69" fmla="*/ 204 h 204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306" h="204">
                    <a:moveTo>
                      <a:pt x="252" y="204"/>
                    </a:moveTo>
                    <a:lnTo>
                      <a:pt x="240" y="186"/>
                    </a:lnTo>
                    <a:lnTo>
                      <a:pt x="42" y="192"/>
                    </a:lnTo>
                    <a:lnTo>
                      <a:pt x="36" y="150"/>
                    </a:lnTo>
                    <a:lnTo>
                      <a:pt x="12" y="72"/>
                    </a:lnTo>
                    <a:lnTo>
                      <a:pt x="0" y="54"/>
                    </a:lnTo>
                    <a:lnTo>
                      <a:pt x="12" y="30"/>
                    </a:lnTo>
                    <a:lnTo>
                      <a:pt x="6" y="12"/>
                    </a:lnTo>
                    <a:lnTo>
                      <a:pt x="12" y="6"/>
                    </a:lnTo>
                    <a:lnTo>
                      <a:pt x="252" y="0"/>
                    </a:lnTo>
                    <a:lnTo>
                      <a:pt x="264" y="18"/>
                    </a:lnTo>
                    <a:lnTo>
                      <a:pt x="258" y="30"/>
                    </a:lnTo>
                    <a:lnTo>
                      <a:pt x="264" y="48"/>
                    </a:lnTo>
                    <a:lnTo>
                      <a:pt x="282" y="66"/>
                    </a:lnTo>
                    <a:lnTo>
                      <a:pt x="306" y="84"/>
                    </a:lnTo>
                    <a:lnTo>
                      <a:pt x="306" y="108"/>
                    </a:lnTo>
                    <a:lnTo>
                      <a:pt x="294" y="126"/>
                    </a:lnTo>
                    <a:lnTo>
                      <a:pt x="270" y="132"/>
                    </a:lnTo>
                    <a:lnTo>
                      <a:pt x="276" y="162"/>
                    </a:lnTo>
                    <a:lnTo>
                      <a:pt x="270" y="180"/>
                    </a:lnTo>
                    <a:lnTo>
                      <a:pt x="252" y="192"/>
                    </a:lnTo>
                    <a:lnTo>
                      <a:pt x="252" y="204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48" name="Freeform 176"/>
              <p:cNvSpPr>
                <a:spLocks noChangeAspect="1"/>
              </p:cNvSpPr>
              <p:nvPr/>
            </p:nvSpPr>
            <p:spPr bwMode="auto">
              <a:xfrm>
                <a:off x="4339" y="1318"/>
                <a:ext cx="234" cy="143"/>
              </a:xfrm>
              <a:custGeom>
                <a:avLst/>
                <a:gdLst>
                  <a:gd name="T0" fmla="*/ 113 w 306"/>
                  <a:gd name="T1" fmla="*/ 65 h 210"/>
                  <a:gd name="T2" fmla="*/ 108 w 306"/>
                  <a:gd name="T3" fmla="*/ 59 h 210"/>
                  <a:gd name="T4" fmla="*/ 18 w 306"/>
                  <a:gd name="T5" fmla="*/ 61 h 210"/>
                  <a:gd name="T6" fmla="*/ 16 w 306"/>
                  <a:gd name="T7" fmla="*/ 47 h 210"/>
                  <a:gd name="T8" fmla="*/ 5 w 306"/>
                  <a:gd name="T9" fmla="*/ 22 h 210"/>
                  <a:gd name="T10" fmla="*/ 0 w 306"/>
                  <a:gd name="T11" fmla="*/ 17 h 210"/>
                  <a:gd name="T12" fmla="*/ 5 w 306"/>
                  <a:gd name="T13" fmla="*/ 10 h 210"/>
                  <a:gd name="T14" fmla="*/ 3 w 306"/>
                  <a:gd name="T15" fmla="*/ 3 h 210"/>
                  <a:gd name="T16" fmla="*/ 5 w 306"/>
                  <a:gd name="T17" fmla="*/ 2 h 210"/>
                  <a:gd name="T18" fmla="*/ 113 w 306"/>
                  <a:gd name="T19" fmla="*/ 0 h 210"/>
                  <a:gd name="T20" fmla="*/ 118 w 306"/>
                  <a:gd name="T21" fmla="*/ 5 h 210"/>
                  <a:gd name="T22" fmla="*/ 115 w 306"/>
                  <a:gd name="T23" fmla="*/ 10 h 210"/>
                  <a:gd name="T24" fmla="*/ 118 w 306"/>
                  <a:gd name="T25" fmla="*/ 15 h 210"/>
                  <a:gd name="T26" fmla="*/ 126 w 306"/>
                  <a:gd name="T27" fmla="*/ 21 h 210"/>
                  <a:gd name="T28" fmla="*/ 137 w 306"/>
                  <a:gd name="T29" fmla="*/ 27 h 210"/>
                  <a:gd name="T30" fmla="*/ 137 w 306"/>
                  <a:gd name="T31" fmla="*/ 34 h 210"/>
                  <a:gd name="T32" fmla="*/ 132 w 306"/>
                  <a:gd name="T33" fmla="*/ 40 h 210"/>
                  <a:gd name="T34" fmla="*/ 121 w 306"/>
                  <a:gd name="T35" fmla="*/ 42 h 210"/>
                  <a:gd name="T36" fmla="*/ 123 w 306"/>
                  <a:gd name="T37" fmla="*/ 51 h 210"/>
                  <a:gd name="T38" fmla="*/ 121 w 306"/>
                  <a:gd name="T39" fmla="*/ 57 h 210"/>
                  <a:gd name="T40" fmla="*/ 113 w 306"/>
                  <a:gd name="T41" fmla="*/ 61 h 210"/>
                  <a:gd name="T42" fmla="*/ 113 w 306"/>
                  <a:gd name="T43" fmla="*/ 65 h 210"/>
                  <a:gd name="T44" fmla="*/ 113 w 306"/>
                  <a:gd name="T45" fmla="*/ 66 h 210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306"/>
                  <a:gd name="T70" fmla="*/ 0 h 210"/>
                  <a:gd name="T71" fmla="*/ 306 w 306"/>
                  <a:gd name="T72" fmla="*/ 210 h 210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306" h="210">
                    <a:moveTo>
                      <a:pt x="252" y="204"/>
                    </a:moveTo>
                    <a:lnTo>
                      <a:pt x="240" y="186"/>
                    </a:lnTo>
                    <a:lnTo>
                      <a:pt x="42" y="192"/>
                    </a:lnTo>
                    <a:lnTo>
                      <a:pt x="36" y="150"/>
                    </a:lnTo>
                    <a:lnTo>
                      <a:pt x="12" y="72"/>
                    </a:lnTo>
                    <a:lnTo>
                      <a:pt x="0" y="54"/>
                    </a:lnTo>
                    <a:lnTo>
                      <a:pt x="12" y="30"/>
                    </a:lnTo>
                    <a:lnTo>
                      <a:pt x="6" y="12"/>
                    </a:lnTo>
                    <a:lnTo>
                      <a:pt x="12" y="6"/>
                    </a:lnTo>
                    <a:lnTo>
                      <a:pt x="252" y="0"/>
                    </a:lnTo>
                    <a:lnTo>
                      <a:pt x="264" y="18"/>
                    </a:lnTo>
                    <a:lnTo>
                      <a:pt x="258" y="30"/>
                    </a:lnTo>
                    <a:lnTo>
                      <a:pt x="264" y="48"/>
                    </a:lnTo>
                    <a:lnTo>
                      <a:pt x="282" y="66"/>
                    </a:lnTo>
                    <a:lnTo>
                      <a:pt x="306" y="84"/>
                    </a:lnTo>
                    <a:lnTo>
                      <a:pt x="306" y="108"/>
                    </a:lnTo>
                    <a:lnTo>
                      <a:pt x="294" y="126"/>
                    </a:lnTo>
                    <a:lnTo>
                      <a:pt x="270" y="132"/>
                    </a:lnTo>
                    <a:lnTo>
                      <a:pt x="276" y="162"/>
                    </a:lnTo>
                    <a:lnTo>
                      <a:pt x="270" y="180"/>
                    </a:lnTo>
                    <a:lnTo>
                      <a:pt x="252" y="192"/>
                    </a:lnTo>
                    <a:lnTo>
                      <a:pt x="252" y="204"/>
                    </a:lnTo>
                    <a:lnTo>
                      <a:pt x="252" y="21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49" name="Freeform 177"/>
              <p:cNvSpPr>
                <a:spLocks noChangeAspect="1"/>
              </p:cNvSpPr>
              <p:nvPr/>
            </p:nvSpPr>
            <p:spPr bwMode="auto">
              <a:xfrm>
                <a:off x="4129" y="1469"/>
                <a:ext cx="288" cy="134"/>
              </a:xfrm>
              <a:custGeom>
                <a:avLst/>
                <a:gdLst>
                  <a:gd name="T0" fmla="*/ 152 w 378"/>
                  <a:gd name="T1" fmla="*/ 2 h 198"/>
                  <a:gd name="T2" fmla="*/ 159 w 378"/>
                  <a:gd name="T3" fmla="*/ 5 h 198"/>
                  <a:gd name="T4" fmla="*/ 154 w 378"/>
                  <a:gd name="T5" fmla="*/ 11 h 198"/>
                  <a:gd name="T6" fmla="*/ 167 w 378"/>
                  <a:gd name="T7" fmla="*/ 19 h 198"/>
                  <a:gd name="T8" fmla="*/ 167 w 378"/>
                  <a:gd name="T9" fmla="*/ 62 h 198"/>
                  <a:gd name="T10" fmla="*/ 0 w 378"/>
                  <a:gd name="T11" fmla="*/ 60 h 198"/>
                  <a:gd name="T12" fmla="*/ 5 w 378"/>
                  <a:gd name="T13" fmla="*/ 0 h 198"/>
                  <a:gd name="T14" fmla="*/ 149 w 378"/>
                  <a:gd name="T15" fmla="*/ 2 h 198"/>
                  <a:gd name="T16" fmla="*/ 152 w 378"/>
                  <a:gd name="T17" fmla="*/ 2 h 198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378"/>
                  <a:gd name="T28" fmla="*/ 0 h 198"/>
                  <a:gd name="T29" fmla="*/ 378 w 378"/>
                  <a:gd name="T30" fmla="*/ 198 h 198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378" h="198">
                    <a:moveTo>
                      <a:pt x="342" y="6"/>
                    </a:moveTo>
                    <a:lnTo>
                      <a:pt x="360" y="18"/>
                    </a:lnTo>
                    <a:lnTo>
                      <a:pt x="348" y="36"/>
                    </a:lnTo>
                    <a:lnTo>
                      <a:pt x="378" y="60"/>
                    </a:lnTo>
                    <a:lnTo>
                      <a:pt x="378" y="198"/>
                    </a:lnTo>
                    <a:lnTo>
                      <a:pt x="0" y="192"/>
                    </a:lnTo>
                    <a:lnTo>
                      <a:pt x="12" y="0"/>
                    </a:lnTo>
                    <a:lnTo>
                      <a:pt x="336" y="6"/>
                    </a:lnTo>
                    <a:lnTo>
                      <a:pt x="342" y="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50" name="Freeform 178"/>
              <p:cNvSpPr>
                <a:spLocks noChangeAspect="1"/>
              </p:cNvSpPr>
              <p:nvPr/>
            </p:nvSpPr>
            <p:spPr bwMode="auto">
              <a:xfrm>
                <a:off x="4129" y="1469"/>
                <a:ext cx="288" cy="134"/>
              </a:xfrm>
              <a:custGeom>
                <a:avLst/>
                <a:gdLst>
                  <a:gd name="T0" fmla="*/ 152 w 378"/>
                  <a:gd name="T1" fmla="*/ 2 h 198"/>
                  <a:gd name="T2" fmla="*/ 159 w 378"/>
                  <a:gd name="T3" fmla="*/ 5 h 198"/>
                  <a:gd name="T4" fmla="*/ 154 w 378"/>
                  <a:gd name="T5" fmla="*/ 11 h 198"/>
                  <a:gd name="T6" fmla="*/ 167 w 378"/>
                  <a:gd name="T7" fmla="*/ 19 h 198"/>
                  <a:gd name="T8" fmla="*/ 167 w 378"/>
                  <a:gd name="T9" fmla="*/ 62 h 198"/>
                  <a:gd name="T10" fmla="*/ 0 w 378"/>
                  <a:gd name="T11" fmla="*/ 60 h 198"/>
                  <a:gd name="T12" fmla="*/ 5 w 378"/>
                  <a:gd name="T13" fmla="*/ 0 h 198"/>
                  <a:gd name="T14" fmla="*/ 149 w 378"/>
                  <a:gd name="T15" fmla="*/ 2 h 198"/>
                  <a:gd name="T16" fmla="*/ 152 w 378"/>
                  <a:gd name="T17" fmla="*/ 2 h 198"/>
                  <a:gd name="T18" fmla="*/ 152 w 378"/>
                  <a:gd name="T19" fmla="*/ 3 h 19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78"/>
                  <a:gd name="T31" fmla="*/ 0 h 198"/>
                  <a:gd name="T32" fmla="*/ 378 w 378"/>
                  <a:gd name="T33" fmla="*/ 198 h 19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78" h="198">
                    <a:moveTo>
                      <a:pt x="342" y="6"/>
                    </a:moveTo>
                    <a:lnTo>
                      <a:pt x="360" y="18"/>
                    </a:lnTo>
                    <a:lnTo>
                      <a:pt x="348" y="36"/>
                    </a:lnTo>
                    <a:lnTo>
                      <a:pt x="378" y="60"/>
                    </a:lnTo>
                    <a:lnTo>
                      <a:pt x="378" y="198"/>
                    </a:lnTo>
                    <a:lnTo>
                      <a:pt x="0" y="192"/>
                    </a:lnTo>
                    <a:lnTo>
                      <a:pt x="12" y="0"/>
                    </a:lnTo>
                    <a:lnTo>
                      <a:pt x="336" y="6"/>
                    </a:lnTo>
                    <a:lnTo>
                      <a:pt x="342" y="6"/>
                    </a:lnTo>
                    <a:lnTo>
                      <a:pt x="342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51" name="Freeform 179"/>
              <p:cNvSpPr>
                <a:spLocks noChangeAspect="1"/>
              </p:cNvSpPr>
              <p:nvPr/>
            </p:nvSpPr>
            <p:spPr bwMode="auto">
              <a:xfrm>
                <a:off x="4619" y="1489"/>
                <a:ext cx="283" cy="131"/>
              </a:xfrm>
              <a:custGeom>
                <a:avLst/>
                <a:gdLst>
                  <a:gd name="T0" fmla="*/ 129 w 372"/>
                  <a:gd name="T1" fmla="*/ 49 h 192"/>
                  <a:gd name="T2" fmla="*/ 32 w 372"/>
                  <a:gd name="T3" fmla="*/ 55 h 192"/>
                  <a:gd name="T4" fmla="*/ 32 w 372"/>
                  <a:gd name="T5" fmla="*/ 59 h 192"/>
                  <a:gd name="T6" fmla="*/ 0 w 372"/>
                  <a:gd name="T7" fmla="*/ 61 h 192"/>
                  <a:gd name="T8" fmla="*/ 3 w 372"/>
                  <a:gd name="T9" fmla="*/ 59 h 192"/>
                  <a:gd name="T10" fmla="*/ 5 w 372"/>
                  <a:gd name="T11" fmla="*/ 59 h 192"/>
                  <a:gd name="T12" fmla="*/ 5 w 372"/>
                  <a:gd name="T13" fmla="*/ 49 h 192"/>
                  <a:gd name="T14" fmla="*/ 8 w 372"/>
                  <a:gd name="T15" fmla="*/ 46 h 192"/>
                  <a:gd name="T16" fmla="*/ 21 w 372"/>
                  <a:gd name="T17" fmla="*/ 48 h 192"/>
                  <a:gd name="T18" fmla="*/ 18 w 372"/>
                  <a:gd name="T19" fmla="*/ 42 h 192"/>
                  <a:gd name="T20" fmla="*/ 29 w 372"/>
                  <a:gd name="T21" fmla="*/ 40 h 192"/>
                  <a:gd name="T22" fmla="*/ 27 w 372"/>
                  <a:gd name="T23" fmla="*/ 36 h 192"/>
                  <a:gd name="T24" fmla="*/ 29 w 372"/>
                  <a:gd name="T25" fmla="*/ 33 h 192"/>
                  <a:gd name="T26" fmla="*/ 32 w 372"/>
                  <a:gd name="T27" fmla="*/ 31 h 192"/>
                  <a:gd name="T28" fmla="*/ 37 w 372"/>
                  <a:gd name="T29" fmla="*/ 33 h 192"/>
                  <a:gd name="T30" fmla="*/ 37 w 372"/>
                  <a:gd name="T31" fmla="*/ 29 h 192"/>
                  <a:gd name="T32" fmla="*/ 50 w 372"/>
                  <a:gd name="T33" fmla="*/ 33 h 192"/>
                  <a:gd name="T34" fmla="*/ 56 w 372"/>
                  <a:gd name="T35" fmla="*/ 27 h 192"/>
                  <a:gd name="T36" fmla="*/ 58 w 372"/>
                  <a:gd name="T37" fmla="*/ 31 h 192"/>
                  <a:gd name="T38" fmla="*/ 66 w 372"/>
                  <a:gd name="T39" fmla="*/ 23 h 192"/>
                  <a:gd name="T40" fmla="*/ 69 w 372"/>
                  <a:gd name="T41" fmla="*/ 25 h 192"/>
                  <a:gd name="T42" fmla="*/ 74 w 372"/>
                  <a:gd name="T43" fmla="*/ 27 h 192"/>
                  <a:gd name="T44" fmla="*/ 84 w 372"/>
                  <a:gd name="T45" fmla="*/ 14 h 192"/>
                  <a:gd name="T46" fmla="*/ 82 w 372"/>
                  <a:gd name="T47" fmla="*/ 12 h 192"/>
                  <a:gd name="T48" fmla="*/ 95 w 372"/>
                  <a:gd name="T49" fmla="*/ 8 h 192"/>
                  <a:gd name="T50" fmla="*/ 95 w 372"/>
                  <a:gd name="T51" fmla="*/ 2 h 192"/>
                  <a:gd name="T52" fmla="*/ 103 w 372"/>
                  <a:gd name="T53" fmla="*/ 0 h 192"/>
                  <a:gd name="T54" fmla="*/ 108 w 372"/>
                  <a:gd name="T55" fmla="*/ 5 h 192"/>
                  <a:gd name="T56" fmla="*/ 122 w 372"/>
                  <a:gd name="T57" fmla="*/ 10 h 192"/>
                  <a:gd name="T58" fmla="*/ 137 w 372"/>
                  <a:gd name="T59" fmla="*/ 5 h 192"/>
                  <a:gd name="T60" fmla="*/ 145 w 372"/>
                  <a:gd name="T61" fmla="*/ 12 h 192"/>
                  <a:gd name="T62" fmla="*/ 151 w 372"/>
                  <a:gd name="T63" fmla="*/ 21 h 192"/>
                  <a:gd name="T64" fmla="*/ 164 w 372"/>
                  <a:gd name="T65" fmla="*/ 27 h 192"/>
                  <a:gd name="T66" fmla="*/ 140 w 372"/>
                  <a:gd name="T67" fmla="*/ 46 h 192"/>
                  <a:gd name="T68" fmla="*/ 129 w 372"/>
                  <a:gd name="T69" fmla="*/ 49 h 192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w 372"/>
                  <a:gd name="T106" fmla="*/ 0 h 192"/>
                  <a:gd name="T107" fmla="*/ 372 w 372"/>
                  <a:gd name="T108" fmla="*/ 192 h 192"/>
                </a:gdLst>
                <a:ahLst/>
                <a:cxnLst>
                  <a:cxn ang="T70">
                    <a:pos x="T0" y="T1"/>
                  </a:cxn>
                  <a:cxn ang="T71">
                    <a:pos x="T2" y="T3"/>
                  </a:cxn>
                  <a:cxn ang="T72">
                    <a:pos x="T4" y="T5"/>
                  </a:cxn>
                  <a:cxn ang="T73">
                    <a:pos x="T6" y="T7"/>
                  </a:cxn>
                  <a:cxn ang="T74">
                    <a:pos x="T8" y="T9"/>
                  </a:cxn>
                  <a:cxn ang="T75">
                    <a:pos x="T10" y="T11"/>
                  </a:cxn>
                  <a:cxn ang="T76">
                    <a:pos x="T12" y="T13"/>
                  </a:cxn>
                  <a:cxn ang="T77">
                    <a:pos x="T14" y="T15"/>
                  </a:cxn>
                  <a:cxn ang="T78">
                    <a:pos x="T16" y="T17"/>
                  </a:cxn>
                  <a:cxn ang="T79">
                    <a:pos x="T18" y="T19"/>
                  </a:cxn>
                  <a:cxn ang="T80">
                    <a:pos x="T20" y="T21"/>
                  </a:cxn>
                  <a:cxn ang="T81">
                    <a:pos x="T22" y="T23"/>
                  </a:cxn>
                  <a:cxn ang="T82">
                    <a:pos x="T24" y="T25"/>
                  </a:cxn>
                  <a:cxn ang="T83">
                    <a:pos x="T26" y="T27"/>
                  </a:cxn>
                  <a:cxn ang="T84">
                    <a:pos x="T28" y="T29"/>
                  </a:cxn>
                  <a:cxn ang="T85">
                    <a:pos x="T30" y="T31"/>
                  </a:cxn>
                  <a:cxn ang="T86">
                    <a:pos x="T32" y="T33"/>
                  </a:cxn>
                  <a:cxn ang="T87">
                    <a:pos x="T34" y="T35"/>
                  </a:cxn>
                  <a:cxn ang="T88">
                    <a:pos x="T36" y="T37"/>
                  </a:cxn>
                  <a:cxn ang="T89">
                    <a:pos x="T38" y="T39"/>
                  </a:cxn>
                  <a:cxn ang="T90">
                    <a:pos x="T40" y="T41"/>
                  </a:cxn>
                  <a:cxn ang="T91">
                    <a:pos x="T42" y="T43"/>
                  </a:cxn>
                  <a:cxn ang="T92">
                    <a:pos x="T44" y="T45"/>
                  </a:cxn>
                  <a:cxn ang="T93">
                    <a:pos x="T46" y="T47"/>
                  </a:cxn>
                  <a:cxn ang="T94">
                    <a:pos x="T48" y="T49"/>
                  </a:cxn>
                  <a:cxn ang="T95">
                    <a:pos x="T50" y="T51"/>
                  </a:cxn>
                  <a:cxn ang="T96">
                    <a:pos x="T52" y="T53"/>
                  </a:cxn>
                  <a:cxn ang="T97">
                    <a:pos x="T54" y="T55"/>
                  </a:cxn>
                  <a:cxn ang="T98">
                    <a:pos x="T56" y="T57"/>
                  </a:cxn>
                  <a:cxn ang="T99">
                    <a:pos x="T58" y="T59"/>
                  </a:cxn>
                  <a:cxn ang="T100">
                    <a:pos x="T60" y="T61"/>
                  </a:cxn>
                  <a:cxn ang="T101">
                    <a:pos x="T62" y="T63"/>
                  </a:cxn>
                  <a:cxn ang="T102">
                    <a:pos x="T64" y="T65"/>
                  </a:cxn>
                  <a:cxn ang="T103">
                    <a:pos x="T66" y="T67"/>
                  </a:cxn>
                  <a:cxn ang="T104">
                    <a:pos x="T68" y="T69"/>
                  </a:cxn>
                </a:cxnLst>
                <a:rect l="T105" t="T106" r="T107" b="T108"/>
                <a:pathLst>
                  <a:path w="372" h="192">
                    <a:moveTo>
                      <a:pt x="294" y="156"/>
                    </a:moveTo>
                    <a:lnTo>
                      <a:pt x="72" y="174"/>
                    </a:lnTo>
                    <a:lnTo>
                      <a:pt x="72" y="186"/>
                    </a:lnTo>
                    <a:lnTo>
                      <a:pt x="0" y="192"/>
                    </a:lnTo>
                    <a:lnTo>
                      <a:pt x="6" y="186"/>
                    </a:lnTo>
                    <a:lnTo>
                      <a:pt x="12" y="186"/>
                    </a:lnTo>
                    <a:lnTo>
                      <a:pt x="12" y="156"/>
                    </a:lnTo>
                    <a:lnTo>
                      <a:pt x="18" y="144"/>
                    </a:lnTo>
                    <a:lnTo>
                      <a:pt x="48" y="150"/>
                    </a:lnTo>
                    <a:lnTo>
                      <a:pt x="42" y="132"/>
                    </a:lnTo>
                    <a:lnTo>
                      <a:pt x="66" y="126"/>
                    </a:lnTo>
                    <a:lnTo>
                      <a:pt x="60" y="114"/>
                    </a:lnTo>
                    <a:lnTo>
                      <a:pt x="66" y="102"/>
                    </a:lnTo>
                    <a:lnTo>
                      <a:pt x="72" y="96"/>
                    </a:lnTo>
                    <a:lnTo>
                      <a:pt x="84" y="102"/>
                    </a:lnTo>
                    <a:lnTo>
                      <a:pt x="84" y="90"/>
                    </a:lnTo>
                    <a:lnTo>
                      <a:pt x="114" y="102"/>
                    </a:lnTo>
                    <a:lnTo>
                      <a:pt x="126" y="84"/>
                    </a:lnTo>
                    <a:lnTo>
                      <a:pt x="132" y="96"/>
                    </a:lnTo>
                    <a:lnTo>
                      <a:pt x="150" y="72"/>
                    </a:lnTo>
                    <a:lnTo>
                      <a:pt x="156" y="78"/>
                    </a:lnTo>
                    <a:lnTo>
                      <a:pt x="168" y="84"/>
                    </a:lnTo>
                    <a:lnTo>
                      <a:pt x="192" y="42"/>
                    </a:lnTo>
                    <a:lnTo>
                      <a:pt x="186" y="36"/>
                    </a:lnTo>
                    <a:lnTo>
                      <a:pt x="216" y="24"/>
                    </a:lnTo>
                    <a:lnTo>
                      <a:pt x="216" y="6"/>
                    </a:lnTo>
                    <a:lnTo>
                      <a:pt x="234" y="0"/>
                    </a:lnTo>
                    <a:lnTo>
                      <a:pt x="246" y="18"/>
                    </a:lnTo>
                    <a:lnTo>
                      <a:pt x="276" y="30"/>
                    </a:lnTo>
                    <a:lnTo>
                      <a:pt x="312" y="18"/>
                    </a:lnTo>
                    <a:lnTo>
                      <a:pt x="330" y="36"/>
                    </a:lnTo>
                    <a:lnTo>
                      <a:pt x="342" y="66"/>
                    </a:lnTo>
                    <a:lnTo>
                      <a:pt x="372" y="84"/>
                    </a:lnTo>
                    <a:lnTo>
                      <a:pt x="318" y="144"/>
                    </a:lnTo>
                    <a:lnTo>
                      <a:pt x="294" y="15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52" name="Freeform 180"/>
              <p:cNvSpPr>
                <a:spLocks noChangeAspect="1"/>
              </p:cNvSpPr>
              <p:nvPr/>
            </p:nvSpPr>
            <p:spPr bwMode="auto">
              <a:xfrm>
                <a:off x="4619" y="1489"/>
                <a:ext cx="283" cy="131"/>
              </a:xfrm>
              <a:custGeom>
                <a:avLst/>
                <a:gdLst>
                  <a:gd name="T0" fmla="*/ 129 w 372"/>
                  <a:gd name="T1" fmla="*/ 49 h 192"/>
                  <a:gd name="T2" fmla="*/ 32 w 372"/>
                  <a:gd name="T3" fmla="*/ 55 h 192"/>
                  <a:gd name="T4" fmla="*/ 32 w 372"/>
                  <a:gd name="T5" fmla="*/ 59 h 192"/>
                  <a:gd name="T6" fmla="*/ 0 w 372"/>
                  <a:gd name="T7" fmla="*/ 61 h 192"/>
                  <a:gd name="T8" fmla="*/ 3 w 372"/>
                  <a:gd name="T9" fmla="*/ 59 h 192"/>
                  <a:gd name="T10" fmla="*/ 5 w 372"/>
                  <a:gd name="T11" fmla="*/ 59 h 192"/>
                  <a:gd name="T12" fmla="*/ 5 w 372"/>
                  <a:gd name="T13" fmla="*/ 49 h 192"/>
                  <a:gd name="T14" fmla="*/ 8 w 372"/>
                  <a:gd name="T15" fmla="*/ 46 h 192"/>
                  <a:gd name="T16" fmla="*/ 21 w 372"/>
                  <a:gd name="T17" fmla="*/ 48 h 192"/>
                  <a:gd name="T18" fmla="*/ 18 w 372"/>
                  <a:gd name="T19" fmla="*/ 42 h 192"/>
                  <a:gd name="T20" fmla="*/ 29 w 372"/>
                  <a:gd name="T21" fmla="*/ 40 h 192"/>
                  <a:gd name="T22" fmla="*/ 27 w 372"/>
                  <a:gd name="T23" fmla="*/ 36 h 192"/>
                  <a:gd name="T24" fmla="*/ 29 w 372"/>
                  <a:gd name="T25" fmla="*/ 33 h 192"/>
                  <a:gd name="T26" fmla="*/ 32 w 372"/>
                  <a:gd name="T27" fmla="*/ 31 h 192"/>
                  <a:gd name="T28" fmla="*/ 37 w 372"/>
                  <a:gd name="T29" fmla="*/ 33 h 192"/>
                  <a:gd name="T30" fmla="*/ 37 w 372"/>
                  <a:gd name="T31" fmla="*/ 29 h 192"/>
                  <a:gd name="T32" fmla="*/ 50 w 372"/>
                  <a:gd name="T33" fmla="*/ 33 h 192"/>
                  <a:gd name="T34" fmla="*/ 56 w 372"/>
                  <a:gd name="T35" fmla="*/ 27 h 192"/>
                  <a:gd name="T36" fmla="*/ 58 w 372"/>
                  <a:gd name="T37" fmla="*/ 31 h 192"/>
                  <a:gd name="T38" fmla="*/ 66 w 372"/>
                  <a:gd name="T39" fmla="*/ 23 h 192"/>
                  <a:gd name="T40" fmla="*/ 69 w 372"/>
                  <a:gd name="T41" fmla="*/ 25 h 192"/>
                  <a:gd name="T42" fmla="*/ 74 w 372"/>
                  <a:gd name="T43" fmla="*/ 27 h 192"/>
                  <a:gd name="T44" fmla="*/ 84 w 372"/>
                  <a:gd name="T45" fmla="*/ 14 h 192"/>
                  <a:gd name="T46" fmla="*/ 82 w 372"/>
                  <a:gd name="T47" fmla="*/ 12 h 192"/>
                  <a:gd name="T48" fmla="*/ 95 w 372"/>
                  <a:gd name="T49" fmla="*/ 8 h 192"/>
                  <a:gd name="T50" fmla="*/ 95 w 372"/>
                  <a:gd name="T51" fmla="*/ 2 h 192"/>
                  <a:gd name="T52" fmla="*/ 103 w 372"/>
                  <a:gd name="T53" fmla="*/ 0 h 192"/>
                  <a:gd name="T54" fmla="*/ 108 w 372"/>
                  <a:gd name="T55" fmla="*/ 5 h 192"/>
                  <a:gd name="T56" fmla="*/ 122 w 372"/>
                  <a:gd name="T57" fmla="*/ 10 h 192"/>
                  <a:gd name="T58" fmla="*/ 137 w 372"/>
                  <a:gd name="T59" fmla="*/ 5 h 192"/>
                  <a:gd name="T60" fmla="*/ 145 w 372"/>
                  <a:gd name="T61" fmla="*/ 12 h 192"/>
                  <a:gd name="T62" fmla="*/ 151 w 372"/>
                  <a:gd name="T63" fmla="*/ 21 h 192"/>
                  <a:gd name="T64" fmla="*/ 164 w 372"/>
                  <a:gd name="T65" fmla="*/ 27 h 192"/>
                  <a:gd name="T66" fmla="*/ 140 w 372"/>
                  <a:gd name="T67" fmla="*/ 46 h 192"/>
                  <a:gd name="T68" fmla="*/ 129 w 372"/>
                  <a:gd name="T69" fmla="*/ 49 h 192"/>
                  <a:gd name="T70" fmla="*/ 129 w 372"/>
                  <a:gd name="T71" fmla="*/ 52 h 192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w 372"/>
                  <a:gd name="T109" fmla="*/ 0 h 192"/>
                  <a:gd name="T110" fmla="*/ 372 w 372"/>
                  <a:gd name="T111" fmla="*/ 192 h 192"/>
                </a:gdLst>
                <a:ahLst/>
                <a:cxnLst>
                  <a:cxn ang="T72">
                    <a:pos x="T0" y="T1"/>
                  </a:cxn>
                  <a:cxn ang="T73">
                    <a:pos x="T2" y="T3"/>
                  </a:cxn>
                  <a:cxn ang="T74">
                    <a:pos x="T4" y="T5"/>
                  </a:cxn>
                  <a:cxn ang="T75">
                    <a:pos x="T6" y="T7"/>
                  </a:cxn>
                  <a:cxn ang="T76">
                    <a:pos x="T8" y="T9"/>
                  </a:cxn>
                  <a:cxn ang="T77">
                    <a:pos x="T10" y="T11"/>
                  </a:cxn>
                  <a:cxn ang="T78">
                    <a:pos x="T12" y="T13"/>
                  </a:cxn>
                  <a:cxn ang="T79">
                    <a:pos x="T14" y="T15"/>
                  </a:cxn>
                  <a:cxn ang="T80">
                    <a:pos x="T16" y="T17"/>
                  </a:cxn>
                  <a:cxn ang="T81">
                    <a:pos x="T18" y="T19"/>
                  </a:cxn>
                  <a:cxn ang="T82">
                    <a:pos x="T20" y="T21"/>
                  </a:cxn>
                  <a:cxn ang="T83">
                    <a:pos x="T22" y="T23"/>
                  </a:cxn>
                  <a:cxn ang="T84">
                    <a:pos x="T24" y="T25"/>
                  </a:cxn>
                  <a:cxn ang="T85">
                    <a:pos x="T26" y="T27"/>
                  </a:cxn>
                  <a:cxn ang="T86">
                    <a:pos x="T28" y="T29"/>
                  </a:cxn>
                  <a:cxn ang="T87">
                    <a:pos x="T30" y="T31"/>
                  </a:cxn>
                  <a:cxn ang="T88">
                    <a:pos x="T32" y="T33"/>
                  </a:cxn>
                  <a:cxn ang="T89">
                    <a:pos x="T34" y="T35"/>
                  </a:cxn>
                  <a:cxn ang="T90">
                    <a:pos x="T36" y="T37"/>
                  </a:cxn>
                  <a:cxn ang="T91">
                    <a:pos x="T38" y="T39"/>
                  </a:cxn>
                  <a:cxn ang="T92">
                    <a:pos x="T40" y="T41"/>
                  </a:cxn>
                  <a:cxn ang="T93">
                    <a:pos x="T42" y="T43"/>
                  </a:cxn>
                  <a:cxn ang="T94">
                    <a:pos x="T44" y="T45"/>
                  </a:cxn>
                  <a:cxn ang="T95">
                    <a:pos x="T46" y="T47"/>
                  </a:cxn>
                  <a:cxn ang="T96">
                    <a:pos x="T48" y="T49"/>
                  </a:cxn>
                  <a:cxn ang="T97">
                    <a:pos x="T50" y="T51"/>
                  </a:cxn>
                  <a:cxn ang="T98">
                    <a:pos x="T52" y="T53"/>
                  </a:cxn>
                  <a:cxn ang="T99">
                    <a:pos x="T54" y="T55"/>
                  </a:cxn>
                  <a:cxn ang="T100">
                    <a:pos x="T56" y="T57"/>
                  </a:cxn>
                  <a:cxn ang="T101">
                    <a:pos x="T58" y="T59"/>
                  </a:cxn>
                  <a:cxn ang="T102">
                    <a:pos x="T60" y="T61"/>
                  </a:cxn>
                  <a:cxn ang="T103">
                    <a:pos x="T62" y="T63"/>
                  </a:cxn>
                  <a:cxn ang="T104">
                    <a:pos x="T64" y="T65"/>
                  </a:cxn>
                  <a:cxn ang="T105">
                    <a:pos x="T66" y="T67"/>
                  </a:cxn>
                  <a:cxn ang="T106">
                    <a:pos x="T68" y="T69"/>
                  </a:cxn>
                  <a:cxn ang="T107">
                    <a:pos x="T70" y="T71"/>
                  </a:cxn>
                </a:cxnLst>
                <a:rect l="T108" t="T109" r="T110" b="T111"/>
                <a:pathLst>
                  <a:path w="372" h="192">
                    <a:moveTo>
                      <a:pt x="294" y="156"/>
                    </a:moveTo>
                    <a:lnTo>
                      <a:pt x="72" y="174"/>
                    </a:lnTo>
                    <a:lnTo>
                      <a:pt x="72" y="186"/>
                    </a:lnTo>
                    <a:lnTo>
                      <a:pt x="0" y="192"/>
                    </a:lnTo>
                    <a:lnTo>
                      <a:pt x="6" y="186"/>
                    </a:lnTo>
                    <a:lnTo>
                      <a:pt x="12" y="186"/>
                    </a:lnTo>
                    <a:lnTo>
                      <a:pt x="12" y="156"/>
                    </a:lnTo>
                    <a:lnTo>
                      <a:pt x="18" y="144"/>
                    </a:lnTo>
                    <a:lnTo>
                      <a:pt x="48" y="150"/>
                    </a:lnTo>
                    <a:lnTo>
                      <a:pt x="42" y="132"/>
                    </a:lnTo>
                    <a:lnTo>
                      <a:pt x="66" y="126"/>
                    </a:lnTo>
                    <a:lnTo>
                      <a:pt x="60" y="114"/>
                    </a:lnTo>
                    <a:lnTo>
                      <a:pt x="66" y="102"/>
                    </a:lnTo>
                    <a:lnTo>
                      <a:pt x="72" y="96"/>
                    </a:lnTo>
                    <a:lnTo>
                      <a:pt x="84" y="102"/>
                    </a:lnTo>
                    <a:lnTo>
                      <a:pt x="84" y="90"/>
                    </a:lnTo>
                    <a:lnTo>
                      <a:pt x="114" y="102"/>
                    </a:lnTo>
                    <a:lnTo>
                      <a:pt x="126" y="84"/>
                    </a:lnTo>
                    <a:lnTo>
                      <a:pt x="132" y="96"/>
                    </a:lnTo>
                    <a:lnTo>
                      <a:pt x="150" y="72"/>
                    </a:lnTo>
                    <a:lnTo>
                      <a:pt x="156" y="78"/>
                    </a:lnTo>
                    <a:lnTo>
                      <a:pt x="168" y="84"/>
                    </a:lnTo>
                    <a:lnTo>
                      <a:pt x="192" y="42"/>
                    </a:lnTo>
                    <a:lnTo>
                      <a:pt x="186" y="36"/>
                    </a:lnTo>
                    <a:lnTo>
                      <a:pt x="216" y="24"/>
                    </a:lnTo>
                    <a:lnTo>
                      <a:pt x="216" y="6"/>
                    </a:lnTo>
                    <a:lnTo>
                      <a:pt x="234" y="0"/>
                    </a:lnTo>
                    <a:lnTo>
                      <a:pt x="246" y="18"/>
                    </a:lnTo>
                    <a:lnTo>
                      <a:pt x="276" y="30"/>
                    </a:lnTo>
                    <a:lnTo>
                      <a:pt x="312" y="18"/>
                    </a:lnTo>
                    <a:lnTo>
                      <a:pt x="330" y="36"/>
                    </a:lnTo>
                    <a:lnTo>
                      <a:pt x="342" y="66"/>
                    </a:lnTo>
                    <a:lnTo>
                      <a:pt x="372" y="84"/>
                    </a:lnTo>
                    <a:lnTo>
                      <a:pt x="318" y="144"/>
                    </a:lnTo>
                    <a:lnTo>
                      <a:pt x="294" y="156"/>
                    </a:lnTo>
                    <a:lnTo>
                      <a:pt x="294" y="16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53" name="Freeform 181"/>
              <p:cNvSpPr>
                <a:spLocks noChangeAspect="1"/>
              </p:cNvSpPr>
              <p:nvPr/>
            </p:nvSpPr>
            <p:spPr bwMode="auto">
              <a:xfrm>
                <a:off x="4440" y="1778"/>
                <a:ext cx="220" cy="167"/>
              </a:xfrm>
              <a:custGeom>
                <a:avLst/>
                <a:gdLst>
                  <a:gd name="T0" fmla="*/ 115 w 288"/>
                  <a:gd name="T1" fmla="*/ 54 h 246"/>
                  <a:gd name="T2" fmla="*/ 96 w 288"/>
                  <a:gd name="T3" fmla="*/ 51 h 246"/>
                  <a:gd name="T4" fmla="*/ 91 w 288"/>
                  <a:gd name="T5" fmla="*/ 54 h 246"/>
                  <a:gd name="T6" fmla="*/ 102 w 288"/>
                  <a:gd name="T7" fmla="*/ 56 h 246"/>
                  <a:gd name="T8" fmla="*/ 110 w 288"/>
                  <a:gd name="T9" fmla="*/ 54 h 246"/>
                  <a:gd name="T10" fmla="*/ 107 w 288"/>
                  <a:gd name="T11" fmla="*/ 58 h 246"/>
                  <a:gd name="T12" fmla="*/ 112 w 288"/>
                  <a:gd name="T13" fmla="*/ 60 h 246"/>
                  <a:gd name="T14" fmla="*/ 115 w 288"/>
                  <a:gd name="T15" fmla="*/ 56 h 246"/>
                  <a:gd name="T16" fmla="*/ 123 w 288"/>
                  <a:gd name="T17" fmla="*/ 54 h 246"/>
                  <a:gd name="T18" fmla="*/ 123 w 288"/>
                  <a:gd name="T19" fmla="*/ 58 h 246"/>
                  <a:gd name="T20" fmla="*/ 112 w 288"/>
                  <a:gd name="T21" fmla="*/ 66 h 246"/>
                  <a:gd name="T22" fmla="*/ 115 w 288"/>
                  <a:gd name="T23" fmla="*/ 70 h 246"/>
                  <a:gd name="T24" fmla="*/ 128 w 288"/>
                  <a:gd name="T25" fmla="*/ 73 h 246"/>
                  <a:gd name="T26" fmla="*/ 125 w 288"/>
                  <a:gd name="T27" fmla="*/ 77 h 246"/>
                  <a:gd name="T28" fmla="*/ 123 w 288"/>
                  <a:gd name="T29" fmla="*/ 75 h 246"/>
                  <a:gd name="T30" fmla="*/ 120 w 288"/>
                  <a:gd name="T31" fmla="*/ 77 h 246"/>
                  <a:gd name="T32" fmla="*/ 118 w 288"/>
                  <a:gd name="T33" fmla="*/ 71 h 246"/>
                  <a:gd name="T34" fmla="*/ 102 w 288"/>
                  <a:gd name="T35" fmla="*/ 68 h 246"/>
                  <a:gd name="T36" fmla="*/ 105 w 288"/>
                  <a:gd name="T37" fmla="*/ 73 h 246"/>
                  <a:gd name="T38" fmla="*/ 99 w 288"/>
                  <a:gd name="T39" fmla="*/ 75 h 246"/>
                  <a:gd name="T40" fmla="*/ 96 w 288"/>
                  <a:gd name="T41" fmla="*/ 71 h 246"/>
                  <a:gd name="T42" fmla="*/ 93 w 288"/>
                  <a:gd name="T43" fmla="*/ 73 h 246"/>
                  <a:gd name="T44" fmla="*/ 91 w 288"/>
                  <a:gd name="T45" fmla="*/ 71 h 246"/>
                  <a:gd name="T46" fmla="*/ 88 w 288"/>
                  <a:gd name="T47" fmla="*/ 75 h 246"/>
                  <a:gd name="T48" fmla="*/ 82 w 288"/>
                  <a:gd name="T49" fmla="*/ 77 h 246"/>
                  <a:gd name="T50" fmla="*/ 78 w 288"/>
                  <a:gd name="T51" fmla="*/ 75 h 246"/>
                  <a:gd name="T52" fmla="*/ 73 w 288"/>
                  <a:gd name="T53" fmla="*/ 70 h 246"/>
                  <a:gd name="T54" fmla="*/ 64 w 288"/>
                  <a:gd name="T55" fmla="*/ 68 h 246"/>
                  <a:gd name="T56" fmla="*/ 64 w 288"/>
                  <a:gd name="T57" fmla="*/ 64 h 246"/>
                  <a:gd name="T58" fmla="*/ 56 w 288"/>
                  <a:gd name="T59" fmla="*/ 64 h 246"/>
                  <a:gd name="T60" fmla="*/ 56 w 288"/>
                  <a:gd name="T61" fmla="*/ 62 h 246"/>
                  <a:gd name="T62" fmla="*/ 48 w 288"/>
                  <a:gd name="T63" fmla="*/ 64 h 246"/>
                  <a:gd name="T64" fmla="*/ 53 w 288"/>
                  <a:gd name="T65" fmla="*/ 68 h 246"/>
                  <a:gd name="T66" fmla="*/ 46 w 288"/>
                  <a:gd name="T67" fmla="*/ 70 h 246"/>
                  <a:gd name="T68" fmla="*/ 24 w 288"/>
                  <a:gd name="T69" fmla="*/ 64 h 246"/>
                  <a:gd name="T70" fmla="*/ 8 w 288"/>
                  <a:gd name="T71" fmla="*/ 66 h 246"/>
                  <a:gd name="T72" fmla="*/ 5 w 288"/>
                  <a:gd name="T73" fmla="*/ 64 h 246"/>
                  <a:gd name="T74" fmla="*/ 11 w 288"/>
                  <a:gd name="T75" fmla="*/ 60 h 246"/>
                  <a:gd name="T76" fmla="*/ 11 w 288"/>
                  <a:gd name="T77" fmla="*/ 49 h 246"/>
                  <a:gd name="T78" fmla="*/ 16 w 288"/>
                  <a:gd name="T79" fmla="*/ 39 h 246"/>
                  <a:gd name="T80" fmla="*/ 3 w 288"/>
                  <a:gd name="T81" fmla="*/ 21 h 246"/>
                  <a:gd name="T82" fmla="*/ 0 w 288"/>
                  <a:gd name="T83" fmla="*/ 0 h 246"/>
                  <a:gd name="T84" fmla="*/ 73 w 288"/>
                  <a:gd name="T85" fmla="*/ 0 h 246"/>
                  <a:gd name="T86" fmla="*/ 73 w 288"/>
                  <a:gd name="T87" fmla="*/ 7 h 246"/>
                  <a:gd name="T88" fmla="*/ 75 w 288"/>
                  <a:gd name="T89" fmla="*/ 5 h 246"/>
                  <a:gd name="T90" fmla="*/ 73 w 288"/>
                  <a:gd name="T91" fmla="*/ 10 h 246"/>
                  <a:gd name="T92" fmla="*/ 78 w 288"/>
                  <a:gd name="T93" fmla="*/ 11 h 246"/>
                  <a:gd name="T94" fmla="*/ 73 w 288"/>
                  <a:gd name="T95" fmla="*/ 15 h 246"/>
                  <a:gd name="T96" fmla="*/ 75 w 288"/>
                  <a:gd name="T97" fmla="*/ 15 h 246"/>
                  <a:gd name="T98" fmla="*/ 64 w 288"/>
                  <a:gd name="T99" fmla="*/ 26 h 246"/>
                  <a:gd name="T100" fmla="*/ 61 w 288"/>
                  <a:gd name="T101" fmla="*/ 39 h 246"/>
                  <a:gd name="T102" fmla="*/ 107 w 288"/>
                  <a:gd name="T103" fmla="*/ 37 h 246"/>
                  <a:gd name="T104" fmla="*/ 107 w 288"/>
                  <a:gd name="T105" fmla="*/ 45 h 246"/>
                  <a:gd name="T106" fmla="*/ 112 w 288"/>
                  <a:gd name="T107" fmla="*/ 52 h 246"/>
                  <a:gd name="T108" fmla="*/ 115 w 288"/>
                  <a:gd name="T109" fmla="*/ 54 h 24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w 288"/>
                  <a:gd name="T166" fmla="*/ 0 h 246"/>
                  <a:gd name="T167" fmla="*/ 288 w 288"/>
                  <a:gd name="T168" fmla="*/ 246 h 246"/>
                </a:gdLst>
                <a:ahLst/>
                <a:cxnLst>
                  <a:cxn ang="T110">
                    <a:pos x="T0" y="T1"/>
                  </a:cxn>
                  <a:cxn ang="T111">
                    <a:pos x="T2" y="T3"/>
                  </a:cxn>
                  <a:cxn ang="T112">
                    <a:pos x="T4" y="T5"/>
                  </a:cxn>
                  <a:cxn ang="T113">
                    <a:pos x="T6" y="T7"/>
                  </a:cxn>
                  <a:cxn ang="T114">
                    <a:pos x="T8" y="T9"/>
                  </a:cxn>
                  <a:cxn ang="T115">
                    <a:pos x="T10" y="T11"/>
                  </a:cxn>
                  <a:cxn ang="T116">
                    <a:pos x="T12" y="T13"/>
                  </a:cxn>
                  <a:cxn ang="T117">
                    <a:pos x="T14" y="T15"/>
                  </a:cxn>
                  <a:cxn ang="T118">
                    <a:pos x="T16" y="T17"/>
                  </a:cxn>
                  <a:cxn ang="T119">
                    <a:pos x="T18" y="T19"/>
                  </a:cxn>
                  <a:cxn ang="T120">
                    <a:pos x="T20" y="T21"/>
                  </a:cxn>
                  <a:cxn ang="T121">
                    <a:pos x="T22" y="T23"/>
                  </a:cxn>
                  <a:cxn ang="T122">
                    <a:pos x="T24" y="T25"/>
                  </a:cxn>
                  <a:cxn ang="T123">
                    <a:pos x="T26" y="T27"/>
                  </a:cxn>
                  <a:cxn ang="T124">
                    <a:pos x="T28" y="T29"/>
                  </a:cxn>
                  <a:cxn ang="T125">
                    <a:pos x="T30" y="T31"/>
                  </a:cxn>
                  <a:cxn ang="T126">
                    <a:pos x="T32" y="T33"/>
                  </a:cxn>
                  <a:cxn ang="T127">
                    <a:pos x="T34" y="T35"/>
                  </a:cxn>
                  <a:cxn ang="T128">
                    <a:pos x="T36" y="T37"/>
                  </a:cxn>
                  <a:cxn ang="T129">
                    <a:pos x="T38" y="T39"/>
                  </a:cxn>
                  <a:cxn ang="T130">
                    <a:pos x="T40" y="T41"/>
                  </a:cxn>
                  <a:cxn ang="T131">
                    <a:pos x="T42" y="T43"/>
                  </a:cxn>
                  <a:cxn ang="T132">
                    <a:pos x="T44" y="T45"/>
                  </a:cxn>
                  <a:cxn ang="T133">
                    <a:pos x="T46" y="T47"/>
                  </a:cxn>
                  <a:cxn ang="T134">
                    <a:pos x="T48" y="T49"/>
                  </a:cxn>
                  <a:cxn ang="T135">
                    <a:pos x="T50" y="T51"/>
                  </a:cxn>
                  <a:cxn ang="T136">
                    <a:pos x="T52" y="T53"/>
                  </a:cxn>
                  <a:cxn ang="T137">
                    <a:pos x="T54" y="T55"/>
                  </a:cxn>
                  <a:cxn ang="T138">
                    <a:pos x="T56" y="T57"/>
                  </a:cxn>
                  <a:cxn ang="T139">
                    <a:pos x="T58" y="T59"/>
                  </a:cxn>
                  <a:cxn ang="T140">
                    <a:pos x="T60" y="T61"/>
                  </a:cxn>
                  <a:cxn ang="T141">
                    <a:pos x="T62" y="T63"/>
                  </a:cxn>
                  <a:cxn ang="T142">
                    <a:pos x="T64" y="T65"/>
                  </a:cxn>
                  <a:cxn ang="T143">
                    <a:pos x="T66" y="T67"/>
                  </a:cxn>
                  <a:cxn ang="T144">
                    <a:pos x="T68" y="T69"/>
                  </a:cxn>
                  <a:cxn ang="T145">
                    <a:pos x="T70" y="T71"/>
                  </a:cxn>
                  <a:cxn ang="T146">
                    <a:pos x="T72" y="T73"/>
                  </a:cxn>
                  <a:cxn ang="T147">
                    <a:pos x="T74" y="T75"/>
                  </a:cxn>
                  <a:cxn ang="T148">
                    <a:pos x="T76" y="T77"/>
                  </a:cxn>
                  <a:cxn ang="T149">
                    <a:pos x="T78" y="T79"/>
                  </a:cxn>
                  <a:cxn ang="T150">
                    <a:pos x="T80" y="T81"/>
                  </a:cxn>
                  <a:cxn ang="T151">
                    <a:pos x="T82" y="T83"/>
                  </a:cxn>
                  <a:cxn ang="T152">
                    <a:pos x="T84" y="T85"/>
                  </a:cxn>
                  <a:cxn ang="T153">
                    <a:pos x="T86" y="T87"/>
                  </a:cxn>
                  <a:cxn ang="T154">
                    <a:pos x="T88" y="T89"/>
                  </a:cxn>
                  <a:cxn ang="T155">
                    <a:pos x="T90" y="T91"/>
                  </a:cxn>
                  <a:cxn ang="T156">
                    <a:pos x="T92" y="T93"/>
                  </a:cxn>
                  <a:cxn ang="T157">
                    <a:pos x="T94" y="T95"/>
                  </a:cxn>
                  <a:cxn ang="T158">
                    <a:pos x="T96" y="T97"/>
                  </a:cxn>
                  <a:cxn ang="T159">
                    <a:pos x="T98" y="T99"/>
                  </a:cxn>
                  <a:cxn ang="T160">
                    <a:pos x="T100" y="T101"/>
                  </a:cxn>
                  <a:cxn ang="T161">
                    <a:pos x="T102" y="T103"/>
                  </a:cxn>
                  <a:cxn ang="T162">
                    <a:pos x="T104" y="T105"/>
                  </a:cxn>
                  <a:cxn ang="T163">
                    <a:pos x="T106" y="T107"/>
                  </a:cxn>
                  <a:cxn ang="T164">
                    <a:pos x="T108" y="T109"/>
                  </a:cxn>
                </a:cxnLst>
                <a:rect l="T165" t="T166" r="T167" b="T168"/>
                <a:pathLst>
                  <a:path w="288" h="246">
                    <a:moveTo>
                      <a:pt x="258" y="174"/>
                    </a:moveTo>
                    <a:lnTo>
                      <a:pt x="216" y="162"/>
                    </a:lnTo>
                    <a:lnTo>
                      <a:pt x="204" y="174"/>
                    </a:lnTo>
                    <a:lnTo>
                      <a:pt x="228" y="180"/>
                    </a:lnTo>
                    <a:lnTo>
                      <a:pt x="246" y="174"/>
                    </a:lnTo>
                    <a:lnTo>
                      <a:pt x="240" y="186"/>
                    </a:lnTo>
                    <a:lnTo>
                      <a:pt x="252" y="192"/>
                    </a:lnTo>
                    <a:lnTo>
                      <a:pt x="258" y="180"/>
                    </a:lnTo>
                    <a:lnTo>
                      <a:pt x="276" y="174"/>
                    </a:lnTo>
                    <a:lnTo>
                      <a:pt x="276" y="186"/>
                    </a:lnTo>
                    <a:lnTo>
                      <a:pt x="252" y="210"/>
                    </a:lnTo>
                    <a:lnTo>
                      <a:pt x="258" y="222"/>
                    </a:lnTo>
                    <a:lnTo>
                      <a:pt x="288" y="234"/>
                    </a:lnTo>
                    <a:lnTo>
                      <a:pt x="282" y="246"/>
                    </a:lnTo>
                    <a:lnTo>
                      <a:pt x="276" y="240"/>
                    </a:lnTo>
                    <a:lnTo>
                      <a:pt x="270" y="246"/>
                    </a:lnTo>
                    <a:lnTo>
                      <a:pt x="264" y="228"/>
                    </a:lnTo>
                    <a:lnTo>
                      <a:pt x="228" y="216"/>
                    </a:lnTo>
                    <a:lnTo>
                      <a:pt x="234" y="234"/>
                    </a:lnTo>
                    <a:lnTo>
                      <a:pt x="222" y="240"/>
                    </a:lnTo>
                    <a:lnTo>
                      <a:pt x="216" y="228"/>
                    </a:lnTo>
                    <a:lnTo>
                      <a:pt x="210" y="234"/>
                    </a:lnTo>
                    <a:lnTo>
                      <a:pt x="204" y="228"/>
                    </a:lnTo>
                    <a:lnTo>
                      <a:pt x="198" y="240"/>
                    </a:lnTo>
                    <a:lnTo>
                      <a:pt x="186" y="246"/>
                    </a:lnTo>
                    <a:lnTo>
                      <a:pt x="174" y="240"/>
                    </a:lnTo>
                    <a:lnTo>
                      <a:pt x="162" y="222"/>
                    </a:lnTo>
                    <a:lnTo>
                      <a:pt x="144" y="216"/>
                    </a:lnTo>
                    <a:lnTo>
                      <a:pt x="144" y="204"/>
                    </a:lnTo>
                    <a:lnTo>
                      <a:pt x="126" y="204"/>
                    </a:lnTo>
                    <a:lnTo>
                      <a:pt x="126" y="198"/>
                    </a:lnTo>
                    <a:lnTo>
                      <a:pt x="108" y="204"/>
                    </a:lnTo>
                    <a:lnTo>
                      <a:pt x="120" y="216"/>
                    </a:lnTo>
                    <a:lnTo>
                      <a:pt x="102" y="222"/>
                    </a:lnTo>
                    <a:lnTo>
                      <a:pt x="54" y="204"/>
                    </a:lnTo>
                    <a:lnTo>
                      <a:pt x="18" y="210"/>
                    </a:lnTo>
                    <a:lnTo>
                      <a:pt x="12" y="204"/>
                    </a:lnTo>
                    <a:lnTo>
                      <a:pt x="24" y="192"/>
                    </a:lnTo>
                    <a:lnTo>
                      <a:pt x="24" y="156"/>
                    </a:lnTo>
                    <a:lnTo>
                      <a:pt x="36" y="126"/>
                    </a:lnTo>
                    <a:lnTo>
                      <a:pt x="6" y="66"/>
                    </a:lnTo>
                    <a:lnTo>
                      <a:pt x="0" y="0"/>
                    </a:lnTo>
                    <a:lnTo>
                      <a:pt x="162" y="0"/>
                    </a:lnTo>
                    <a:lnTo>
                      <a:pt x="162" y="24"/>
                    </a:lnTo>
                    <a:lnTo>
                      <a:pt x="168" y="18"/>
                    </a:lnTo>
                    <a:lnTo>
                      <a:pt x="162" y="30"/>
                    </a:lnTo>
                    <a:lnTo>
                      <a:pt x="174" y="36"/>
                    </a:lnTo>
                    <a:lnTo>
                      <a:pt x="162" y="48"/>
                    </a:lnTo>
                    <a:lnTo>
                      <a:pt x="168" y="48"/>
                    </a:lnTo>
                    <a:lnTo>
                      <a:pt x="144" y="84"/>
                    </a:lnTo>
                    <a:lnTo>
                      <a:pt x="138" y="126"/>
                    </a:lnTo>
                    <a:lnTo>
                      <a:pt x="240" y="120"/>
                    </a:lnTo>
                    <a:lnTo>
                      <a:pt x="240" y="144"/>
                    </a:lnTo>
                    <a:lnTo>
                      <a:pt x="252" y="168"/>
                    </a:lnTo>
                    <a:lnTo>
                      <a:pt x="258" y="17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54" name="Freeform 182"/>
              <p:cNvSpPr>
                <a:spLocks noChangeAspect="1"/>
              </p:cNvSpPr>
              <p:nvPr/>
            </p:nvSpPr>
            <p:spPr bwMode="auto">
              <a:xfrm>
                <a:off x="4440" y="1778"/>
                <a:ext cx="220" cy="167"/>
              </a:xfrm>
              <a:custGeom>
                <a:avLst/>
                <a:gdLst>
                  <a:gd name="T0" fmla="*/ 115 w 288"/>
                  <a:gd name="T1" fmla="*/ 54 h 246"/>
                  <a:gd name="T2" fmla="*/ 96 w 288"/>
                  <a:gd name="T3" fmla="*/ 51 h 246"/>
                  <a:gd name="T4" fmla="*/ 91 w 288"/>
                  <a:gd name="T5" fmla="*/ 54 h 246"/>
                  <a:gd name="T6" fmla="*/ 102 w 288"/>
                  <a:gd name="T7" fmla="*/ 56 h 246"/>
                  <a:gd name="T8" fmla="*/ 110 w 288"/>
                  <a:gd name="T9" fmla="*/ 54 h 246"/>
                  <a:gd name="T10" fmla="*/ 107 w 288"/>
                  <a:gd name="T11" fmla="*/ 58 h 246"/>
                  <a:gd name="T12" fmla="*/ 112 w 288"/>
                  <a:gd name="T13" fmla="*/ 60 h 246"/>
                  <a:gd name="T14" fmla="*/ 115 w 288"/>
                  <a:gd name="T15" fmla="*/ 56 h 246"/>
                  <a:gd name="T16" fmla="*/ 123 w 288"/>
                  <a:gd name="T17" fmla="*/ 54 h 246"/>
                  <a:gd name="T18" fmla="*/ 123 w 288"/>
                  <a:gd name="T19" fmla="*/ 58 h 246"/>
                  <a:gd name="T20" fmla="*/ 112 w 288"/>
                  <a:gd name="T21" fmla="*/ 66 h 246"/>
                  <a:gd name="T22" fmla="*/ 115 w 288"/>
                  <a:gd name="T23" fmla="*/ 70 h 246"/>
                  <a:gd name="T24" fmla="*/ 128 w 288"/>
                  <a:gd name="T25" fmla="*/ 73 h 246"/>
                  <a:gd name="T26" fmla="*/ 125 w 288"/>
                  <a:gd name="T27" fmla="*/ 77 h 246"/>
                  <a:gd name="T28" fmla="*/ 123 w 288"/>
                  <a:gd name="T29" fmla="*/ 75 h 246"/>
                  <a:gd name="T30" fmla="*/ 120 w 288"/>
                  <a:gd name="T31" fmla="*/ 77 h 246"/>
                  <a:gd name="T32" fmla="*/ 118 w 288"/>
                  <a:gd name="T33" fmla="*/ 71 h 246"/>
                  <a:gd name="T34" fmla="*/ 102 w 288"/>
                  <a:gd name="T35" fmla="*/ 68 h 246"/>
                  <a:gd name="T36" fmla="*/ 105 w 288"/>
                  <a:gd name="T37" fmla="*/ 73 h 246"/>
                  <a:gd name="T38" fmla="*/ 99 w 288"/>
                  <a:gd name="T39" fmla="*/ 75 h 246"/>
                  <a:gd name="T40" fmla="*/ 96 w 288"/>
                  <a:gd name="T41" fmla="*/ 71 h 246"/>
                  <a:gd name="T42" fmla="*/ 93 w 288"/>
                  <a:gd name="T43" fmla="*/ 73 h 246"/>
                  <a:gd name="T44" fmla="*/ 91 w 288"/>
                  <a:gd name="T45" fmla="*/ 71 h 246"/>
                  <a:gd name="T46" fmla="*/ 88 w 288"/>
                  <a:gd name="T47" fmla="*/ 75 h 246"/>
                  <a:gd name="T48" fmla="*/ 82 w 288"/>
                  <a:gd name="T49" fmla="*/ 77 h 246"/>
                  <a:gd name="T50" fmla="*/ 78 w 288"/>
                  <a:gd name="T51" fmla="*/ 75 h 246"/>
                  <a:gd name="T52" fmla="*/ 73 w 288"/>
                  <a:gd name="T53" fmla="*/ 70 h 246"/>
                  <a:gd name="T54" fmla="*/ 64 w 288"/>
                  <a:gd name="T55" fmla="*/ 68 h 246"/>
                  <a:gd name="T56" fmla="*/ 64 w 288"/>
                  <a:gd name="T57" fmla="*/ 64 h 246"/>
                  <a:gd name="T58" fmla="*/ 56 w 288"/>
                  <a:gd name="T59" fmla="*/ 64 h 246"/>
                  <a:gd name="T60" fmla="*/ 56 w 288"/>
                  <a:gd name="T61" fmla="*/ 62 h 246"/>
                  <a:gd name="T62" fmla="*/ 48 w 288"/>
                  <a:gd name="T63" fmla="*/ 64 h 246"/>
                  <a:gd name="T64" fmla="*/ 53 w 288"/>
                  <a:gd name="T65" fmla="*/ 68 h 246"/>
                  <a:gd name="T66" fmla="*/ 46 w 288"/>
                  <a:gd name="T67" fmla="*/ 70 h 246"/>
                  <a:gd name="T68" fmla="*/ 24 w 288"/>
                  <a:gd name="T69" fmla="*/ 64 h 246"/>
                  <a:gd name="T70" fmla="*/ 8 w 288"/>
                  <a:gd name="T71" fmla="*/ 66 h 246"/>
                  <a:gd name="T72" fmla="*/ 5 w 288"/>
                  <a:gd name="T73" fmla="*/ 64 h 246"/>
                  <a:gd name="T74" fmla="*/ 11 w 288"/>
                  <a:gd name="T75" fmla="*/ 60 h 246"/>
                  <a:gd name="T76" fmla="*/ 11 w 288"/>
                  <a:gd name="T77" fmla="*/ 49 h 246"/>
                  <a:gd name="T78" fmla="*/ 16 w 288"/>
                  <a:gd name="T79" fmla="*/ 39 h 246"/>
                  <a:gd name="T80" fmla="*/ 3 w 288"/>
                  <a:gd name="T81" fmla="*/ 21 h 246"/>
                  <a:gd name="T82" fmla="*/ 0 w 288"/>
                  <a:gd name="T83" fmla="*/ 0 h 246"/>
                  <a:gd name="T84" fmla="*/ 73 w 288"/>
                  <a:gd name="T85" fmla="*/ 0 h 246"/>
                  <a:gd name="T86" fmla="*/ 73 w 288"/>
                  <a:gd name="T87" fmla="*/ 7 h 246"/>
                  <a:gd name="T88" fmla="*/ 75 w 288"/>
                  <a:gd name="T89" fmla="*/ 5 h 246"/>
                  <a:gd name="T90" fmla="*/ 73 w 288"/>
                  <a:gd name="T91" fmla="*/ 10 h 246"/>
                  <a:gd name="T92" fmla="*/ 78 w 288"/>
                  <a:gd name="T93" fmla="*/ 11 h 246"/>
                  <a:gd name="T94" fmla="*/ 73 w 288"/>
                  <a:gd name="T95" fmla="*/ 15 h 246"/>
                  <a:gd name="T96" fmla="*/ 75 w 288"/>
                  <a:gd name="T97" fmla="*/ 15 h 246"/>
                  <a:gd name="T98" fmla="*/ 64 w 288"/>
                  <a:gd name="T99" fmla="*/ 26 h 246"/>
                  <a:gd name="T100" fmla="*/ 61 w 288"/>
                  <a:gd name="T101" fmla="*/ 39 h 246"/>
                  <a:gd name="T102" fmla="*/ 107 w 288"/>
                  <a:gd name="T103" fmla="*/ 37 h 246"/>
                  <a:gd name="T104" fmla="*/ 107 w 288"/>
                  <a:gd name="T105" fmla="*/ 45 h 246"/>
                  <a:gd name="T106" fmla="*/ 112 w 288"/>
                  <a:gd name="T107" fmla="*/ 52 h 246"/>
                  <a:gd name="T108" fmla="*/ 115 w 288"/>
                  <a:gd name="T109" fmla="*/ 54 h 246"/>
                  <a:gd name="T110" fmla="*/ 115 w 288"/>
                  <a:gd name="T111" fmla="*/ 56 h 24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w 288"/>
                  <a:gd name="T169" fmla="*/ 0 h 246"/>
                  <a:gd name="T170" fmla="*/ 288 w 288"/>
                  <a:gd name="T171" fmla="*/ 246 h 246"/>
                </a:gdLst>
                <a:ahLst/>
                <a:cxnLst>
                  <a:cxn ang="T112">
                    <a:pos x="T0" y="T1"/>
                  </a:cxn>
                  <a:cxn ang="T113">
                    <a:pos x="T2" y="T3"/>
                  </a:cxn>
                  <a:cxn ang="T114">
                    <a:pos x="T4" y="T5"/>
                  </a:cxn>
                  <a:cxn ang="T115">
                    <a:pos x="T6" y="T7"/>
                  </a:cxn>
                  <a:cxn ang="T116">
                    <a:pos x="T8" y="T9"/>
                  </a:cxn>
                  <a:cxn ang="T117">
                    <a:pos x="T10" y="T11"/>
                  </a:cxn>
                  <a:cxn ang="T118">
                    <a:pos x="T12" y="T13"/>
                  </a:cxn>
                  <a:cxn ang="T119">
                    <a:pos x="T14" y="T15"/>
                  </a:cxn>
                  <a:cxn ang="T120">
                    <a:pos x="T16" y="T17"/>
                  </a:cxn>
                  <a:cxn ang="T121">
                    <a:pos x="T18" y="T19"/>
                  </a:cxn>
                  <a:cxn ang="T122">
                    <a:pos x="T20" y="T21"/>
                  </a:cxn>
                  <a:cxn ang="T123">
                    <a:pos x="T22" y="T23"/>
                  </a:cxn>
                  <a:cxn ang="T124">
                    <a:pos x="T24" y="T25"/>
                  </a:cxn>
                  <a:cxn ang="T125">
                    <a:pos x="T26" y="T27"/>
                  </a:cxn>
                  <a:cxn ang="T126">
                    <a:pos x="T28" y="T29"/>
                  </a:cxn>
                  <a:cxn ang="T127">
                    <a:pos x="T30" y="T31"/>
                  </a:cxn>
                  <a:cxn ang="T128">
                    <a:pos x="T32" y="T33"/>
                  </a:cxn>
                  <a:cxn ang="T129">
                    <a:pos x="T34" y="T35"/>
                  </a:cxn>
                  <a:cxn ang="T130">
                    <a:pos x="T36" y="T37"/>
                  </a:cxn>
                  <a:cxn ang="T131">
                    <a:pos x="T38" y="T39"/>
                  </a:cxn>
                  <a:cxn ang="T132">
                    <a:pos x="T40" y="T41"/>
                  </a:cxn>
                  <a:cxn ang="T133">
                    <a:pos x="T42" y="T43"/>
                  </a:cxn>
                  <a:cxn ang="T134">
                    <a:pos x="T44" y="T45"/>
                  </a:cxn>
                  <a:cxn ang="T135">
                    <a:pos x="T46" y="T47"/>
                  </a:cxn>
                  <a:cxn ang="T136">
                    <a:pos x="T48" y="T49"/>
                  </a:cxn>
                  <a:cxn ang="T137">
                    <a:pos x="T50" y="T51"/>
                  </a:cxn>
                  <a:cxn ang="T138">
                    <a:pos x="T52" y="T53"/>
                  </a:cxn>
                  <a:cxn ang="T139">
                    <a:pos x="T54" y="T55"/>
                  </a:cxn>
                  <a:cxn ang="T140">
                    <a:pos x="T56" y="T57"/>
                  </a:cxn>
                  <a:cxn ang="T141">
                    <a:pos x="T58" y="T59"/>
                  </a:cxn>
                  <a:cxn ang="T142">
                    <a:pos x="T60" y="T61"/>
                  </a:cxn>
                  <a:cxn ang="T143">
                    <a:pos x="T62" y="T63"/>
                  </a:cxn>
                  <a:cxn ang="T144">
                    <a:pos x="T64" y="T65"/>
                  </a:cxn>
                  <a:cxn ang="T145">
                    <a:pos x="T66" y="T67"/>
                  </a:cxn>
                  <a:cxn ang="T146">
                    <a:pos x="T68" y="T69"/>
                  </a:cxn>
                  <a:cxn ang="T147">
                    <a:pos x="T70" y="T71"/>
                  </a:cxn>
                  <a:cxn ang="T148">
                    <a:pos x="T72" y="T73"/>
                  </a:cxn>
                  <a:cxn ang="T149">
                    <a:pos x="T74" y="T75"/>
                  </a:cxn>
                  <a:cxn ang="T150">
                    <a:pos x="T76" y="T77"/>
                  </a:cxn>
                  <a:cxn ang="T151">
                    <a:pos x="T78" y="T79"/>
                  </a:cxn>
                  <a:cxn ang="T152">
                    <a:pos x="T80" y="T81"/>
                  </a:cxn>
                  <a:cxn ang="T153">
                    <a:pos x="T82" y="T83"/>
                  </a:cxn>
                  <a:cxn ang="T154">
                    <a:pos x="T84" y="T85"/>
                  </a:cxn>
                  <a:cxn ang="T155">
                    <a:pos x="T86" y="T87"/>
                  </a:cxn>
                  <a:cxn ang="T156">
                    <a:pos x="T88" y="T89"/>
                  </a:cxn>
                  <a:cxn ang="T157">
                    <a:pos x="T90" y="T91"/>
                  </a:cxn>
                  <a:cxn ang="T158">
                    <a:pos x="T92" y="T93"/>
                  </a:cxn>
                  <a:cxn ang="T159">
                    <a:pos x="T94" y="T95"/>
                  </a:cxn>
                  <a:cxn ang="T160">
                    <a:pos x="T96" y="T97"/>
                  </a:cxn>
                  <a:cxn ang="T161">
                    <a:pos x="T98" y="T99"/>
                  </a:cxn>
                  <a:cxn ang="T162">
                    <a:pos x="T100" y="T101"/>
                  </a:cxn>
                  <a:cxn ang="T163">
                    <a:pos x="T102" y="T103"/>
                  </a:cxn>
                  <a:cxn ang="T164">
                    <a:pos x="T104" y="T105"/>
                  </a:cxn>
                  <a:cxn ang="T165">
                    <a:pos x="T106" y="T107"/>
                  </a:cxn>
                  <a:cxn ang="T166">
                    <a:pos x="T108" y="T109"/>
                  </a:cxn>
                  <a:cxn ang="T167">
                    <a:pos x="T110" y="T111"/>
                  </a:cxn>
                </a:cxnLst>
                <a:rect l="T168" t="T169" r="T170" b="T171"/>
                <a:pathLst>
                  <a:path w="288" h="246">
                    <a:moveTo>
                      <a:pt x="258" y="174"/>
                    </a:moveTo>
                    <a:lnTo>
                      <a:pt x="216" y="162"/>
                    </a:lnTo>
                    <a:lnTo>
                      <a:pt x="204" y="174"/>
                    </a:lnTo>
                    <a:lnTo>
                      <a:pt x="228" y="180"/>
                    </a:lnTo>
                    <a:lnTo>
                      <a:pt x="246" y="174"/>
                    </a:lnTo>
                    <a:lnTo>
                      <a:pt x="240" y="186"/>
                    </a:lnTo>
                    <a:lnTo>
                      <a:pt x="252" y="192"/>
                    </a:lnTo>
                    <a:lnTo>
                      <a:pt x="258" y="180"/>
                    </a:lnTo>
                    <a:lnTo>
                      <a:pt x="276" y="174"/>
                    </a:lnTo>
                    <a:lnTo>
                      <a:pt x="276" y="186"/>
                    </a:lnTo>
                    <a:lnTo>
                      <a:pt x="252" y="210"/>
                    </a:lnTo>
                    <a:lnTo>
                      <a:pt x="258" y="222"/>
                    </a:lnTo>
                    <a:lnTo>
                      <a:pt x="288" y="234"/>
                    </a:lnTo>
                    <a:lnTo>
                      <a:pt x="282" y="246"/>
                    </a:lnTo>
                    <a:lnTo>
                      <a:pt x="276" y="240"/>
                    </a:lnTo>
                    <a:lnTo>
                      <a:pt x="270" y="246"/>
                    </a:lnTo>
                    <a:lnTo>
                      <a:pt x="264" y="228"/>
                    </a:lnTo>
                    <a:lnTo>
                      <a:pt x="228" y="216"/>
                    </a:lnTo>
                    <a:lnTo>
                      <a:pt x="234" y="234"/>
                    </a:lnTo>
                    <a:lnTo>
                      <a:pt x="222" y="240"/>
                    </a:lnTo>
                    <a:lnTo>
                      <a:pt x="216" y="228"/>
                    </a:lnTo>
                    <a:lnTo>
                      <a:pt x="210" y="234"/>
                    </a:lnTo>
                    <a:lnTo>
                      <a:pt x="204" y="228"/>
                    </a:lnTo>
                    <a:lnTo>
                      <a:pt x="198" y="240"/>
                    </a:lnTo>
                    <a:lnTo>
                      <a:pt x="186" y="246"/>
                    </a:lnTo>
                    <a:lnTo>
                      <a:pt x="174" y="240"/>
                    </a:lnTo>
                    <a:lnTo>
                      <a:pt x="162" y="222"/>
                    </a:lnTo>
                    <a:lnTo>
                      <a:pt x="144" y="216"/>
                    </a:lnTo>
                    <a:lnTo>
                      <a:pt x="144" y="204"/>
                    </a:lnTo>
                    <a:lnTo>
                      <a:pt x="126" y="204"/>
                    </a:lnTo>
                    <a:lnTo>
                      <a:pt x="126" y="198"/>
                    </a:lnTo>
                    <a:lnTo>
                      <a:pt x="108" y="204"/>
                    </a:lnTo>
                    <a:lnTo>
                      <a:pt x="120" y="216"/>
                    </a:lnTo>
                    <a:lnTo>
                      <a:pt x="102" y="222"/>
                    </a:lnTo>
                    <a:lnTo>
                      <a:pt x="54" y="204"/>
                    </a:lnTo>
                    <a:lnTo>
                      <a:pt x="18" y="210"/>
                    </a:lnTo>
                    <a:lnTo>
                      <a:pt x="12" y="204"/>
                    </a:lnTo>
                    <a:lnTo>
                      <a:pt x="24" y="192"/>
                    </a:lnTo>
                    <a:lnTo>
                      <a:pt x="24" y="156"/>
                    </a:lnTo>
                    <a:lnTo>
                      <a:pt x="36" y="126"/>
                    </a:lnTo>
                    <a:lnTo>
                      <a:pt x="6" y="66"/>
                    </a:lnTo>
                    <a:lnTo>
                      <a:pt x="0" y="0"/>
                    </a:lnTo>
                    <a:lnTo>
                      <a:pt x="162" y="0"/>
                    </a:lnTo>
                    <a:lnTo>
                      <a:pt x="162" y="24"/>
                    </a:lnTo>
                    <a:lnTo>
                      <a:pt x="168" y="18"/>
                    </a:lnTo>
                    <a:lnTo>
                      <a:pt x="162" y="30"/>
                    </a:lnTo>
                    <a:lnTo>
                      <a:pt x="174" y="36"/>
                    </a:lnTo>
                    <a:lnTo>
                      <a:pt x="162" y="48"/>
                    </a:lnTo>
                    <a:lnTo>
                      <a:pt x="168" y="48"/>
                    </a:lnTo>
                    <a:lnTo>
                      <a:pt x="144" y="84"/>
                    </a:lnTo>
                    <a:lnTo>
                      <a:pt x="138" y="126"/>
                    </a:lnTo>
                    <a:lnTo>
                      <a:pt x="240" y="120"/>
                    </a:lnTo>
                    <a:lnTo>
                      <a:pt x="240" y="144"/>
                    </a:lnTo>
                    <a:lnTo>
                      <a:pt x="252" y="168"/>
                    </a:lnTo>
                    <a:lnTo>
                      <a:pt x="258" y="174"/>
                    </a:lnTo>
                    <a:lnTo>
                      <a:pt x="258" y="18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55" name="Freeform 183"/>
              <p:cNvSpPr>
                <a:spLocks noChangeAspect="1"/>
              </p:cNvSpPr>
              <p:nvPr/>
            </p:nvSpPr>
            <p:spPr bwMode="auto">
              <a:xfrm>
                <a:off x="5213" y="1037"/>
                <a:ext cx="142" cy="200"/>
              </a:xfrm>
              <a:custGeom>
                <a:avLst/>
                <a:gdLst>
                  <a:gd name="T0" fmla="*/ 24 w 186"/>
                  <a:gd name="T1" fmla="*/ 93 h 294"/>
                  <a:gd name="T2" fmla="*/ 21 w 186"/>
                  <a:gd name="T3" fmla="*/ 93 h 294"/>
                  <a:gd name="T4" fmla="*/ 16 w 186"/>
                  <a:gd name="T5" fmla="*/ 87 h 294"/>
                  <a:gd name="T6" fmla="*/ 0 w 186"/>
                  <a:gd name="T7" fmla="*/ 51 h 294"/>
                  <a:gd name="T8" fmla="*/ 5 w 186"/>
                  <a:gd name="T9" fmla="*/ 51 h 294"/>
                  <a:gd name="T10" fmla="*/ 5 w 186"/>
                  <a:gd name="T11" fmla="*/ 47 h 294"/>
                  <a:gd name="T12" fmla="*/ 8 w 186"/>
                  <a:gd name="T13" fmla="*/ 47 h 294"/>
                  <a:gd name="T14" fmla="*/ 5 w 186"/>
                  <a:gd name="T15" fmla="*/ 46 h 294"/>
                  <a:gd name="T16" fmla="*/ 11 w 186"/>
                  <a:gd name="T17" fmla="*/ 36 h 294"/>
                  <a:gd name="T18" fmla="*/ 11 w 186"/>
                  <a:gd name="T19" fmla="*/ 19 h 294"/>
                  <a:gd name="T20" fmla="*/ 18 w 186"/>
                  <a:gd name="T21" fmla="*/ 2 h 294"/>
                  <a:gd name="T22" fmla="*/ 21 w 186"/>
                  <a:gd name="T23" fmla="*/ 2 h 294"/>
                  <a:gd name="T24" fmla="*/ 27 w 186"/>
                  <a:gd name="T25" fmla="*/ 5 h 294"/>
                  <a:gd name="T26" fmla="*/ 40 w 186"/>
                  <a:gd name="T27" fmla="*/ 0 h 294"/>
                  <a:gd name="T28" fmla="*/ 50 w 186"/>
                  <a:gd name="T29" fmla="*/ 5 h 294"/>
                  <a:gd name="T30" fmla="*/ 61 w 186"/>
                  <a:gd name="T31" fmla="*/ 30 h 294"/>
                  <a:gd name="T32" fmla="*/ 67 w 186"/>
                  <a:gd name="T33" fmla="*/ 30 h 294"/>
                  <a:gd name="T34" fmla="*/ 69 w 186"/>
                  <a:gd name="T35" fmla="*/ 38 h 294"/>
                  <a:gd name="T36" fmla="*/ 78 w 186"/>
                  <a:gd name="T37" fmla="*/ 38 h 294"/>
                  <a:gd name="T38" fmla="*/ 80 w 186"/>
                  <a:gd name="T39" fmla="*/ 44 h 294"/>
                  <a:gd name="T40" fmla="*/ 82 w 186"/>
                  <a:gd name="T41" fmla="*/ 44 h 294"/>
                  <a:gd name="T42" fmla="*/ 80 w 186"/>
                  <a:gd name="T43" fmla="*/ 49 h 294"/>
                  <a:gd name="T44" fmla="*/ 69 w 186"/>
                  <a:gd name="T45" fmla="*/ 53 h 294"/>
                  <a:gd name="T46" fmla="*/ 67 w 186"/>
                  <a:gd name="T47" fmla="*/ 59 h 294"/>
                  <a:gd name="T48" fmla="*/ 61 w 186"/>
                  <a:gd name="T49" fmla="*/ 54 h 294"/>
                  <a:gd name="T50" fmla="*/ 59 w 186"/>
                  <a:gd name="T51" fmla="*/ 59 h 294"/>
                  <a:gd name="T52" fmla="*/ 56 w 186"/>
                  <a:gd name="T53" fmla="*/ 56 h 294"/>
                  <a:gd name="T54" fmla="*/ 56 w 186"/>
                  <a:gd name="T55" fmla="*/ 61 h 294"/>
                  <a:gd name="T56" fmla="*/ 50 w 186"/>
                  <a:gd name="T57" fmla="*/ 61 h 294"/>
                  <a:gd name="T58" fmla="*/ 53 w 186"/>
                  <a:gd name="T59" fmla="*/ 59 h 294"/>
                  <a:gd name="T60" fmla="*/ 50 w 186"/>
                  <a:gd name="T61" fmla="*/ 56 h 294"/>
                  <a:gd name="T62" fmla="*/ 46 w 186"/>
                  <a:gd name="T63" fmla="*/ 70 h 294"/>
                  <a:gd name="T64" fmla="*/ 43 w 186"/>
                  <a:gd name="T65" fmla="*/ 68 h 294"/>
                  <a:gd name="T66" fmla="*/ 43 w 186"/>
                  <a:gd name="T67" fmla="*/ 73 h 294"/>
                  <a:gd name="T68" fmla="*/ 35 w 186"/>
                  <a:gd name="T69" fmla="*/ 73 h 294"/>
                  <a:gd name="T70" fmla="*/ 37 w 186"/>
                  <a:gd name="T71" fmla="*/ 78 h 294"/>
                  <a:gd name="T72" fmla="*/ 35 w 186"/>
                  <a:gd name="T73" fmla="*/ 73 h 294"/>
                  <a:gd name="T74" fmla="*/ 29 w 186"/>
                  <a:gd name="T75" fmla="*/ 76 h 294"/>
                  <a:gd name="T76" fmla="*/ 24 w 186"/>
                  <a:gd name="T77" fmla="*/ 93 h 294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w 186"/>
                  <a:gd name="T118" fmla="*/ 0 h 294"/>
                  <a:gd name="T119" fmla="*/ 186 w 186"/>
                  <a:gd name="T120" fmla="*/ 294 h 294"/>
                </a:gdLst>
                <a:ahLst/>
                <a:cxnLst>
                  <a:cxn ang="T78">
                    <a:pos x="T0" y="T1"/>
                  </a:cxn>
                  <a:cxn ang="T79">
                    <a:pos x="T2" y="T3"/>
                  </a:cxn>
                  <a:cxn ang="T80">
                    <a:pos x="T4" y="T5"/>
                  </a:cxn>
                  <a:cxn ang="T81">
                    <a:pos x="T6" y="T7"/>
                  </a:cxn>
                  <a:cxn ang="T82">
                    <a:pos x="T8" y="T9"/>
                  </a:cxn>
                  <a:cxn ang="T83">
                    <a:pos x="T10" y="T11"/>
                  </a:cxn>
                  <a:cxn ang="T84">
                    <a:pos x="T12" y="T13"/>
                  </a:cxn>
                  <a:cxn ang="T85">
                    <a:pos x="T14" y="T15"/>
                  </a:cxn>
                  <a:cxn ang="T86">
                    <a:pos x="T16" y="T17"/>
                  </a:cxn>
                  <a:cxn ang="T87">
                    <a:pos x="T18" y="T19"/>
                  </a:cxn>
                  <a:cxn ang="T88">
                    <a:pos x="T20" y="T21"/>
                  </a:cxn>
                  <a:cxn ang="T89">
                    <a:pos x="T22" y="T23"/>
                  </a:cxn>
                  <a:cxn ang="T90">
                    <a:pos x="T24" y="T25"/>
                  </a:cxn>
                  <a:cxn ang="T91">
                    <a:pos x="T26" y="T27"/>
                  </a:cxn>
                  <a:cxn ang="T92">
                    <a:pos x="T28" y="T29"/>
                  </a:cxn>
                  <a:cxn ang="T93">
                    <a:pos x="T30" y="T31"/>
                  </a:cxn>
                  <a:cxn ang="T94">
                    <a:pos x="T32" y="T33"/>
                  </a:cxn>
                  <a:cxn ang="T95">
                    <a:pos x="T34" y="T35"/>
                  </a:cxn>
                  <a:cxn ang="T96">
                    <a:pos x="T36" y="T37"/>
                  </a:cxn>
                  <a:cxn ang="T97">
                    <a:pos x="T38" y="T39"/>
                  </a:cxn>
                  <a:cxn ang="T98">
                    <a:pos x="T40" y="T41"/>
                  </a:cxn>
                  <a:cxn ang="T99">
                    <a:pos x="T42" y="T43"/>
                  </a:cxn>
                  <a:cxn ang="T100">
                    <a:pos x="T44" y="T45"/>
                  </a:cxn>
                  <a:cxn ang="T101">
                    <a:pos x="T46" y="T47"/>
                  </a:cxn>
                  <a:cxn ang="T102">
                    <a:pos x="T48" y="T49"/>
                  </a:cxn>
                  <a:cxn ang="T103">
                    <a:pos x="T50" y="T51"/>
                  </a:cxn>
                  <a:cxn ang="T104">
                    <a:pos x="T52" y="T53"/>
                  </a:cxn>
                  <a:cxn ang="T105">
                    <a:pos x="T54" y="T55"/>
                  </a:cxn>
                  <a:cxn ang="T106">
                    <a:pos x="T56" y="T57"/>
                  </a:cxn>
                  <a:cxn ang="T107">
                    <a:pos x="T58" y="T59"/>
                  </a:cxn>
                  <a:cxn ang="T108">
                    <a:pos x="T60" y="T61"/>
                  </a:cxn>
                  <a:cxn ang="T109">
                    <a:pos x="T62" y="T63"/>
                  </a:cxn>
                  <a:cxn ang="T110">
                    <a:pos x="T64" y="T65"/>
                  </a:cxn>
                  <a:cxn ang="T111">
                    <a:pos x="T66" y="T67"/>
                  </a:cxn>
                  <a:cxn ang="T112">
                    <a:pos x="T68" y="T69"/>
                  </a:cxn>
                  <a:cxn ang="T113">
                    <a:pos x="T70" y="T71"/>
                  </a:cxn>
                  <a:cxn ang="T114">
                    <a:pos x="T72" y="T73"/>
                  </a:cxn>
                  <a:cxn ang="T115">
                    <a:pos x="T74" y="T75"/>
                  </a:cxn>
                  <a:cxn ang="T116">
                    <a:pos x="T76" y="T77"/>
                  </a:cxn>
                </a:cxnLst>
                <a:rect l="T117" t="T118" r="T119" b="T120"/>
                <a:pathLst>
                  <a:path w="186" h="294">
                    <a:moveTo>
                      <a:pt x="54" y="294"/>
                    </a:moveTo>
                    <a:lnTo>
                      <a:pt x="48" y="294"/>
                    </a:lnTo>
                    <a:lnTo>
                      <a:pt x="36" y="276"/>
                    </a:lnTo>
                    <a:lnTo>
                      <a:pt x="0" y="162"/>
                    </a:lnTo>
                    <a:lnTo>
                      <a:pt x="12" y="162"/>
                    </a:lnTo>
                    <a:lnTo>
                      <a:pt x="12" y="150"/>
                    </a:lnTo>
                    <a:lnTo>
                      <a:pt x="18" y="150"/>
                    </a:lnTo>
                    <a:lnTo>
                      <a:pt x="12" y="144"/>
                    </a:lnTo>
                    <a:lnTo>
                      <a:pt x="24" y="114"/>
                    </a:lnTo>
                    <a:lnTo>
                      <a:pt x="24" y="60"/>
                    </a:lnTo>
                    <a:lnTo>
                      <a:pt x="42" y="6"/>
                    </a:lnTo>
                    <a:lnTo>
                      <a:pt x="48" y="6"/>
                    </a:lnTo>
                    <a:lnTo>
                      <a:pt x="60" y="18"/>
                    </a:lnTo>
                    <a:lnTo>
                      <a:pt x="90" y="0"/>
                    </a:lnTo>
                    <a:lnTo>
                      <a:pt x="114" y="18"/>
                    </a:lnTo>
                    <a:lnTo>
                      <a:pt x="138" y="96"/>
                    </a:lnTo>
                    <a:lnTo>
                      <a:pt x="150" y="96"/>
                    </a:lnTo>
                    <a:lnTo>
                      <a:pt x="156" y="120"/>
                    </a:lnTo>
                    <a:lnTo>
                      <a:pt x="174" y="120"/>
                    </a:lnTo>
                    <a:lnTo>
                      <a:pt x="180" y="138"/>
                    </a:lnTo>
                    <a:lnTo>
                      <a:pt x="186" y="138"/>
                    </a:lnTo>
                    <a:lnTo>
                      <a:pt x="180" y="156"/>
                    </a:lnTo>
                    <a:lnTo>
                      <a:pt x="156" y="168"/>
                    </a:lnTo>
                    <a:lnTo>
                      <a:pt x="150" y="186"/>
                    </a:lnTo>
                    <a:lnTo>
                      <a:pt x="138" y="174"/>
                    </a:lnTo>
                    <a:lnTo>
                      <a:pt x="132" y="186"/>
                    </a:lnTo>
                    <a:lnTo>
                      <a:pt x="126" y="180"/>
                    </a:lnTo>
                    <a:lnTo>
                      <a:pt x="126" y="192"/>
                    </a:lnTo>
                    <a:lnTo>
                      <a:pt x="114" y="192"/>
                    </a:lnTo>
                    <a:lnTo>
                      <a:pt x="120" y="186"/>
                    </a:lnTo>
                    <a:lnTo>
                      <a:pt x="114" y="180"/>
                    </a:lnTo>
                    <a:lnTo>
                      <a:pt x="102" y="222"/>
                    </a:lnTo>
                    <a:lnTo>
                      <a:pt x="96" y="216"/>
                    </a:lnTo>
                    <a:lnTo>
                      <a:pt x="96" y="234"/>
                    </a:lnTo>
                    <a:lnTo>
                      <a:pt x="78" y="234"/>
                    </a:lnTo>
                    <a:lnTo>
                      <a:pt x="84" y="246"/>
                    </a:lnTo>
                    <a:lnTo>
                      <a:pt x="78" y="234"/>
                    </a:lnTo>
                    <a:lnTo>
                      <a:pt x="66" y="240"/>
                    </a:lnTo>
                    <a:lnTo>
                      <a:pt x="54" y="294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56" name="Freeform 184"/>
              <p:cNvSpPr>
                <a:spLocks noChangeAspect="1"/>
              </p:cNvSpPr>
              <p:nvPr/>
            </p:nvSpPr>
            <p:spPr bwMode="auto">
              <a:xfrm>
                <a:off x="5213" y="1037"/>
                <a:ext cx="142" cy="204"/>
              </a:xfrm>
              <a:custGeom>
                <a:avLst/>
                <a:gdLst>
                  <a:gd name="T0" fmla="*/ 24 w 186"/>
                  <a:gd name="T1" fmla="*/ 92 h 300"/>
                  <a:gd name="T2" fmla="*/ 21 w 186"/>
                  <a:gd name="T3" fmla="*/ 92 h 300"/>
                  <a:gd name="T4" fmla="*/ 16 w 186"/>
                  <a:gd name="T5" fmla="*/ 87 h 300"/>
                  <a:gd name="T6" fmla="*/ 0 w 186"/>
                  <a:gd name="T7" fmla="*/ 51 h 300"/>
                  <a:gd name="T8" fmla="*/ 5 w 186"/>
                  <a:gd name="T9" fmla="*/ 51 h 300"/>
                  <a:gd name="T10" fmla="*/ 5 w 186"/>
                  <a:gd name="T11" fmla="*/ 47 h 300"/>
                  <a:gd name="T12" fmla="*/ 8 w 186"/>
                  <a:gd name="T13" fmla="*/ 47 h 300"/>
                  <a:gd name="T14" fmla="*/ 5 w 186"/>
                  <a:gd name="T15" fmla="*/ 46 h 300"/>
                  <a:gd name="T16" fmla="*/ 11 w 186"/>
                  <a:gd name="T17" fmla="*/ 36 h 300"/>
                  <a:gd name="T18" fmla="*/ 11 w 186"/>
                  <a:gd name="T19" fmla="*/ 19 h 300"/>
                  <a:gd name="T20" fmla="*/ 18 w 186"/>
                  <a:gd name="T21" fmla="*/ 2 h 300"/>
                  <a:gd name="T22" fmla="*/ 21 w 186"/>
                  <a:gd name="T23" fmla="*/ 2 h 300"/>
                  <a:gd name="T24" fmla="*/ 27 w 186"/>
                  <a:gd name="T25" fmla="*/ 5 h 300"/>
                  <a:gd name="T26" fmla="*/ 40 w 186"/>
                  <a:gd name="T27" fmla="*/ 0 h 300"/>
                  <a:gd name="T28" fmla="*/ 50 w 186"/>
                  <a:gd name="T29" fmla="*/ 5 h 300"/>
                  <a:gd name="T30" fmla="*/ 61 w 186"/>
                  <a:gd name="T31" fmla="*/ 30 h 300"/>
                  <a:gd name="T32" fmla="*/ 67 w 186"/>
                  <a:gd name="T33" fmla="*/ 30 h 300"/>
                  <a:gd name="T34" fmla="*/ 69 w 186"/>
                  <a:gd name="T35" fmla="*/ 38 h 300"/>
                  <a:gd name="T36" fmla="*/ 78 w 186"/>
                  <a:gd name="T37" fmla="*/ 38 h 300"/>
                  <a:gd name="T38" fmla="*/ 80 w 186"/>
                  <a:gd name="T39" fmla="*/ 44 h 300"/>
                  <a:gd name="T40" fmla="*/ 82 w 186"/>
                  <a:gd name="T41" fmla="*/ 44 h 300"/>
                  <a:gd name="T42" fmla="*/ 80 w 186"/>
                  <a:gd name="T43" fmla="*/ 49 h 300"/>
                  <a:gd name="T44" fmla="*/ 69 w 186"/>
                  <a:gd name="T45" fmla="*/ 53 h 300"/>
                  <a:gd name="T46" fmla="*/ 67 w 186"/>
                  <a:gd name="T47" fmla="*/ 58 h 300"/>
                  <a:gd name="T48" fmla="*/ 61 w 186"/>
                  <a:gd name="T49" fmla="*/ 54 h 300"/>
                  <a:gd name="T50" fmla="*/ 59 w 186"/>
                  <a:gd name="T51" fmla="*/ 58 h 300"/>
                  <a:gd name="T52" fmla="*/ 56 w 186"/>
                  <a:gd name="T53" fmla="*/ 56 h 300"/>
                  <a:gd name="T54" fmla="*/ 56 w 186"/>
                  <a:gd name="T55" fmla="*/ 61 h 300"/>
                  <a:gd name="T56" fmla="*/ 50 w 186"/>
                  <a:gd name="T57" fmla="*/ 61 h 300"/>
                  <a:gd name="T58" fmla="*/ 53 w 186"/>
                  <a:gd name="T59" fmla="*/ 58 h 300"/>
                  <a:gd name="T60" fmla="*/ 50 w 186"/>
                  <a:gd name="T61" fmla="*/ 56 h 300"/>
                  <a:gd name="T62" fmla="*/ 46 w 186"/>
                  <a:gd name="T63" fmla="*/ 70 h 300"/>
                  <a:gd name="T64" fmla="*/ 43 w 186"/>
                  <a:gd name="T65" fmla="*/ 68 h 300"/>
                  <a:gd name="T66" fmla="*/ 43 w 186"/>
                  <a:gd name="T67" fmla="*/ 73 h 300"/>
                  <a:gd name="T68" fmla="*/ 35 w 186"/>
                  <a:gd name="T69" fmla="*/ 73 h 300"/>
                  <a:gd name="T70" fmla="*/ 37 w 186"/>
                  <a:gd name="T71" fmla="*/ 78 h 300"/>
                  <a:gd name="T72" fmla="*/ 35 w 186"/>
                  <a:gd name="T73" fmla="*/ 73 h 300"/>
                  <a:gd name="T74" fmla="*/ 29 w 186"/>
                  <a:gd name="T75" fmla="*/ 75 h 300"/>
                  <a:gd name="T76" fmla="*/ 24 w 186"/>
                  <a:gd name="T77" fmla="*/ 92 h 300"/>
                  <a:gd name="T78" fmla="*/ 24 w 186"/>
                  <a:gd name="T79" fmla="*/ 95 h 300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w 186"/>
                  <a:gd name="T121" fmla="*/ 0 h 300"/>
                  <a:gd name="T122" fmla="*/ 186 w 186"/>
                  <a:gd name="T123" fmla="*/ 300 h 300"/>
                </a:gdLst>
                <a:ahLst/>
                <a:cxnLst>
                  <a:cxn ang="T80">
                    <a:pos x="T0" y="T1"/>
                  </a:cxn>
                  <a:cxn ang="T81">
                    <a:pos x="T2" y="T3"/>
                  </a:cxn>
                  <a:cxn ang="T82">
                    <a:pos x="T4" y="T5"/>
                  </a:cxn>
                  <a:cxn ang="T83">
                    <a:pos x="T6" y="T7"/>
                  </a:cxn>
                  <a:cxn ang="T84">
                    <a:pos x="T8" y="T9"/>
                  </a:cxn>
                  <a:cxn ang="T85">
                    <a:pos x="T10" y="T11"/>
                  </a:cxn>
                  <a:cxn ang="T86">
                    <a:pos x="T12" y="T13"/>
                  </a:cxn>
                  <a:cxn ang="T87">
                    <a:pos x="T14" y="T15"/>
                  </a:cxn>
                  <a:cxn ang="T88">
                    <a:pos x="T16" y="T17"/>
                  </a:cxn>
                  <a:cxn ang="T89">
                    <a:pos x="T18" y="T19"/>
                  </a:cxn>
                  <a:cxn ang="T90">
                    <a:pos x="T20" y="T21"/>
                  </a:cxn>
                  <a:cxn ang="T91">
                    <a:pos x="T22" y="T23"/>
                  </a:cxn>
                  <a:cxn ang="T92">
                    <a:pos x="T24" y="T25"/>
                  </a:cxn>
                  <a:cxn ang="T93">
                    <a:pos x="T26" y="T27"/>
                  </a:cxn>
                  <a:cxn ang="T94">
                    <a:pos x="T28" y="T29"/>
                  </a:cxn>
                  <a:cxn ang="T95">
                    <a:pos x="T30" y="T31"/>
                  </a:cxn>
                  <a:cxn ang="T96">
                    <a:pos x="T32" y="T33"/>
                  </a:cxn>
                  <a:cxn ang="T97">
                    <a:pos x="T34" y="T35"/>
                  </a:cxn>
                  <a:cxn ang="T98">
                    <a:pos x="T36" y="T37"/>
                  </a:cxn>
                  <a:cxn ang="T99">
                    <a:pos x="T38" y="T39"/>
                  </a:cxn>
                  <a:cxn ang="T100">
                    <a:pos x="T40" y="T41"/>
                  </a:cxn>
                  <a:cxn ang="T101">
                    <a:pos x="T42" y="T43"/>
                  </a:cxn>
                  <a:cxn ang="T102">
                    <a:pos x="T44" y="T45"/>
                  </a:cxn>
                  <a:cxn ang="T103">
                    <a:pos x="T46" y="T47"/>
                  </a:cxn>
                  <a:cxn ang="T104">
                    <a:pos x="T48" y="T49"/>
                  </a:cxn>
                  <a:cxn ang="T105">
                    <a:pos x="T50" y="T51"/>
                  </a:cxn>
                  <a:cxn ang="T106">
                    <a:pos x="T52" y="T53"/>
                  </a:cxn>
                  <a:cxn ang="T107">
                    <a:pos x="T54" y="T55"/>
                  </a:cxn>
                  <a:cxn ang="T108">
                    <a:pos x="T56" y="T57"/>
                  </a:cxn>
                  <a:cxn ang="T109">
                    <a:pos x="T58" y="T59"/>
                  </a:cxn>
                  <a:cxn ang="T110">
                    <a:pos x="T60" y="T61"/>
                  </a:cxn>
                  <a:cxn ang="T111">
                    <a:pos x="T62" y="T63"/>
                  </a:cxn>
                  <a:cxn ang="T112">
                    <a:pos x="T64" y="T65"/>
                  </a:cxn>
                  <a:cxn ang="T113">
                    <a:pos x="T66" y="T67"/>
                  </a:cxn>
                  <a:cxn ang="T114">
                    <a:pos x="T68" y="T69"/>
                  </a:cxn>
                  <a:cxn ang="T115">
                    <a:pos x="T70" y="T71"/>
                  </a:cxn>
                  <a:cxn ang="T116">
                    <a:pos x="T72" y="T73"/>
                  </a:cxn>
                  <a:cxn ang="T117">
                    <a:pos x="T74" y="T75"/>
                  </a:cxn>
                  <a:cxn ang="T118">
                    <a:pos x="T76" y="T77"/>
                  </a:cxn>
                  <a:cxn ang="T119">
                    <a:pos x="T78" y="T79"/>
                  </a:cxn>
                </a:cxnLst>
                <a:rect l="T120" t="T121" r="T122" b="T123"/>
                <a:pathLst>
                  <a:path w="186" h="300">
                    <a:moveTo>
                      <a:pt x="54" y="294"/>
                    </a:moveTo>
                    <a:lnTo>
                      <a:pt x="48" y="294"/>
                    </a:lnTo>
                    <a:lnTo>
                      <a:pt x="36" y="276"/>
                    </a:lnTo>
                    <a:lnTo>
                      <a:pt x="0" y="162"/>
                    </a:lnTo>
                    <a:lnTo>
                      <a:pt x="12" y="162"/>
                    </a:lnTo>
                    <a:lnTo>
                      <a:pt x="12" y="150"/>
                    </a:lnTo>
                    <a:lnTo>
                      <a:pt x="18" y="150"/>
                    </a:lnTo>
                    <a:lnTo>
                      <a:pt x="12" y="144"/>
                    </a:lnTo>
                    <a:lnTo>
                      <a:pt x="24" y="114"/>
                    </a:lnTo>
                    <a:lnTo>
                      <a:pt x="24" y="60"/>
                    </a:lnTo>
                    <a:lnTo>
                      <a:pt x="42" y="6"/>
                    </a:lnTo>
                    <a:lnTo>
                      <a:pt x="48" y="6"/>
                    </a:lnTo>
                    <a:lnTo>
                      <a:pt x="60" y="18"/>
                    </a:lnTo>
                    <a:lnTo>
                      <a:pt x="90" y="0"/>
                    </a:lnTo>
                    <a:lnTo>
                      <a:pt x="114" y="18"/>
                    </a:lnTo>
                    <a:lnTo>
                      <a:pt x="138" y="96"/>
                    </a:lnTo>
                    <a:lnTo>
                      <a:pt x="150" y="96"/>
                    </a:lnTo>
                    <a:lnTo>
                      <a:pt x="156" y="120"/>
                    </a:lnTo>
                    <a:lnTo>
                      <a:pt x="174" y="120"/>
                    </a:lnTo>
                    <a:lnTo>
                      <a:pt x="180" y="138"/>
                    </a:lnTo>
                    <a:lnTo>
                      <a:pt x="186" y="138"/>
                    </a:lnTo>
                    <a:lnTo>
                      <a:pt x="180" y="156"/>
                    </a:lnTo>
                    <a:lnTo>
                      <a:pt x="156" y="168"/>
                    </a:lnTo>
                    <a:lnTo>
                      <a:pt x="150" y="186"/>
                    </a:lnTo>
                    <a:lnTo>
                      <a:pt x="138" y="174"/>
                    </a:lnTo>
                    <a:lnTo>
                      <a:pt x="132" y="186"/>
                    </a:lnTo>
                    <a:lnTo>
                      <a:pt x="126" y="180"/>
                    </a:lnTo>
                    <a:lnTo>
                      <a:pt x="126" y="192"/>
                    </a:lnTo>
                    <a:lnTo>
                      <a:pt x="114" y="192"/>
                    </a:lnTo>
                    <a:lnTo>
                      <a:pt x="120" y="186"/>
                    </a:lnTo>
                    <a:lnTo>
                      <a:pt x="114" y="180"/>
                    </a:lnTo>
                    <a:lnTo>
                      <a:pt x="102" y="222"/>
                    </a:lnTo>
                    <a:lnTo>
                      <a:pt x="96" y="216"/>
                    </a:lnTo>
                    <a:lnTo>
                      <a:pt x="96" y="234"/>
                    </a:lnTo>
                    <a:lnTo>
                      <a:pt x="78" y="234"/>
                    </a:lnTo>
                    <a:lnTo>
                      <a:pt x="84" y="246"/>
                    </a:lnTo>
                    <a:lnTo>
                      <a:pt x="78" y="234"/>
                    </a:lnTo>
                    <a:lnTo>
                      <a:pt x="66" y="240"/>
                    </a:lnTo>
                    <a:lnTo>
                      <a:pt x="54" y="294"/>
                    </a:lnTo>
                    <a:lnTo>
                      <a:pt x="54" y="30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57" name="Freeform 185"/>
              <p:cNvSpPr>
                <a:spLocks noChangeAspect="1"/>
              </p:cNvSpPr>
              <p:nvPr/>
            </p:nvSpPr>
            <p:spPr bwMode="auto">
              <a:xfrm>
                <a:off x="4976" y="1416"/>
                <a:ext cx="178" cy="77"/>
              </a:xfrm>
              <a:custGeom>
                <a:avLst/>
                <a:gdLst>
                  <a:gd name="T0" fmla="*/ 79 w 234"/>
                  <a:gd name="T1" fmla="*/ 0 h 114"/>
                  <a:gd name="T2" fmla="*/ 90 w 234"/>
                  <a:gd name="T3" fmla="*/ 24 h 114"/>
                  <a:gd name="T4" fmla="*/ 103 w 234"/>
                  <a:gd name="T5" fmla="*/ 22 h 114"/>
                  <a:gd name="T6" fmla="*/ 100 w 234"/>
                  <a:gd name="T7" fmla="*/ 32 h 114"/>
                  <a:gd name="T8" fmla="*/ 100 w 234"/>
                  <a:gd name="T9" fmla="*/ 28 h 114"/>
                  <a:gd name="T10" fmla="*/ 98 w 234"/>
                  <a:gd name="T11" fmla="*/ 32 h 114"/>
                  <a:gd name="T12" fmla="*/ 93 w 234"/>
                  <a:gd name="T13" fmla="*/ 33 h 114"/>
                  <a:gd name="T14" fmla="*/ 87 w 234"/>
                  <a:gd name="T15" fmla="*/ 35 h 114"/>
                  <a:gd name="T16" fmla="*/ 84 w 234"/>
                  <a:gd name="T17" fmla="*/ 28 h 114"/>
                  <a:gd name="T18" fmla="*/ 81 w 234"/>
                  <a:gd name="T19" fmla="*/ 30 h 114"/>
                  <a:gd name="T20" fmla="*/ 76 w 234"/>
                  <a:gd name="T21" fmla="*/ 28 h 114"/>
                  <a:gd name="T22" fmla="*/ 76 w 234"/>
                  <a:gd name="T23" fmla="*/ 24 h 114"/>
                  <a:gd name="T24" fmla="*/ 79 w 234"/>
                  <a:gd name="T25" fmla="*/ 24 h 114"/>
                  <a:gd name="T26" fmla="*/ 76 w 234"/>
                  <a:gd name="T27" fmla="*/ 20 h 114"/>
                  <a:gd name="T28" fmla="*/ 76 w 234"/>
                  <a:gd name="T29" fmla="*/ 20 h 114"/>
                  <a:gd name="T30" fmla="*/ 76 w 234"/>
                  <a:gd name="T31" fmla="*/ 13 h 114"/>
                  <a:gd name="T32" fmla="*/ 72 w 234"/>
                  <a:gd name="T33" fmla="*/ 13 h 114"/>
                  <a:gd name="T34" fmla="*/ 79 w 234"/>
                  <a:gd name="T35" fmla="*/ 5 h 114"/>
                  <a:gd name="T36" fmla="*/ 76 w 234"/>
                  <a:gd name="T37" fmla="*/ 3 h 114"/>
                  <a:gd name="T38" fmla="*/ 69 w 234"/>
                  <a:gd name="T39" fmla="*/ 13 h 114"/>
                  <a:gd name="T40" fmla="*/ 64 w 234"/>
                  <a:gd name="T41" fmla="*/ 13 h 114"/>
                  <a:gd name="T42" fmla="*/ 69 w 234"/>
                  <a:gd name="T43" fmla="*/ 15 h 114"/>
                  <a:gd name="T44" fmla="*/ 69 w 234"/>
                  <a:gd name="T45" fmla="*/ 22 h 114"/>
                  <a:gd name="T46" fmla="*/ 74 w 234"/>
                  <a:gd name="T47" fmla="*/ 30 h 114"/>
                  <a:gd name="T48" fmla="*/ 69 w 234"/>
                  <a:gd name="T49" fmla="*/ 28 h 114"/>
                  <a:gd name="T50" fmla="*/ 74 w 234"/>
                  <a:gd name="T51" fmla="*/ 30 h 114"/>
                  <a:gd name="T52" fmla="*/ 76 w 234"/>
                  <a:gd name="T53" fmla="*/ 35 h 114"/>
                  <a:gd name="T54" fmla="*/ 58 w 234"/>
                  <a:gd name="T55" fmla="*/ 32 h 114"/>
                  <a:gd name="T56" fmla="*/ 56 w 234"/>
                  <a:gd name="T57" fmla="*/ 32 h 114"/>
                  <a:gd name="T58" fmla="*/ 52 w 234"/>
                  <a:gd name="T59" fmla="*/ 30 h 114"/>
                  <a:gd name="T60" fmla="*/ 58 w 234"/>
                  <a:gd name="T61" fmla="*/ 22 h 114"/>
                  <a:gd name="T62" fmla="*/ 61 w 234"/>
                  <a:gd name="T63" fmla="*/ 20 h 114"/>
                  <a:gd name="T64" fmla="*/ 56 w 234"/>
                  <a:gd name="T65" fmla="*/ 20 h 114"/>
                  <a:gd name="T66" fmla="*/ 40 w 234"/>
                  <a:gd name="T67" fmla="*/ 15 h 114"/>
                  <a:gd name="T68" fmla="*/ 37 w 234"/>
                  <a:gd name="T69" fmla="*/ 9 h 114"/>
                  <a:gd name="T70" fmla="*/ 29 w 234"/>
                  <a:gd name="T71" fmla="*/ 9 h 114"/>
                  <a:gd name="T72" fmla="*/ 24 w 234"/>
                  <a:gd name="T73" fmla="*/ 13 h 114"/>
                  <a:gd name="T74" fmla="*/ 16 w 234"/>
                  <a:gd name="T75" fmla="*/ 11 h 114"/>
                  <a:gd name="T76" fmla="*/ 3 w 234"/>
                  <a:gd name="T77" fmla="*/ 20 h 114"/>
                  <a:gd name="T78" fmla="*/ 0 w 234"/>
                  <a:gd name="T79" fmla="*/ 11 h 114"/>
                  <a:gd name="T80" fmla="*/ 72 w 234"/>
                  <a:gd name="T81" fmla="*/ 2 h 114"/>
                  <a:gd name="T82" fmla="*/ 79 w 234"/>
                  <a:gd name="T83" fmla="*/ 0 h 114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234"/>
                  <a:gd name="T127" fmla="*/ 0 h 114"/>
                  <a:gd name="T128" fmla="*/ 234 w 234"/>
                  <a:gd name="T129" fmla="*/ 114 h 114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234" h="114">
                    <a:moveTo>
                      <a:pt x="180" y="0"/>
                    </a:moveTo>
                    <a:lnTo>
                      <a:pt x="204" y="78"/>
                    </a:lnTo>
                    <a:lnTo>
                      <a:pt x="234" y="72"/>
                    </a:lnTo>
                    <a:lnTo>
                      <a:pt x="228" y="102"/>
                    </a:lnTo>
                    <a:lnTo>
                      <a:pt x="228" y="90"/>
                    </a:lnTo>
                    <a:lnTo>
                      <a:pt x="222" y="102"/>
                    </a:lnTo>
                    <a:lnTo>
                      <a:pt x="210" y="108"/>
                    </a:lnTo>
                    <a:lnTo>
                      <a:pt x="198" y="114"/>
                    </a:lnTo>
                    <a:lnTo>
                      <a:pt x="192" y="90"/>
                    </a:lnTo>
                    <a:lnTo>
                      <a:pt x="186" y="96"/>
                    </a:lnTo>
                    <a:lnTo>
                      <a:pt x="174" y="90"/>
                    </a:lnTo>
                    <a:lnTo>
                      <a:pt x="174" y="78"/>
                    </a:lnTo>
                    <a:lnTo>
                      <a:pt x="180" y="78"/>
                    </a:lnTo>
                    <a:lnTo>
                      <a:pt x="174" y="66"/>
                    </a:lnTo>
                    <a:lnTo>
                      <a:pt x="174" y="42"/>
                    </a:lnTo>
                    <a:lnTo>
                      <a:pt x="162" y="42"/>
                    </a:lnTo>
                    <a:lnTo>
                      <a:pt x="180" y="18"/>
                    </a:lnTo>
                    <a:lnTo>
                      <a:pt x="174" y="12"/>
                    </a:lnTo>
                    <a:lnTo>
                      <a:pt x="156" y="42"/>
                    </a:lnTo>
                    <a:lnTo>
                      <a:pt x="144" y="42"/>
                    </a:lnTo>
                    <a:lnTo>
                      <a:pt x="156" y="48"/>
                    </a:lnTo>
                    <a:lnTo>
                      <a:pt x="156" y="72"/>
                    </a:lnTo>
                    <a:lnTo>
                      <a:pt x="168" y="96"/>
                    </a:lnTo>
                    <a:lnTo>
                      <a:pt x="156" y="90"/>
                    </a:lnTo>
                    <a:lnTo>
                      <a:pt x="168" y="96"/>
                    </a:lnTo>
                    <a:lnTo>
                      <a:pt x="174" y="114"/>
                    </a:lnTo>
                    <a:lnTo>
                      <a:pt x="132" y="102"/>
                    </a:lnTo>
                    <a:lnTo>
                      <a:pt x="126" y="102"/>
                    </a:lnTo>
                    <a:lnTo>
                      <a:pt x="120" y="96"/>
                    </a:lnTo>
                    <a:lnTo>
                      <a:pt x="132" y="72"/>
                    </a:lnTo>
                    <a:lnTo>
                      <a:pt x="138" y="66"/>
                    </a:lnTo>
                    <a:lnTo>
                      <a:pt x="126" y="66"/>
                    </a:lnTo>
                    <a:lnTo>
                      <a:pt x="90" y="48"/>
                    </a:lnTo>
                    <a:lnTo>
                      <a:pt x="84" y="30"/>
                    </a:lnTo>
                    <a:lnTo>
                      <a:pt x="66" y="30"/>
                    </a:lnTo>
                    <a:lnTo>
                      <a:pt x="54" y="42"/>
                    </a:lnTo>
                    <a:lnTo>
                      <a:pt x="36" y="36"/>
                    </a:lnTo>
                    <a:lnTo>
                      <a:pt x="6" y="66"/>
                    </a:lnTo>
                    <a:lnTo>
                      <a:pt x="0" y="36"/>
                    </a:lnTo>
                    <a:lnTo>
                      <a:pt x="162" y="6"/>
                    </a:lnTo>
                    <a:lnTo>
                      <a:pt x="180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58" name="Freeform 186"/>
              <p:cNvSpPr>
                <a:spLocks noChangeAspect="1"/>
              </p:cNvSpPr>
              <p:nvPr/>
            </p:nvSpPr>
            <p:spPr bwMode="auto">
              <a:xfrm>
                <a:off x="4976" y="1416"/>
                <a:ext cx="178" cy="77"/>
              </a:xfrm>
              <a:custGeom>
                <a:avLst/>
                <a:gdLst>
                  <a:gd name="T0" fmla="*/ 79 w 234"/>
                  <a:gd name="T1" fmla="*/ 0 h 114"/>
                  <a:gd name="T2" fmla="*/ 90 w 234"/>
                  <a:gd name="T3" fmla="*/ 24 h 114"/>
                  <a:gd name="T4" fmla="*/ 103 w 234"/>
                  <a:gd name="T5" fmla="*/ 22 h 114"/>
                  <a:gd name="T6" fmla="*/ 100 w 234"/>
                  <a:gd name="T7" fmla="*/ 32 h 114"/>
                  <a:gd name="T8" fmla="*/ 100 w 234"/>
                  <a:gd name="T9" fmla="*/ 28 h 114"/>
                  <a:gd name="T10" fmla="*/ 98 w 234"/>
                  <a:gd name="T11" fmla="*/ 32 h 114"/>
                  <a:gd name="T12" fmla="*/ 93 w 234"/>
                  <a:gd name="T13" fmla="*/ 33 h 114"/>
                  <a:gd name="T14" fmla="*/ 87 w 234"/>
                  <a:gd name="T15" fmla="*/ 35 h 114"/>
                  <a:gd name="T16" fmla="*/ 84 w 234"/>
                  <a:gd name="T17" fmla="*/ 28 h 114"/>
                  <a:gd name="T18" fmla="*/ 81 w 234"/>
                  <a:gd name="T19" fmla="*/ 30 h 114"/>
                  <a:gd name="T20" fmla="*/ 76 w 234"/>
                  <a:gd name="T21" fmla="*/ 28 h 114"/>
                  <a:gd name="T22" fmla="*/ 76 w 234"/>
                  <a:gd name="T23" fmla="*/ 24 h 114"/>
                  <a:gd name="T24" fmla="*/ 79 w 234"/>
                  <a:gd name="T25" fmla="*/ 24 h 114"/>
                  <a:gd name="T26" fmla="*/ 76 w 234"/>
                  <a:gd name="T27" fmla="*/ 20 h 114"/>
                  <a:gd name="T28" fmla="*/ 74 w 234"/>
                  <a:gd name="T29" fmla="*/ 20 h 114"/>
                  <a:gd name="T30" fmla="*/ 76 w 234"/>
                  <a:gd name="T31" fmla="*/ 20 h 114"/>
                  <a:gd name="T32" fmla="*/ 76 w 234"/>
                  <a:gd name="T33" fmla="*/ 13 h 114"/>
                  <a:gd name="T34" fmla="*/ 72 w 234"/>
                  <a:gd name="T35" fmla="*/ 13 h 114"/>
                  <a:gd name="T36" fmla="*/ 79 w 234"/>
                  <a:gd name="T37" fmla="*/ 5 h 114"/>
                  <a:gd name="T38" fmla="*/ 76 w 234"/>
                  <a:gd name="T39" fmla="*/ 3 h 114"/>
                  <a:gd name="T40" fmla="*/ 69 w 234"/>
                  <a:gd name="T41" fmla="*/ 13 h 114"/>
                  <a:gd name="T42" fmla="*/ 64 w 234"/>
                  <a:gd name="T43" fmla="*/ 13 h 114"/>
                  <a:gd name="T44" fmla="*/ 69 w 234"/>
                  <a:gd name="T45" fmla="*/ 15 h 114"/>
                  <a:gd name="T46" fmla="*/ 69 w 234"/>
                  <a:gd name="T47" fmla="*/ 22 h 114"/>
                  <a:gd name="T48" fmla="*/ 74 w 234"/>
                  <a:gd name="T49" fmla="*/ 30 h 114"/>
                  <a:gd name="T50" fmla="*/ 69 w 234"/>
                  <a:gd name="T51" fmla="*/ 28 h 114"/>
                  <a:gd name="T52" fmla="*/ 74 w 234"/>
                  <a:gd name="T53" fmla="*/ 30 h 114"/>
                  <a:gd name="T54" fmla="*/ 76 w 234"/>
                  <a:gd name="T55" fmla="*/ 35 h 114"/>
                  <a:gd name="T56" fmla="*/ 58 w 234"/>
                  <a:gd name="T57" fmla="*/ 32 h 114"/>
                  <a:gd name="T58" fmla="*/ 56 w 234"/>
                  <a:gd name="T59" fmla="*/ 32 h 114"/>
                  <a:gd name="T60" fmla="*/ 52 w 234"/>
                  <a:gd name="T61" fmla="*/ 30 h 114"/>
                  <a:gd name="T62" fmla="*/ 58 w 234"/>
                  <a:gd name="T63" fmla="*/ 22 h 114"/>
                  <a:gd name="T64" fmla="*/ 61 w 234"/>
                  <a:gd name="T65" fmla="*/ 20 h 114"/>
                  <a:gd name="T66" fmla="*/ 56 w 234"/>
                  <a:gd name="T67" fmla="*/ 20 h 114"/>
                  <a:gd name="T68" fmla="*/ 40 w 234"/>
                  <a:gd name="T69" fmla="*/ 15 h 114"/>
                  <a:gd name="T70" fmla="*/ 37 w 234"/>
                  <a:gd name="T71" fmla="*/ 9 h 114"/>
                  <a:gd name="T72" fmla="*/ 29 w 234"/>
                  <a:gd name="T73" fmla="*/ 9 h 114"/>
                  <a:gd name="T74" fmla="*/ 24 w 234"/>
                  <a:gd name="T75" fmla="*/ 13 h 114"/>
                  <a:gd name="T76" fmla="*/ 16 w 234"/>
                  <a:gd name="T77" fmla="*/ 11 h 114"/>
                  <a:gd name="T78" fmla="*/ 3 w 234"/>
                  <a:gd name="T79" fmla="*/ 20 h 114"/>
                  <a:gd name="T80" fmla="*/ 0 w 234"/>
                  <a:gd name="T81" fmla="*/ 11 h 114"/>
                  <a:gd name="T82" fmla="*/ 72 w 234"/>
                  <a:gd name="T83" fmla="*/ 2 h 114"/>
                  <a:gd name="T84" fmla="*/ 79 w 234"/>
                  <a:gd name="T85" fmla="*/ 0 h 114"/>
                  <a:gd name="T86" fmla="*/ 79 w 234"/>
                  <a:gd name="T87" fmla="*/ 2 h 114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w 234"/>
                  <a:gd name="T133" fmla="*/ 0 h 114"/>
                  <a:gd name="T134" fmla="*/ 234 w 234"/>
                  <a:gd name="T135" fmla="*/ 114 h 114"/>
                </a:gdLst>
                <a:ahLst/>
                <a:cxnLst>
                  <a:cxn ang="T88">
                    <a:pos x="T0" y="T1"/>
                  </a:cxn>
                  <a:cxn ang="T89">
                    <a:pos x="T2" y="T3"/>
                  </a:cxn>
                  <a:cxn ang="T90">
                    <a:pos x="T4" y="T5"/>
                  </a:cxn>
                  <a:cxn ang="T91">
                    <a:pos x="T6" y="T7"/>
                  </a:cxn>
                  <a:cxn ang="T92">
                    <a:pos x="T8" y="T9"/>
                  </a:cxn>
                  <a:cxn ang="T93">
                    <a:pos x="T10" y="T11"/>
                  </a:cxn>
                  <a:cxn ang="T94">
                    <a:pos x="T12" y="T13"/>
                  </a:cxn>
                  <a:cxn ang="T95">
                    <a:pos x="T14" y="T15"/>
                  </a:cxn>
                  <a:cxn ang="T96">
                    <a:pos x="T16" y="T17"/>
                  </a:cxn>
                  <a:cxn ang="T97">
                    <a:pos x="T18" y="T19"/>
                  </a:cxn>
                  <a:cxn ang="T98">
                    <a:pos x="T20" y="T21"/>
                  </a:cxn>
                  <a:cxn ang="T99">
                    <a:pos x="T22" y="T23"/>
                  </a:cxn>
                  <a:cxn ang="T100">
                    <a:pos x="T24" y="T25"/>
                  </a:cxn>
                  <a:cxn ang="T101">
                    <a:pos x="T26" y="T27"/>
                  </a:cxn>
                  <a:cxn ang="T102">
                    <a:pos x="T28" y="T29"/>
                  </a:cxn>
                  <a:cxn ang="T103">
                    <a:pos x="T30" y="T31"/>
                  </a:cxn>
                  <a:cxn ang="T104">
                    <a:pos x="T32" y="T33"/>
                  </a:cxn>
                  <a:cxn ang="T105">
                    <a:pos x="T34" y="T35"/>
                  </a:cxn>
                  <a:cxn ang="T106">
                    <a:pos x="T36" y="T37"/>
                  </a:cxn>
                  <a:cxn ang="T107">
                    <a:pos x="T38" y="T39"/>
                  </a:cxn>
                  <a:cxn ang="T108">
                    <a:pos x="T40" y="T41"/>
                  </a:cxn>
                  <a:cxn ang="T109">
                    <a:pos x="T42" y="T43"/>
                  </a:cxn>
                  <a:cxn ang="T110">
                    <a:pos x="T44" y="T45"/>
                  </a:cxn>
                  <a:cxn ang="T111">
                    <a:pos x="T46" y="T47"/>
                  </a:cxn>
                  <a:cxn ang="T112">
                    <a:pos x="T48" y="T49"/>
                  </a:cxn>
                  <a:cxn ang="T113">
                    <a:pos x="T50" y="T51"/>
                  </a:cxn>
                  <a:cxn ang="T114">
                    <a:pos x="T52" y="T53"/>
                  </a:cxn>
                  <a:cxn ang="T115">
                    <a:pos x="T54" y="T55"/>
                  </a:cxn>
                  <a:cxn ang="T116">
                    <a:pos x="T56" y="T57"/>
                  </a:cxn>
                  <a:cxn ang="T117">
                    <a:pos x="T58" y="T59"/>
                  </a:cxn>
                  <a:cxn ang="T118">
                    <a:pos x="T60" y="T61"/>
                  </a:cxn>
                  <a:cxn ang="T119">
                    <a:pos x="T62" y="T63"/>
                  </a:cxn>
                  <a:cxn ang="T120">
                    <a:pos x="T64" y="T65"/>
                  </a:cxn>
                  <a:cxn ang="T121">
                    <a:pos x="T66" y="T67"/>
                  </a:cxn>
                  <a:cxn ang="T122">
                    <a:pos x="T68" y="T69"/>
                  </a:cxn>
                  <a:cxn ang="T123">
                    <a:pos x="T70" y="T71"/>
                  </a:cxn>
                  <a:cxn ang="T124">
                    <a:pos x="T72" y="T73"/>
                  </a:cxn>
                  <a:cxn ang="T125">
                    <a:pos x="T74" y="T75"/>
                  </a:cxn>
                  <a:cxn ang="T126">
                    <a:pos x="T76" y="T77"/>
                  </a:cxn>
                  <a:cxn ang="T127">
                    <a:pos x="T78" y="T79"/>
                  </a:cxn>
                  <a:cxn ang="T128">
                    <a:pos x="T80" y="T81"/>
                  </a:cxn>
                  <a:cxn ang="T129">
                    <a:pos x="T82" y="T83"/>
                  </a:cxn>
                  <a:cxn ang="T130">
                    <a:pos x="T84" y="T85"/>
                  </a:cxn>
                  <a:cxn ang="T131">
                    <a:pos x="T86" y="T87"/>
                  </a:cxn>
                </a:cxnLst>
                <a:rect l="T132" t="T133" r="T134" b="T135"/>
                <a:pathLst>
                  <a:path w="234" h="114">
                    <a:moveTo>
                      <a:pt x="180" y="0"/>
                    </a:moveTo>
                    <a:lnTo>
                      <a:pt x="204" y="78"/>
                    </a:lnTo>
                    <a:lnTo>
                      <a:pt x="234" y="72"/>
                    </a:lnTo>
                    <a:lnTo>
                      <a:pt x="228" y="102"/>
                    </a:lnTo>
                    <a:lnTo>
                      <a:pt x="228" y="90"/>
                    </a:lnTo>
                    <a:lnTo>
                      <a:pt x="222" y="102"/>
                    </a:lnTo>
                    <a:lnTo>
                      <a:pt x="210" y="108"/>
                    </a:lnTo>
                    <a:lnTo>
                      <a:pt x="198" y="114"/>
                    </a:lnTo>
                    <a:lnTo>
                      <a:pt x="192" y="90"/>
                    </a:lnTo>
                    <a:lnTo>
                      <a:pt x="186" y="96"/>
                    </a:lnTo>
                    <a:lnTo>
                      <a:pt x="174" y="90"/>
                    </a:lnTo>
                    <a:lnTo>
                      <a:pt x="174" y="78"/>
                    </a:lnTo>
                    <a:lnTo>
                      <a:pt x="180" y="78"/>
                    </a:lnTo>
                    <a:lnTo>
                      <a:pt x="174" y="66"/>
                    </a:lnTo>
                    <a:lnTo>
                      <a:pt x="168" y="66"/>
                    </a:lnTo>
                    <a:lnTo>
                      <a:pt x="174" y="66"/>
                    </a:lnTo>
                    <a:lnTo>
                      <a:pt x="174" y="42"/>
                    </a:lnTo>
                    <a:lnTo>
                      <a:pt x="162" y="42"/>
                    </a:lnTo>
                    <a:lnTo>
                      <a:pt x="180" y="18"/>
                    </a:lnTo>
                    <a:lnTo>
                      <a:pt x="174" y="12"/>
                    </a:lnTo>
                    <a:lnTo>
                      <a:pt x="156" y="42"/>
                    </a:lnTo>
                    <a:lnTo>
                      <a:pt x="144" y="42"/>
                    </a:lnTo>
                    <a:lnTo>
                      <a:pt x="156" y="48"/>
                    </a:lnTo>
                    <a:lnTo>
                      <a:pt x="156" y="72"/>
                    </a:lnTo>
                    <a:lnTo>
                      <a:pt x="168" y="96"/>
                    </a:lnTo>
                    <a:lnTo>
                      <a:pt x="156" y="90"/>
                    </a:lnTo>
                    <a:lnTo>
                      <a:pt x="168" y="96"/>
                    </a:lnTo>
                    <a:lnTo>
                      <a:pt x="174" y="114"/>
                    </a:lnTo>
                    <a:lnTo>
                      <a:pt x="132" y="102"/>
                    </a:lnTo>
                    <a:lnTo>
                      <a:pt x="126" y="102"/>
                    </a:lnTo>
                    <a:lnTo>
                      <a:pt x="120" y="96"/>
                    </a:lnTo>
                    <a:lnTo>
                      <a:pt x="132" y="72"/>
                    </a:lnTo>
                    <a:lnTo>
                      <a:pt x="138" y="66"/>
                    </a:lnTo>
                    <a:lnTo>
                      <a:pt x="126" y="66"/>
                    </a:lnTo>
                    <a:lnTo>
                      <a:pt x="90" y="48"/>
                    </a:lnTo>
                    <a:lnTo>
                      <a:pt x="84" y="30"/>
                    </a:lnTo>
                    <a:lnTo>
                      <a:pt x="66" y="30"/>
                    </a:lnTo>
                    <a:lnTo>
                      <a:pt x="54" y="42"/>
                    </a:lnTo>
                    <a:lnTo>
                      <a:pt x="36" y="36"/>
                    </a:lnTo>
                    <a:lnTo>
                      <a:pt x="6" y="66"/>
                    </a:lnTo>
                    <a:lnTo>
                      <a:pt x="0" y="36"/>
                    </a:lnTo>
                    <a:lnTo>
                      <a:pt x="162" y="6"/>
                    </a:lnTo>
                    <a:lnTo>
                      <a:pt x="180" y="0"/>
                    </a:lnTo>
                    <a:lnTo>
                      <a:pt x="18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59" name="Freeform 187"/>
              <p:cNvSpPr>
                <a:spLocks noChangeAspect="1"/>
              </p:cNvSpPr>
              <p:nvPr/>
            </p:nvSpPr>
            <p:spPr bwMode="auto">
              <a:xfrm>
                <a:off x="5168" y="1245"/>
                <a:ext cx="132" cy="61"/>
              </a:xfrm>
              <a:custGeom>
                <a:avLst/>
                <a:gdLst>
                  <a:gd name="T0" fmla="*/ 15 w 174"/>
                  <a:gd name="T1" fmla="*/ 9 h 90"/>
                  <a:gd name="T2" fmla="*/ 39 w 174"/>
                  <a:gd name="T3" fmla="*/ 5 h 90"/>
                  <a:gd name="T4" fmla="*/ 47 w 174"/>
                  <a:gd name="T5" fmla="*/ 0 h 90"/>
                  <a:gd name="T6" fmla="*/ 52 w 174"/>
                  <a:gd name="T7" fmla="*/ 5 h 90"/>
                  <a:gd name="T8" fmla="*/ 49 w 174"/>
                  <a:gd name="T9" fmla="*/ 13 h 90"/>
                  <a:gd name="T10" fmla="*/ 55 w 174"/>
                  <a:gd name="T11" fmla="*/ 13 h 90"/>
                  <a:gd name="T12" fmla="*/ 65 w 174"/>
                  <a:gd name="T13" fmla="*/ 20 h 90"/>
                  <a:gd name="T14" fmla="*/ 73 w 174"/>
                  <a:gd name="T15" fmla="*/ 19 h 90"/>
                  <a:gd name="T16" fmla="*/ 65 w 174"/>
                  <a:gd name="T17" fmla="*/ 15 h 90"/>
                  <a:gd name="T18" fmla="*/ 71 w 174"/>
                  <a:gd name="T19" fmla="*/ 13 h 90"/>
                  <a:gd name="T20" fmla="*/ 76 w 174"/>
                  <a:gd name="T21" fmla="*/ 20 h 90"/>
                  <a:gd name="T22" fmla="*/ 61 w 174"/>
                  <a:gd name="T23" fmla="*/ 26 h 90"/>
                  <a:gd name="T24" fmla="*/ 61 w 174"/>
                  <a:gd name="T25" fmla="*/ 22 h 90"/>
                  <a:gd name="T26" fmla="*/ 52 w 174"/>
                  <a:gd name="T27" fmla="*/ 28 h 90"/>
                  <a:gd name="T28" fmla="*/ 52 w 174"/>
                  <a:gd name="T29" fmla="*/ 26 h 90"/>
                  <a:gd name="T30" fmla="*/ 44 w 174"/>
                  <a:gd name="T31" fmla="*/ 19 h 90"/>
                  <a:gd name="T32" fmla="*/ 37 w 174"/>
                  <a:gd name="T33" fmla="*/ 20 h 90"/>
                  <a:gd name="T34" fmla="*/ 34 w 174"/>
                  <a:gd name="T35" fmla="*/ 20 h 90"/>
                  <a:gd name="T36" fmla="*/ 0 w 174"/>
                  <a:gd name="T37" fmla="*/ 26 h 90"/>
                  <a:gd name="T38" fmla="*/ 0 w 174"/>
                  <a:gd name="T39" fmla="*/ 11 h 90"/>
                  <a:gd name="T40" fmla="*/ 8 w 174"/>
                  <a:gd name="T41" fmla="*/ 11 h 90"/>
                  <a:gd name="T42" fmla="*/ 15 w 174"/>
                  <a:gd name="T43" fmla="*/ 9 h 90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174"/>
                  <a:gd name="T67" fmla="*/ 0 h 90"/>
                  <a:gd name="T68" fmla="*/ 174 w 174"/>
                  <a:gd name="T69" fmla="*/ 90 h 90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174" h="90">
                    <a:moveTo>
                      <a:pt x="36" y="30"/>
                    </a:moveTo>
                    <a:lnTo>
                      <a:pt x="90" y="18"/>
                    </a:lnTo>
                    <a:lnTo>
                      <a:pt x="108" y="0"/>
                    </a:lnTo>
                    <a:lnTo>
                      <a:pt x="120" y="18"/>
                    </a:lnTo>
                    <a:lnTo>
                      <a:pt x="114" y="42"/>
                    </a:lnTo>
                    <a:lnTo>
                      <a:pt x="126" y="42"/>
                    </a:lnTo>
                    <a:lnTo>
                      <a:pt x="150" y="66"/>
                    </a:lnTo>
                    <a:lnTo>
                      <a:pt x="168" y="60"/>
                    </a:lnTo>
                    <a:lnTo>
                      <a:pt x="150" y="48"/>
                    </a:lnTo>
                    <a:lnTo>
                      <a:pt x="162" y="42"/>
                    </a:lnTo>
                    <a:lnTo>
                      <a:pt x="174" y="66"/>
                    </a:lnTo>
                    <a:lnTo>
                      <a:pt x="138" y="84"/>
                    </a:lnTo>
                    <a:lnTo>
                      <a:pt x="138" y="72"/>
                    </a:lnTo>
                    <a:lnTo>
                      <a:pt x="120" y="90"/>
                    </a:lnTo>
                    <a:lnTo>
                      <a:pt x="120" y="84"/>
                    </a:lnTo>
                    <a:lnTo>
                      <a:pt x="102" y="60"/>
                    </a:lnTo>
                    <a:lnTo>
                      <a:pt x="84" y="66"/>
                    </a:lnTo>
                    <a:lnTo>
                      <a:pt x="78" y="66"/>
                    </a:lnTo>
                    <a:lnTo>
                      <a:pt x="0" y="84"/>
                    </a:lnTo>
                    <a:lnTo>
                      <a:pt x="0" y="36"/>
                    </a:lnTo>
                    <a:lnTo>
                      <a:pt x="18" y="36"/>
                    </a:lnTo>
                    <a:lnTo>
                      <a:pt x="36" y="3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60" name="Freeform 188"/>
              <p:cNvSpPr>
                <a:spLocks noChangeAspect="1"/>
              </p:cNvSpPr>
              <p:nvPr/>
            </p:nvSpPr>
            <p:spPr bwMode="auto">
              <a:xfrm>
                <a:off x="5168" y="1245"/>
                <a:ext cx="132" cy="61"/>
              </a:xfrm>
              <a:custGeom>
                <a:avLst/>
                <a:gdLst>
                  <a:gd name="T0" fmla="*/ 15 w 174"/>
                  <a:gd name="T1" fmla="*/ 9 h 90"/>
                  <a:gd name="T2" fmla="*/ 39 w 174"/>
                  <a:gd name="T3" fmla="*/ 5 h 90"/>
                  <a:gd name="T4" fmla="*/ 47 w 174"/>
                  <a:gd name="T5" fmla="*/ 0 h 90"/>
                  <a:gd name="T6" fmla="*/ 52 w 174"/>
                  <a:gd name="T7" fmla="*/ 5 h 90"/>
                  <a:gd name="T8" fmla="*/ 49 w 174"/>
                  <a:gd name="T9" fmla="*/ 13 h 90"/>
                  <a:gd name="T10" fmla="*/ 55 w 174"/>
                  <a:gd name="T11" fmla="*/ 13 h 90"/>
                  <a:gd name="T12" fmla="*/ 65 w 174"/>
                  <a:gd name="T13" fmla="*/ 20 h 90"/>
                  <a:gd name="T14" fmla="*/ 73 w 174"/>
                  <a:gd name="T15" fmla="*/ 19 h 90"/>
                  <a:gd name="T16" fmla="*/ 65 w 174"/>
                  <a:gd name="T17" fmla="*/ 15 h 90"/>
                  <a:gd name="T18" fmla="*/ 71 w 174"/>
                  <a:gd name="T19" fmla="*/ 13 h 90"/>
                  <a:gd name="T20" fmla="*/ 76 w 174"/>
                  <a:gd name="T21" fmla="*/ 20 h 90"/>
                  <a:gd name="T22" fmla="*/ 61 w 174"/>
                  <a:gd name="T23" fmla="*/ 26 h 90"/>
                  <a:gd name="T24" fmla="*/ 61 w 174"/>
                  <a:gd name="T25" fmla="*/ 22 h 90"/>
                  <a:gd name="T26" fmla="*/ 52 w 174"/>
                  <a:gd name="T27" fmla="*/ 28 h 90"/>
                  <a:gd name="T28" fmla="*/ 52 w 174"/>
                  <a:gd name="T29" fmla="*/ 26 h 90"/>
                  <a:gd name="T30" fmla="*/ 44 w 174"/>
                  <a:gd name="T31" fmla="*/ 19 h 90"/>
                  <a:gd name="T32" fmla="*/ 37 w 174"/>
                  <a:gd name="T33" fmla="*/ 20 h 90"/>
                  <a:gd name="T34" fmla="*/ 34 w 174"/>
                  <a:gd name="T35" fmla="*/ 20 h 90"/>
                  <a:gd name="T36" fmla="*/ 0 w 174"/>
                  <a:gd name="T37" fmla="*/ 26 h 90"/>
                  <a:gd name="T38" fmla="*/ 0 w 174"/>
                  <a:gd name="T39" fmla="*/ 11 h 90"/>
                  <a:gd name="T40" fmla="*/ 8 w 174"/>
                  <a:gd name="T41" fmla="*/ 11 h 90"/>
                  <a:gd name="T42" fmla="*/ 15 w 174"/>
                  <a:gd name="T43" fmla="*/ 9 h 90"/>
                  <a:gd name="T44" fmla="*/ 15 w 174"/>
                  <a:gd name="T45" fmla="*/ 11 h 90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174"/>
                  <a:gd name="T70" fmla="*/ 0 h 90"/>
                  <a:gd name="T71" fmla="*/ 174 w 174"/>
                  <a:gd name="T72" fmla="*/ 90 h 90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174" h="90">
                    <a:moveTo>
                      <a:pt x="36" y="30"/>
                    </a:moveTo>
                    <a:lnTo>
                      <a:pt x="90" y="18"/>
                    </a:lnTo>
                    <a:lnTo>
                      <a:pt x="108" y="0"/>
                    </a:lnTo>
                    <a:lnTo>
                      <a:pt x="120" y="18"/>
                    </a:lnTo>
                    <a:lnTo>
                      <a:pt x="114" y="42"/>
                    </a:lnTo>
                    <a:lnTo>
                      <a:pt x="126" y="42"/>
                    </a:lnTo>
                    <a:lnTo>
                      <a:pt x="150" y="66"/>
                    </a:lnTo>
                    <a:lnTo>
                      <a:pt x="168" y="60"/>
                    </a:lnTo>
                    <a:lnTo>
                      <a:pt x="150" y="48"/>
                    </a:lnTo>
                    <a:lnTo>
                      <a:pt x="162" y="42"/>
                    </a:lnTo>
                    <a:lnTo>
                      <a:pt x="174" y="66"/>
                    </a:lnTo>
                    <a:lnTo>
                      <a:pt x="138" y="84"/>
                    </a:lnTo>
                    <a:lnTo>
                      <a:pt x="138" y="72"/>
                    </a:lnTo>
                    <a:lnTo>
                      <a:pt x="120" y="90"/>
                    </a:lnTo>
                    <a:lnTo>
                      <a:pt x="120" y="84"/>
                    </a:lnTo>
                    <a:lnTo>
                      <a:pt x="102" y="60"/>
                    </a:lnTo>
                    <a:lnTo>
                      <a:pt x="84" y="66"/>
                    </a:lnTo>
                    <a:lnTo>
                      <a:pt x="78" y="66"/>
                    </a:lnTo>
                    <a:lnTo>
                      <a:pt x="0" y="84"/>
                    </a:lnTo>
                    <a:lnTo>
                      <a:pt x="0" y="36"/>
                    </a:lnTo>
                    <a:lnTo>
                      <a:pt x="18" y="36"/>
                    </a:lnTo>
                    <a:lnTo>
                      <a:pt x="36" y="30"/>
                    </a:lnTo>
                    <a:lnTo>
                      <a:pt x="36" y="3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61" name="Freeform 189"/>
              <p:cNvSpPr>
                <a:spLocks noChangeAspect="1"/>
              </p:cNvSpPr>
              <p:nvPr/>
            </p:nvSpPr>
            <p:spPr bwMode="auto">
              <a:xfrm>
                <a:off x="4696" y="1204"/>
                <a:ext cx="151" cy="179"/>
              </a:xfrm>
              <a:custGeom>
                <a:avLst/>
                <a:gdLst>
                  <a:gd name="T0" fmla="*/ 43 w 198"/>
                  <a:gd name="T1" fmla="*/ 81 h 264"/>
                  <a:gd name="T2" fmla="*/ 0 w 198"/>
                  <a:gd name="T3" fmla="*/ 82 h 264"/>
                  <a:gd name="T4" fmla="*/ 11 w 198"/>
                  <a:gd name="T5" fmla="*/ 64 h 264"/>
                  <a:gd name="T6" fmla="*/ 0 w 198"/>
                  <a:gd name="T7" fmla="*/ 45 h 264"/>
                  <a:gd name="T8" fmla="*/ 3 w 198"/>
                  <a:gd name="T9" fmla="*/ 24 h 264"/>
                  <a:gd name="T10" fmla="*/ 16 w 198"/>
                  <a:gd name="T11" fmla="*/ 13 h 264"/>
                  <a:gd name="T12" fmla="*/ 16 w 198"/>
                  <a:gd name="T13" fmla="*/ 21 h 264"/>
                  <a:gd name="T14" fmla="*/ 18 w 198"/>
                  <a:gd name="T15" fmla="*/ 17 h 264"/>
                  <a:gd name="T16" fmla="*/ 18 w 198"/>
                  <a:gd name="T17" fmla="*/ 11 h 264"/>
                  <a:gd name="T18" fmla="*/ 27 w 198"/>
                  <a:gd name="T19" fmla="*/ 7 h 264"/>
                  <a:gd name="T20" fmla="*/ 24 w 198"/>
                  <a:gd name="T21" fmla="*/ 3 h 264"/>
                  <a:gd name="T22" fmla="*/ 29 w 198"/>
                  <a:gd name="T23" fmla="*/ 0 h 264"/>
                  <a:gd name="T24" fmla="*/ 56 w 198"/>
                  <a:gd name="T25" fmla="*/ 5 h 264"/>
                  <a:gd name="T26" fmla="*/ 61 w 198"/>
                  <a:gd name="T27" fmla="*/ 11 h 264"/>
                  <a:gd name="T28" fmla="*/ 59 w 198"/>
                  <a:gd name="T29" fmla="*/ 13 h 264"/>
                  <a:gd name="T30" fmla="*/ 64 w 198"/>
                  <a:gd name="T31" fmla="*/ 19 h 264"/>
                  <a:gd name="T32" fmla="*/ 64 w 198"/>
                  <a:gd name="T33" fmla="*/ 26 h 264"/>
                  <a:gd name="T34" fmla="*/ 53 w 198"/>
                  <a:gd name="T35" fmla="*/ 33 h 264"/>
                  <a:gd name="T36" fmla="*/ 53 w 198"/>
                  <a:gd name="T37" fmla="*/ 39 h 264"/>
                  <a:gd name="T38" fmla="*/ 59 w 198"/>
                  <a:gd name="T39" fmla="*/ 41 h 264"/>
                  <a:gd name="T40" fmla="*/ 72 w 198"/>
                  <a:gd name="T41" fmla="*/ 30 h 264"/>
                  <a:gd name="T42" fmla="*/ 79 w 198"/>
                  <a:gd name="T43" fmla="*/ 35 h 264"/>
                  <a:gd name="T44" fmla="*/ 88 w 198"/>
                  <a:gd name="T45" fmla="*/ 51 h 264"/>
                  <a:gd name="T46" fmla="*/ 85 w 198"/>
                  <a:gd name="T47" fmla="*/ 58 h 264"/>
                  <a:gd name="T48" fmla="*/ 85 w 198"/>
                  <a:gd name="T49" fmla="*/ 60 h 264"/>
                  <a:gd name="T50" fmla="*/ 82 w 198"/>
                  <a:gd name="T51" fmla="*/ 58 h 264"/>
                  <a:gd name="T52" fmla="*/ 79 w 198"/>
                  <a:gd name="T53" fmla="*/ 58 h 264"/>
                  <a:gd name="T54" fmla="*/ 69 w 198"/>
                  <a:gd name="T55" fmla="*/ 77 h 264"/>
                  <a:gd name="T56" fmla="*/ 50 w 198"/>
                  <a:gd name="T57" fmla="*/ 81 h 264"/>
                  <a:gd name="T58" fmla="*/ 43 w 198"/>
                  <a:gd name="T59" fmla="*/ 81 h 264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w 198"/>
                  <a:gd name="T91" fmla="*/ 0 h 264"/>
                  <a:gd name="T92" fmla="*/ 198 w 198"/>
                  <a:gd name="T93" fmla="*/ 264 h 264"/>
                </a:gdLst>
                <a:ahLst/>
                <a:cxnLst>
                  <a:cxn ang="T60">
                    <a:pos x="T0" y="T1"/>
                  </a:cxn>
                  <a:cxn ang="T61">
                    <a:pos x="T2" y="T3"/>
                  </a:cxn>
                  <a:cxn ang="T62">
                    <a:pos x="T4" y="T5"/>
                  </a:cxn>
                  <a:cxn ang="T63">
                    <a:pos x="T6" y="T7"/>
                  </a:cxn>
                  <a:cxn ang="T64">
                    <a:pos x="T8" y="T9"/>
                  </a:cxn>
                  <a:cxn ang="T65">
                    <a:pos x="T10" y="T11"/>
                  </a:cxn>
                  <a:cxn ang="T66">
                    <a:pos x="T12" y="T13"/>
                  </a:cxn>
                  <a:cxn ang="T67">
                    <a:pos x="T14" y="T15"/>
                  </a:cxn>
                  <a:cxn ang="T68">
                    <a:pos x="T16" y="T17"/>
                  </a:cxn>
                  <a:cxn ang="T69">
                    <a:pos x="T18" y="T19"/>
                  </a:cxn>
                  <a:cxn ang="T70">
                    <a:pos x="T20" y="T21"/>
                  </a:cxn>
                  <a:cxn ang="T71">
                    <a:pos x="T22" y="T23"/>
                  </a:cxn>
                  <a:cxn ang="T72">
                    <a:pos x="T24" y="T25"/>
                  </a:cxn>
                  <a:cxn ang="T73">
                    <a:pos x="T26" y="T27"/>
                  </a:cxn>
                  <a:cxn ang="T74">
                    <a:pos x="T28" y="T29"/>
                  </a:cxn>
                  <a:cxn ang="T75">
                    <a:pos x="T30" y="T31"/>
                  </a:cxn>
                  <a:cxn ang="T76">
                    <a:pos x="T32" y="T33"/>
                  </a:cxn>
                  <a:cxn ang="T77">
                    <a:pos x="T34" y="T35"/>
                  </a:cxn>
                  <a:cxn ang="T78">
                    <a:pos x="T36" y="T37"/>
                  </a:cxn>
                  <a:cxn ang="T79">
                    <a:pos x="T38" y="T39"/>
                  </a:cxn>
                  <a:cxn ang="T80">
                    <a:pos x="T40" y="T41"/>
                  </a:cxn>
                  <a:cxn ang="T81">
                    <a:pos x="T42" y="T43"/>
                  </a:cxn>
                  <a:cxn ang="T82">
                    <a:pos x="T44" y="T45"/>
                  </a:cxn>
                  <a:cxn ang="T83">
                    <a:pos x="T46" y="T47"/>
                  </a:cxn>
                  <a:cxn ang="T84">
                    <a:pos x="T48" y="T49"/>
                  </a:cxn>
                  <a:cxn ang="T85">
                    <a:pos x="T50" y="T51"/>
                  </a:cxn>
                  <a:cxn ang="T86">
                    <a:pos x="T52" y="T53"/>
                  </a:cxn>
                  <a:cxn ang="T87">
                    <a:pos x="T54" y="T55"/>
                  </a:cxn>
                  <a:cxn ang="T88">
                    <a:pos x="T56" y="T57"/>
                  </a:cxn>
                  <a:cxn ang="T89">
                    <a:pos x="T58" y="T59"/>
                  </a:cxn>
                </a:cxnLst>
                <a:rect l="T90" t="T91" r="T92" b="T93"/>
                <a:pathLst>
                  <a:path w="198" h="264">
                    <a:moveTo>
                      <a:pt x="96" y="258"/>
                    </a:moveTo>
                    <a:lnTo>
                      <a:pt x="0" y="264"/>
                    </a:lnTo>
                    <a:lnTo>
                      <a:pt x="24" y="204"/>
                    </a:lnTo>
                    <a:lnTo>
                      <a:pt x="0" y="144"/>
                    </a:lnTo>
                    <a:lnTo>
                      <a:pt x="6" y="78"/>
                    </a:lnTo>
                    <a:lnTo>
                      <a:pt x="36" y="42"/>
                    </a:lnTo>
                    <a:lnTo>
                      <a:pt x="36" y="66"/>
                    </a:lnTo>
                    <a:lnTo>
                      <a:pt x="42" y="54"/>
                    </a:lnTo>
                    <a:lnTo>
                      <a:pt x="42" y="36"/>
                    </a:lnTo>
                    <a:lnTo>
                      <a:pt x="60" y="24"/>
                    </a:lnTo>
                    <a:lnTo>
                      <a:pt x="54" y="12"/>
                    </a:lnTo>
                    <a:lnTo>
                      <a:pt x="66" y="0"/>
                    </a:lnTo>
                    <a:lnTo>
                      <a:pt x="126" y="18"/>
                    </a:lnTo>
                    <a:lnTo>
                      <a:pt x="138" y="36"/>
                    </a:lnTo>
                    <a:lnTo>
                      <a:pt x="132" y="42"/>
                    </a:lnTo>
                    <a:lnTo>
                      <a:pt x="144" y="60"/>
                    </a:lnTo>
                    <a:lnTo>
                      <a:pt x="144" y="84"/>
                    </a:lnTo>
                    <a:lnTo>
                      <a:pt x="120" y="108"/>
                    </a:lnTo>
                    <a:lnTo>
                      <a:pt x="120" y="126"/>
                    </a:lnTo>
                    <a:lnTo>
                      <a:pt x="132" y="132"/>
                    </a:lnTo>
                    <a:lnTo>
                      <a:pt x="162" y="96"/>
                    </a:lnTo>
                    <a:lnTo>
                      <a:pt x="180" y="114"/>
                    </a:lnTo>
                    <a:lnTo>
                      <a:pt x="198" y="162"/>
                    </a:lnTo>
                    <a:lnTo>
                      <a:pt x="192" y="186"/>
                    </a:lnTo>
                    <a:lnTo>
                      <a:pt x="192" y="192"/>
                    </a:lnTo>
                    <a:lnTo>
                      <a:pt x="186" y="186"/>
                    </a:lnTo>
                    <a:lnTo>
                      <a:pt x="180" y="186"/>
                    </a:lnTo>
                    <a:lnTo>
                      <a:pt x="156" y="246"/>
                    </a:lnTo>
                    <a:lnTo>
                      <a:pt x="114" y="258"/>
                    </a:lnTo>
                    <a:lnTo>
                      <a:pt x="96" y="25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62" name="Freeform 190"/>
              <p:cNvSpPr>
                <a:spLocks noChangeAspect="1"/>
              </p:cNvSpPr>
              <p:nvPr/>
            </p:nvSpPr>
            <p:spPr bwMode="auto">
              <a:xfrm>
                <a:off x="4696" y="1204"/>
                <a:ext cx="151" cy="179"/>
              </a:xfrm>
              <a:custGeom>
                <a:avLst/>
                <a:gdLst>
                  <a:gd name="T0" fmla="*/ 43 w 198"/>
                  <a:gd name="T1" fmla="*/ 81 h 264"/>
                  <a:gd name="T2" fmla="*/ 0 w 198"/>
                  <a:gd name="T3" fmla="*/ 82 h 264"/>
                  <a:gd name="T4" fmla="*/ 11 w 198"/>
                  <a:gd name="T5" fmla="*/ 64 h 264"/>
                  <a:gd name="T6" fmla="*/ 0 w 198"/>
                  <a:gd name="T7" fmla="*/ 45 h 264"/>
                  <a:gd name="T8" fmla="*/ 3 w 198"/>
                  <a:gd name="T9" fmla="*/ 24 h 264"/>
                  <a:gd name="T10" fmla="*/ 16 w 198"/>
                  <a:gd name="T11" fmla="*/ 13 h 264"/>
                  <a:gd name="T12" fmla="*/ 16 w 198"/>
                  <a:gd name="T13" fmla="*/ 21 h 264"/>
                  <a:gd name="T14" fmla="*/ 18 w 198"/>
                  <a:gd name="T15" fmla="*/ 17 h 264"/>
                  <a:gd name="T16" fmla="*/ 18 w 198"/>
                  <a:gd name="T17" fmla="*/ 21 h 264"/>
                  <a:gd name="T18" fmla="*/ 18 w 198"/>
                  <a:gd name="T19" fmla="*/ 11 h 264"/>
                  <a:gd name="T20" fmla="*/ 27 w 198"/>
                  <a:gd name="T21" fmla="*/ 7 h 264"/>
                  <a:gd name="T22" fmla="*/ 24 w 198"/>
                  <a:gd name="T23" fmla="*/ 3 h 264"/>
                  <a:gd name="T24" fmla="*/ 29 w 198"/>
                  <a:gd name="T25" fmla="*/ 0 h 264"/>
                  <a:gd name="T26" fmla="*/ 56 w 198"/>
                  <a:gd name="T27" fmla="*/ 5 h 264"/>
                  <a:gd name="T28" fmla="*/ 61 w 198"/>
                  <a:gd name="T29" fmla="*/ 11 h 264"/>
                  <a:gd name="T30" fmla="*/ 59 w 198"/>
                  <a:gd name="T31" fmla="*/ 13 h 264"/>
                  <a:gd name="T32" fmla="*/ 64 w 198"/>
                  <a:gd name="T33" fmla="*/ 19 h 264"/>
                  <a:gd name="T34" fmla="*/ 64 w 198"/>
                  <a:gd name="T35" fmla="*/ 26 h 264"/>
                  <a:gd name="T36" fmla="*/ 53 w 198"/>
                  <a:gd name="T37" fmla="*/ 33 h 264"/>
                  <a:gd name="T38" fmla="*/ 53 w 198"/>
                  <a:gd name="T39" fmla="*/ 39 h 264"/>
                  <a:gd name="T40" fmla="*/ 59 w 198"/>
                  <a:gd name="T41" fmla="*/ 41 h 264"/>
                  <a:gd name="T42" fmla="*/ 72 w 198"/>
                  <a:gd name="T43" fmla="*/ 30 h 264"/>
                  <a:gd name="T44" fmla="*/ 79 w 198"/>
                  <a:gd name="T45" fmla="*/ 35 h 264"/>
                  <a:gd name="T46" fmla="*/ 88 w 198"/>
                  <a:gd name="T47" fmla="*/ 51 h 264"/>
                  <a:gd name="T48" fmla="*/ 85 w 198"/>
                  <a:gd name="T49" fmla="*/ 58 h 264"/>
                  <a:gd name="T50" fmla="*/ 85 w 198"/>
                  <a:gd name="T51" fmla="*/ 60 h 264"/>
                  <a:gd name="T52" fmla="*/ 82 w 198"/>
                  <a:gd name="T53" fmla="*/ 58 h 264"/>
                  <a:gd name="T54" fmla="*/ 79 w 198"/>
                  <a:gd name="T55" fmla="*/ 58 h 264"/>
                  <a:gd name="T56" fmla="*/ 69 w 198"/>
                  <a:gd name="T57" fmla="*/ 77 h 264"/>
                  <a:gd name="T58" fmla="*/ 50 w 198"/>
                  <a:gd name="T59" fmla="*/ 81 h 264"/>
                  <a:gd name="T60" fmla="*/ 43 w 198"/>
                  <a:gd name="T61" fmla="*/ 81 h 264"/>
                  <a:gd name="T62" fmla="*/ 43 w 198"/>
                  <a:gd name="T63" fmla="*/ 82 h 264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198"/>
                  <a:gd name="T97" fmla="*/ 0 h 264"/>
                  <a:gd name="T98" fmla="*/ 198 w 198"/>
                  <a:gd name="T99" fmla="*/ 264 h 264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198" h="264">
                    <a:moveTo>
                      <a:pt x="96" y="258"/>
                    </a:moveTo>
                    <a:lnTo>
                      <a:pt x="0" y="264"/>
                    </a:lnTo>
                    <a:lnTo>
                      <a:pt x="24" y="204"/>
                    </a:lnTo>
                    <a:lnTo>
                      <a:pt x="0" y="144"/>
                    </a:lnTo>
                    <a:lnTo>
                      <a:pt x="6" y="78"/>
                    </a:lnTo>
                    <a:lnTo>
                      <a:pt x="36" y="42"/>
                    </a:lnTo>
                    <a:lnTo>
                      <a:pt x="36" y="66"/>
                    </a:lnTo>
                    <a:lnTo>
                      <a:pt x="42" y="54"/>
                    </a:lnTo>
                    <a:lnTo>
                      <a:pt x="42" y="66"/>
                    </a:lnTo>
                    <a:lnTo>
                      <a:pt x="42" y="36"/>
                    </a:lnTo>
                    <a:lnTo>
                      <a:pt x="60" y="24"/>
                    </a:lnTo>
                    <a:lnTo>
                      <a:pt x="54" y="12"/>
                    </a:lnTo>
                    <a:lnTo>
                      <a:pt x="66" y="0"/>
                    </a:lnTo>
                    <a:lnTo>
                      <a:pt x="126" y="18"/>
                    </a:lnTo>
                    <a:lnTo>
                      <a:pt x="138" y="36"/>
                    </a:lnTo>
                    <a:lnTo>
                      <a:pt x="132" y="42"/>
                    </a:lnTo>
                    <a:lnTo>
                      <a:pt x="144" y="60"/>
                    </a:lnTo>
                    <a:lnTo>
                      <a:pt x="144" y="84"/>
                    </a:lnTo>
                    <a:lnTo>
                      <a:pt x="120" y="108"/>
                    </a:lnTo>
                    <a:lnTo>
                      <a:pt x="120" y="126"/>
                    </a:lnTo>
                    <a:lnTo>
                      <a:pt x="132" y="132"/>
                    </a:lnTo>
                    <a:lnTo>
                      <a:pt x="162" y="96"/>
                    </a:lnTo>
                    <a:lnTo>
                      <a:pt x="180" y="114"/>
                    </a:lnTo>
                    <a:lnTo>
                      <a:pt x="198" y="162"/>
                    </a:lnTo>
                    <a:lnTo>
                      <a:pt x="192" y="186"/>
                    </a:lnTo>
                    <a:lnTo>
                      <a:pt x="192" y="192"/>
                    </a:lnTo>
                    <a:lnTo>
                      <a:pt x="186" y="186"/>
                    </a:lnTo>
                    <a:lnTo>
                      <a:pt x="180" y="186"/>
                    </a:lnTo>
                    <a:lnTo>
                      <a:pt x="156" y="246"/>
                    </a:lnTo>
                    <a:lnTo>
                      <a:pt x="114" y="258"/>
                    </a:lnTo>
                    <a:lnTo>
                      <a:pt x="96" y="258"/>
                    </a:lnTo>
                    <a:lnTo>
                      <a:pt x="96" y="26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63" name="Freeform 191"/>
              <p:cNvSpPr>
                <a:spLocks noChangeAspect="1"/>
              </p:cNvSpPr>
              <p:nvPr/>
            </p:nvSpPr>
            <p:spPr bwMode="auto">
              <a:xfrm>
                <a:off x="4555" y="1143"/>
                <a:ext cx="219" cy="98"/>
              </a:xfrm>
              <a:custGeom>
                <a:avLst/>
                <a:gdLst>
                  <a:gd name="T0" fmla="*/ 127 w 288"/>
                  <a:gd name="T1" fmla="*/ 22 h 144"/>
                  <a:gd name="T2" fmla="*/ 113 w 288"/>
                  <a:gd name="T3" fmla="*/ 22 h 144"/>
                  <a:gd name="T4" fmla="*/ 111 w 288"/>
                  <a:gd name="T5" fmla="*/ 27 h 144"/>
                  <a:gd name="T6" fmla="*/ 95 w 288"/>
                  <a:gd name="T7" fmla="*/ 22 h 144"/>
                  <a:gd name="T8" fmla="*/ 81 w 288"/>
                  <a:gd name="T9" fmla="*/ 29 h 144"/>
                  <a:gd name="T10" fmla="*/ 76 w 288"/>
                  <a:gd name="T11" fmla="*/ 34 h 144"/>
                  <a:gd name="T12" fmla="*/ 76 w 288"/>
                  <a:gd name="T13" fmla="*/ 29 h 144"/>
                  <a:gd name="T14" fmla="*/ 68 w 288"/>
                  <a:gd name="T15" fmla="*/ 34 h 144"/>
                  <a:gd name="T16" fmla="*/ 68 w 288"/>
                  <a:gd name="T17" fmla="*/ 29 h 144"/>
                  <a:gd name="T18" fmla="*/ 58 w 288"/>
                  <a:gd name="T19" fmla="*/ 46 h 144"/>
                  <a:gd name="T20" fmla="*/ 52 w 288"/>
                  <a:gd name="T21" fmla="*/ 46 h 144"/>
                  <a:gd name="T22" fmla="*/ 56 w 288"/>
                  <a:gd name="T23" fmla="*/ 42 h 144"/>
                  <a:gd name="T24" fmla="*/ 50 w 288"/>
                  <a:gd name="T25" fmla="*/ 42 h 144"/>
                  <a:gd name="T26" fmla="*/ 52 w 288"/>
                  <a:gd name="T27" fmla="*/ 34 h 144"/>
                  <a:gd name="T28" fmla="*/ 45 w 288"/>
                  <a:gd name="T29" fmla="*/ 30 h 144"/>
                  <a:gd name="T30" fmla="*/ 5 w 288"/>
                  <a:gd name="T31" fmla="*/ 25 h 144"/>
                  <a:gd name="T32" fmla="*/ 0 w 288"/>
                  <a:gd name="T33" fmla="*/ 21 h 144"/>
                  <a:gd name="T34" fmla="*/ 47 w 288"/>
                  <a:gd name="T35" fmla="*/ 0 h 144"/>
                  <a:gd name="T36" fmla="*/ 50 w 288"/>
                  <a:gd name="T37" fmla="*/ 0 h 144"/>
                  <a:gd name="T38" fmla="*/ 37 w 288"/>
                  <a:gd name="T39" fmla="*/ 10 h 144"/>
                  <a:gd name="T40" fmla="*/ 37 w 288"/>
                  <a:gd name="T41" fmla="*/ 14 h 144"/>
                  <a:gd name="T42" fmla="*/ 43 w 288"/>
                  <a:gd name="T43" fmla="*/ 10 h 144"/>
                  <a:gd name="T44" fmla="*/ 40 w 288"/>
                  <a:gd name="T45" fmla="*/ 14 h 144"/>
                  <a:gd name="T46" fmla="*/ 47 w 288"/>
                  <a:gd name="T47" fmla="*/ 12 h 144"/>
                  <a:gd name="T48" fmla="*/ 58 w 288"/>
                  <a:gd name="T49" fmla="*/ 17 h 144"/>
                  <a:gd name="T50" fmla="*/ 71 w 288"/>
                  <a:gd name="T51" fmla="*/ 19 h 144"/>
                  <a:gd name="T52" fmla="*/ 81 w 288"/>
                  <a:gd name="T53" fmla="*/ 14 h 144"/>
                  <a:gd name="T54" fmla="*/ 103 w 288"/>
                  <a:gd name="T55" fmla="*/ 10 h 144"/>
                  <a:gd name="T56" fmla="*/ 105 w 288"/>
                  <a:gd name="T57" fmla="*/ 15 h 144"/>
                  <a:gd name="T58" fmla="*/ 119 w 288"/>
                  <a:gd name="T59" fmla="*/ 15 h 144"/>
                  <a:gd name="T60" fmla="*/ 119 w 288"/>
                  <a:gd name="T61" fmla="*/ 19 h 144"/>
                  <a:gd name="T62" fmla="*/ 127 w 288"/>
                  <a:gd name="T63" fmla="*/ 22 h 144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288"/>
                  <a:gd name="T97" fmla="*/ 0 h 144"/>
                  <a:gd name="T98" fmla="*/ 288 w 288"/>
                  <a:gd name="T99" fmla="*/ 144 h 144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288" h="144">
                    <a:moveTo>
                      <a:pt x="288" y="72"/>
                    </a:moveTo>
                    <a:lnTo>
                      <a:pt x="258" y="72"/>
                    </a:lnTo>
                    <a:lnTo>
                      <a:pt x="252" y="84"/>
                    </a:lnTo>
                    <a:lnTo>
                      <a:pt x="216" y="72"/>
                    </a:lnTo>
                    <a:lnTo>
                      <a:pt x="186" y="90"/>
                    </a:lnTo>
                    <a:lnTo>
                      <a:pt x="174" y="108"/>
                    </a:lnTo>
                    <a:lnTo>
                      <a:pt x="174" y="90"/>
                    </a:lnTo>
                    <a:lnTo>
                      <a:pt x="156" y="108"/>
                    </a:lnTo>
                    <a:lnTo>
                      <a:pt x="156" y="90"/>
                    </a:lnTo>
                    <a:lnTo>
                      <a:pt x="132" y="144"/>
                    </a:lnTo>
                    <a:lnTo>
                      <a:pt x="120" y="144"/>
                    </a:lnTo>
                    <a:lnTo>
                      <a:pt x="126" y="132"/>
                    </a:lnTo>
                    <a:lnTo>
                      <a:pt x="114" y="132"/>
                    </a:lnTo>
                    <a:lnTo>
                      <a:pt x="120" y="108"/>
                    </a:lnTo>
                    <a:lnTo>
                      <a:pt x="102" y="96"/>
                    </a:lnTo>
                    <a:lnTo>
                      <a:pt x="12" y="78"/>
                    </a:lnTo>
                    <a:lnTo>
                      <a:pt x="0" y="66"/>
                    </a:lnTo>
                    <a:lnTo>
                      <a:pt x="108" y="0"/>
                    </a:lnTo>
                    <a:lnTo>
                      <a:pt x="114" y="0"/>
                    </a:lnTo>
                    <a:lnTo>
                      <a:pt x="84" y="30"/>
                    </a:lnTo>
                    <a:lnTo>
                      <a:pt x="84" y="42"/>
                    </a:lnTo>
                    <a:lnTo>
                      <a:pt x="96" y="30"/>
                    </a:lnTo>
                    <a:lnTo>
                      <a:pt x="90" y="42"/>
                    </a:lnTo>
                    <a:lnTo>
                      <a:pt x="108" y="36"/>
                    </a:lnTo>
                    <a:lnTo>
                      <a:pt x="132" y="54"/>
                    </a:lnTo>
                    <a:lnTo>
                      <a:pt x="162" y="60"/>
                    </a:lnTo>
                    <a:lnTo>
                      <a:pt x="186" y="42"/>
                    </a:lnTo>
                    <a:lnTo>
                      <a:pt x="234" y="30"/>
                    </a:lnTo>
                    <a:lnTo>
                      <a:pt x="240" y="48"/>
                    </a:lnTo>
                    <a:lnTo>
                      <a:pt x="270" y="48"/>
                    </a:lnTo>
                    <a:lnTo>
                      <a:pt x="270" y="60"/>
                    </a:lnTo>
                    <a:lnTo>
                      <a:pt x="288" y="7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64" name="Freeform 192"/>
              <p:cNvSpPr>
                <a:spLocks noChangeAspect="1"/>
              </p:cNvSpPr>
              <p:nvPr/>
            </p:nvSpPr>
            <p:spPr bwMode="auto">
              <a:xfrm>
                <a:off x="4555" y="1143"/>
                <a:ext cx="219" cy="98"/>
              </a:xfrm>
              <a:custGeom>
                <a:avLst/>
                <a:gdLst>
                  <a:gd name="T0" fmla="*/ 127 w 288"/>
                  <a:gd name="T1" fmla="*/ 22 h 144"/>
                  <a:gd name="T2" fmla="*/ 113 w 288"/>
                  <a:gd name="T3" fmla="*/ 22 h 144"/>
                  <a:gd name="T4" fmla="*/ 111 w 288"/>
                  <a:gd name="T5" fmla="*/ 27 h 144"/>
                  <a:gd name="T6" fmla="*/ 95 w 288"/>
                  <a:gd name="T7" fmla="*/ 22 h 144"/>
                  <a:gd name="T8" fmla="*/ 81 w 288"/>
                  <a:gd name="T9" fmla="*/ 29 h 144"/>
                  <a:gd name="T10" fmla="*/ 76 w 288"/>
                  <a:gd name="T11" fmla="*/ 34 h 144"/>
                  <a:gd name="T12" fmla="*/ 76 w 288"/>
                  <a:gd name="T13" fmla="*/ 29 h 144"/>
                  <a:gd name="T14" fmla="*/ 68 w 288"/>
                  <a:gd name="T15" fmla="*/ 34 h 144"/>
                  <a:gd name="T16" fmla="*/ 68 w 288"/>
                  <a:gd name="T17" fmla="*/ 29 h 144"/>
                  <a:gd name="T18" fmla="*/ 58 w 288"/>
                  <a:gd name="T19" fmla="*/ 46 h 144"/>
                  <a:gd name="T20" fmla="*/ 52 w 288"/>
                  <a:gd name="T21" fmla="*/ 46 h 144"/>
                  <a:gd name="T22" fmla="*/ 56 w 288"/>
                  <a:gd name="T23" fmla="*/ 42 h 144"/>
                  <a:gd name="T24" fmla="*/ 50 w 288"/>
                  <a:gd name="T25" fmla="*/ 42 h 144"/>
                  <a:gd name="T26" fmla="*/ 52 w 288"/>
                  <a:gd name="T27" fmla="*/ 34 h 144"/>
                  <a:gd name="T28" fmla="*/ 45 w 288"/>
                  <a:gd name="T29" fmla="*/ 30 h 144"/>
                  <a:gd name="T30" fmla="*/ 5 w 288"/>
                  <a:gd name="T31" fmla="*/ 25 h 144"/>
                  <a:gd name="T32" fmla="*/ 0 w 288"/>
                  <a:gd name="T33" fmla="*/ 21 h 144"/>
                  <a:gd name="T34" fmla="*/ 47 w 288"/>
                  <a:gd name="T35" fmla="*/ 0 h 144"/>
                  <a:gd name="T36" fmla="*/ 50 w 288"/>
                  <a:gd name="T37" fmla="*/ 0 h 144"/>
                  <a:gd name="T38" fmla="*/ 37 w 288"/>
                  <a:gd name="T39" fmla="*/ 10 h 144"/>
                  <a:gd name="T40" fmla="*/ 37 w 288"/>
                  <a:gd name="T41" fmla="*/ 14 h 144"/>
                  <a:gd name="T42" fmla="*/ 43 w 288"/>
                  <a:gd name="T43" fmla="*/ 10 h 144"/>
                  <a:gd name="T44" fmla="*/ 40 w 288"/>
                  <a:gd name="T45" fmla="*/ 14 h 144"/>
                  <a:gd name="T46" fmla="*/ 47 w 288"/>
                  <a:gd name="T47" fmla="*/ 12 h 144"/>
                  <a:gd name="T48" fmla="*/ 58 w 288"/>
                  <a:gd name="T49" fmla="*/ 17 h 144"/>
                  <a:gd name="T50" fmla="*/ 71 w 288"/>
                  <a:gd name="T51" fmla="*/ 19 h 144"/>
                  <a:gd name="T52" fmla="*/ 81 w 288"/>
                  <a:gd name="T53" fmla="*/ 14 h 144"/>
                  <a:gd name="T54" fmla="*/ 103 w 288"/>
                  <a:gd name="T55" fmla="*/ 10 h 144"/>
                  <a:gd name="T56" fmla="*/ 105 w 288"/>
                  <a:gd name="T57" fmla="*/ 15 h 144"/>
                  <a:gd name="T58" fmla="*/ 119 w 288"/>
                  <a:gd name="T59" fmla="*/ 15 h 144"/>
                  <a:gd name="T60" fmla="*/ 119 w 288"/>
                  <a:gd name="T61" fmla="*/ 19 h 144"/>
                  <a:gd name="T62" fmla="*/ 127 w 288"/>
                  <a:gd name="T63" fmla="*/ 22 h 144"/>
                  <a:gd name="T64" fmla="*/ 127 w 288"/>
                  <a:gd name="T65" fmla="*/ 25 h 144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288"/>
                  <a:gd name="T100" fmla="*/ 0 h 144"/>
                  <a:gd name="T101" fmla="*/ 288 w 288"/>
                  <a:gd name="T102" fmla="*/ 144 h 144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288" h="144">
                    <a:moveTo>
                      <a:pt x="288" y="72"/>
                    </a:moveTo>
                    <a:lnTo>
                      <a:pt x="258" y="72"/>
                    </a:lnTo>
                    <a:lnTo>
                      <a:pt x="252" y="84"/>
                    </a:lnTo>
                    <a:lnTo>
                      <a:pt x="216" y="72"/>
                    </a:lnTo>
                    <a:lnTo>
                      <a:pt x="186" y="90"/>
                    </a:lnTo>
                    <a:lnTo>
                      <a:pt x="174" y="108"/>
                    </a:lnTo>
                    <a:lnTo>
                      <a:pt x="174" y="90"/>
                    </a:lnTo>
                    <a:lnTo>
                      <a:pt x="156" y="108"/>
                    </a:lnTo>
                    <a:lnTo>
                      <a:pt x="156" y="90"/>
                    </a:lnTo>
                    <a:lnTo>
                      <a:pt x="132" y="144"/>
                    </a:lnTo>
                    <a:lnTo>
                      <a:pt x="120" y="144"/>
                    </a:lnTo>
                    <a:lnTo>
                      <a:pt x="126" y="132"/>
                    </a:lnTo>
                    <a:lnTo>
                      <a:pt x="114" y="132"/>
                    </a:lnTo>
                    <a:lnTo>
                      <a:pt x="120" y="108"/>
                    </a:lnTo>
                    <a:lnTo>
                      <a:pt x="102" y="96"/>
                    </a:lnTo>
                    <a:lnTo>
                      <a:pt x="12" y="78"/>
                    </a:lnTo>
                    <a:lnTo>
                      <a:pt x="0" y="66"/>
                    </a:lnTo>
                    <a:lnTo>
                      <a:pt x="108" y="0"/>
                    </a:lnTo>
                    <a:lnTo>
                      <a:pt x="114" y="0"/>
                    </a:lnTo>
                    <a:lnTo>
                      <a:pt x="84" y="30"/>
                    </a:lnTo>
                    <a:lnTo>
                      <a:pt x="84" y="42"/>
                    </a:lnTo>
                    <a:lnTo>
                      <a:pt x="96" y="30"/>
                    </a:lnTo>
                    <a:lnTo>
                      <a:pt x="90" y="42"/>
                    </a:lnTo>
                    <a:lnTo>
                      <a:pt x="108" y="36"/>
                    </a:lnTo>
                    <a:lnTo>
                      <a:pt x="132" y="54"/>
                    </a:lnTo>
                    <a:lnTo>
                      <a:pt x="162" y="60"/>
                    </a:lnTo>
                    <a:lnTo>
                      <a:pt x="186" y="42"/>
                    </a:lnTo>
                    <a:lnTo>
                      <a:pt x="234" y="30"/>
                    </a:lnTo>
                    <a:lnTo>
                      <a:pt x="240" y="48"/>
                    </a:lnTo>
                    <a:lnTo>
                      <a:pt x="270" y="48"/>
                    </a:lnTo>
                    <a:lnTo>
                      <a:pt x="270" y="60"/>
                    </a:lnTo>
                    <a:lnTo>
                      <a:pt x="288" y="72"/>
                    </a:lnTo>
                    <a:lnTo>
                      <a:pt x="288" y="7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65" name="Freeform 193"/>
              <p:cNvSpPr>
                <a:spLocks noChangeAspect="1"/>
              </p:cNvSpPr>
              <p:nvPr/>
            </p:nvSpPr>
            <p:spPr bwMode="auto">
              <a:xfrm>
                <a:off x="4326" y="1069"/>
                <a:ext cx="251" cy="253"/>
              </a:xfrm>
              <a:custGeom>
                <a:avLst/>
                <a:gdLst>
                  <a:gd name="T0" fmla="*/ 119 w 330"/>
                  <a:gd name="T1" fmla="*/ 115 h 372"/>
                  <a:gd name="T2" fmla="*/ 13 w 330"/>
                  <a:gd name="T3" fmla="*/ 117 h 372"/>
                  <a:gd name="T4" fmla="*/ 13 w 330"/>
                  <a:gd name="T5" fmla="*/ 81 h 372"/>
                  <a:gd name="T6" fmla="*/ 5 w 330"/>
                  <a:gd name="T7" fmla="*/ 73 h 372"/>
                  <a:gd name="T8" fmla="*/ 11 w 330"/>
                  <a:gd name="T9" fmla="*/ 68 h 372"/>
                  <a:gd name="T10" fmla="*/ 0 w 330"/>
                  <a:gd name="T11" fmla="*/ 7 h 372"/>
                  <a:gd name="T12" fmla="*/ 37 w 330"/>
                  <a:gd name="T13" fmla="*/ 7 h 372"/>
                  <a:gd name="T14" fmla="*/ 37 w 330"/>
                  <a:gd name="T15" fmla="*/ 0 h 372"/>
                  <a:gd name="T16" fmla="*/ 43 w 330"/>
                  <a:gd name="T17" fmla="*/ 0 h 372"/>
                  <a:gd name="T18" fmla="*/ 47 w 330"/>
                  <a:gd name="T19" fmla="*/ 11 h 372"/>
                  <a:gd name="T20" fmla="*/ 64 w 330"/>
                  <a:gd name="T21" fmla="*/ 15 h 372"/>
                  <a:gd name="T22" fmla="*/ 64 w 330"/>
                  <a:gd name="T23" fmla="*/ 17 h 372"/>
                  <a:gd name="T24" fmla="*/ 79 w 330"/>
                  <a:gd name="T25" fmla="*/ 15 h 372"/>
                  <a:gd name="T26" fmla="*/ 87 w 330"/>
                  <a:gd name="T27" fmla="*/ 15 h 372"/>
                  <a:gd name="T28" fmla="*/ 84 w 330"/>
                  <a:gd name="T29" fmla="*/ 17 h 372"/>
                  <a:gd name="T30" fmla="*/ 87 w 330"/>
                  <a:gd name="T31" fmla="*/ 17 h 372"/>
                  <a:gd name="T32" fmla="*/ 90 w 330"/>
                  <a:gd name="T33" fmla="*/ 22 h 372"/>
                  <a:gd name="T34" fmla="*/ 98 w 330"/>
                  <a:gd name="T35" fmla="*/ 19 h 372"/>
                  <a:gd name="T36" fmla="*/ 106 w 330"/>
                  <a:gd name="T37" fmla="*/ 24 h 372"/>
                  <a:gd name="T38" fmla="*/ 119 w 330"/>
                  <a:gd name="T39" fmla="*/ 21 h 372"/>
                  <a:gd name="T40" fmla="*/ 122 w 330"/>
                  <a:gd name="T41" fmla="*/ 22 h 372"/>
                  <a:gd name="T42" fmla="*/ 145 w 330"/>
                  <a:gd name="T43" fmla="*/ 24 h 372"/>
                  <a:gd name="T44" fmla="*/ 122 w 330"/>
                  <a:gd name="T45" fmla="*/ 34 h 372"/>
                  <a:gd name="T46" fmla="*/ 98 w 330"/>
                  <a:gd name="T47" fmla="*/ 51 h 372"/>
                  <a:gd name="T48" fmla="*/ 95 w 330"/>
                  <a:gd name="T49" fmla="*/ 53 h 372"/>
                  <a:gd name="T50" fmla="*/ 95 w 330"/>
                  <a:gd name="T51" fmla="*/ 65 h 372"/>
                  <a:gd name="T52" fmla="*/ 87 w 330"/>
                  <a:gd name="T53" fmla="*/ 68 h 372"/>
                  <a:gd name="T54" fmla="*/ 81 w 330"/>
                  <a:gd name="T55" fmla="*/ 73 h 372"/>
                  <a:gd name="T56" fmla="*/ 87 w 330"/>
                  <a:gd name="T57" fmla="*/ 78 h 372"/>
                  <a:gd name="T58" fmla="*/ 87 w 330"/>
                  <a:gd name="T59" fmla="*/ 90 h 372"/>
                  <a:gd name="T60" fmla="*/ 116 w 330"/>
                  <a:gd name="T61" fmla="*/ 106 h 372"/>
                  <a:gd name="T62" fmla="*/ 119 w 330"/>
                  <a:gd name="T63" fmla="*/ 115 h 372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330"/>
                  <a:gd name="T97" fmla="*/ 0 h 372"/>
                  <a:gd name="T98" fmla="*/ 330 w 330"/>
                  <a:gd name="T99" fmla="*/ 372 h 372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330" h="372">
                    <a:moveTo>
                      <a:pt x="270" y="366"/>
                    </a:moveTo>
                    <a:lnTo>
                      <a:pt x="30" y="372"/>
                    </a:lnTo>
                    <a:lnTo>
                      <a:pt x="30" y="258"/>
                    </a:lnTo>
                    <a:lnTo>
                      <a:pt x="12" y="234"/>
                    </a:lnTo>
                    <a:lnTo>
                      <a:pt x="24" y="216"/>
                    </a:lnTo>
                    <a:lnTo>
                      <a:pt x="0" y="24"/>
                    </a:lnTo>
                    <a:lnTo>
                      <a:pt x="84" y="24"/>
                    </a:lnTo>
                    <a:lnTo>
                      <a:pt x="84" y="0"/>
                    </a:lnTo>
                    <a:lnTo>
                      <a:pt x="96" y="0"/>
                    </a:lnTo>
                    <a:lnTo>
                      <a:pt x="108" y="36"/>
                    </a:lnTo>
                    <a:lnTo>
                      <a:pt x="144" y="48"/>
                    </a:lnTo>
                    <a:lnTo>
                      <a:pt x="144" y="54"/>
                    </a:lnTo>
                    <a:lnTo>
                      <a:pt x="180" y="48"/>
                    </a:lnTo>
                    <a:lnTo>
                      <a:pt x="198" y="48"/>
                    </a:lnTo>
                    <a:lnTo>
                      <a:pt x="192" y="54"/>
                    </a:lnTo>
                    <a:lnTo>
                      <a:pt x="198" y="54"/>
                    </a:lnTo>
                    <a:lnTo>
                      <a:pt x="204" y="72"/>
                    </a:lnTo>
                    <a:lnTo>
                      <a:pt x="222" y="60"/>
                    </a:lnTo>
                    <a:lnTo>
                      <a:pt x="240" y="78"/>
                    </a:lnTo>
                    <a:lnTo>
                      <a:pt x="270" y="66"/>
                    </a:lnTo>
                    <a:lnTo>
                      <a:pt x="276" y="72"/>
                    </a:lnTo>
                    <a:lnTo>
                      <a:pt x="330" y="78"/>
                    </a:lnTo>
                    <a:lnTo>
                      <a:pt x="276" y="108"/>
                    </a:lnTo>
                    <a:lnTo>
                      <a:pt x="222" y="162"/>
                    </a:lnTo>
                    <a:lnTo>
                      <a:pt x="216" y="168"/>
                    </a:lnTo>
                    <a:lnTo>
                      <a:pt x="216" y="204"/>
                    </a:lnTo>
                    <a:lnTo>
                      <a:pt x="198" y="216"/>
                    </a:lnTo>
                    <a:lnTo>
                      <a:pt x="186" y="234"/>
                    </a:lnTo>
                    <a:lnTo>
                      <a:pt x="198" y="246"/>
                    </a:lnTo>
                    <a:lnTo>
                      <a:pt x="198" y="288"/>
                    </a:lnTo>
                    <a:lnTo>
                      <a:pt x="264" y="336"/>
                    </a:lnTo>
                    <a:lnTo>
                      <a:pt x="270" y="36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66" name="Freeform 194"/>
              <p:cNvSpPr>
                <a:spLocks noChangeAspect="1"/>
              </p:cNvSpPr>
              <p:nvPr/>
            </p:nvSpPr>
            <p:spPr bwMode="auto">
              <a:xfrm>
                <a:off x="4326" y="1069"/>
                <a:ext cx="251" cy="253"/>
              </a:xfrm>
              <a:custGeom>
                <a:avLst/>
                <a:gdLst>
                  <a:gd name="T0" fmla="*/ 119 w 330"/>
                  <a:gd name="T1" fmla="*/ 115 h 372"/>
                  <a:gd name="T2" fmla="*/ 13 w 330"/>
                  <a:gd name="T3" fmla="*/ 117 h 372"/>
                  <a:gd name="T4" fmla="*/ 13 w 330"/>
                  <a:gd name="T5" fmla="*/ 81 h 372"/>
                  <a:gd name="T6" fmla="*/ 5 w 330"/>
                  <a:gd name="T7" fmla="*/ 73 h 372"/>
                  <a:gd name="T8" fmla="*/ 11 w 330"/>
                  <a:gd name="T9" fmla="*/ 68 h 372"/>
                  <a:gd name="T10" fmla="*/ 0 w 330"/>
                  <a:gd name="T11" fmla="*/ 7 h 372"/>
                  <a:gd name="T12" fmla="*/ 37 w 330"/>
                  <a:gd name="T13" fmla="*/ 7 h 372"/>
                  <a:gd name="T14" fmla="*/ 37 w 330"/>
                  <a:gd name="T15" fmla="*/ 0 h 372"/>
                  <a:gd name="T16" fmla="*/ 43 w 330"/>
                  <a:gd name="T17" fmla="*/ 0 h 372"/>
                  <a:gd name="T18" fmla="*/ 47 w 330"/>
                  <a:gd name="T19" fmla="*/ 11 h 372"/>
                  <a:gd name="T20" fmla="*/ 64 w 330"/>
                  <a:gd name="T21" fmla="*/ 15 h 372"/>
                  <a:gd name="T22" fmla="*/ 64 w 330"/>
                  <a:gd name="T23" fmla="*/ 17 h 372"/>
                  <a:gd name="T24" fmla="*/ 79 w 330"/>
                  <a:gd name="T25" fmla="*/ 15 h 372"/>
                  <a:gd name="T26" fmla="*/ 87 w 330"/>
                  <a:gd name="T27" fmla="*/ 15 h 372"/>
                  <a:gd name="T28" fmla="*/ 84 w 330"/>
                  <a:gd name="T29" fmla="*/ 17 h 372"/>
                  <a:gd name="T30" fmla="*/ 87 w 330"/>
                  <a:gd name="T31" fmla="*/ 17 h 372"/>
                  <a:gd name="T32" fmla="*/ 90 w 330"/>
                  <a:gd name="T33" fmla="*/ 22 h 372"/>
                  <a:gd name="T34" fmla="*/ 98 w 330"/>
                  <a:gd name="T35" fmla="*/ 19 h 372"/>
                  <a:gd name="T36" fmla="*/ 106 w 330"/>
                  <a:gd name="T37" fmla="*/ 24 h 372"/>
                  <a:gd name="T38" fmla="*/ 119 w 330"/>
                  <a:gd name="T39" fmla="*/ 21 h 372"/>
                  <a:gd name="T40" fmla="*/ 122 w 330"/>
                  <a:gd name="T41" fmla="*/ 22 h 372"/>
                  <a:gd name="T42" fmla="*/ 145 w 330"/>
                  <a:gd name="T43" fmla="*/ 24 h 372"/>
                  <a:gd name="T44" fmla="*/ 122 w 330"/>
                  <a:gd name="T45" fmla="*/ 34 h 372"/>
                  <a:gd name="T46" fmla="*/ 98 w 330"/>
                  <a:gd name="T47" fmla="*/ 51 h 372"/>
                  <a:gd name="T48" fmla="*/ 95 w 330"/>
                  <a:gd name="T49" fmla="*/ 53 h 372"/>
                  <a:gd name="T50" fmla="*/ 95 w 330"/>
                  <a:gd name="T51" fmla="*/ 65 h 372"/>
                  <a:gd name="T52" fmla="*/ 87 w 330"/>
                  <a:gd name="T53" fmla="*/ 68 h 372"/>
                  <a:gd name="T54" fmla="*/ 81 w 330"/>
                  <a:gd name="T55" fmla="*/ 73 h 372"/>
                  <a:gd name="T56" fmla="*/ 87 w 330"/>
                  <a:gd name="T57" fmla="*/ 78 h 372"/>
                  <a:gd name="T58" fmla="*/ 87 w 330"/>
                  <a:gd name="T59" fmla="*/ 90 h 372"/>
                  <a:gd name="T60" fmla="*/ 116 w 330"/>
                  <a:gd name="T61" fmla="*/ 106 h 372"/>
                  <a:gd name="T62" fmla="*/ 119 w 330"/>
                  <a:gd name="T63" fmla="*/ 115 h 372"/>
                  <a:gd name="T64" fmla="*/ 119 w 330"/>
                  <a:gd name="T65" fmla="*/ 117 h 372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330"/>
                  <a:gd name="T100" fmla="*/ 0 h 372"/>
                  <a:gd name="T101" fmla="*/ 330 w 330"/>
                  <a:gd name="T102" fmla="*/ 372 h 372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330" h="372">
                    <a:moveTo>
                      <a:pt x="270" y="366"/>
                    </a:moveTo>
                    <a:lnTo>
                      <a:pt x="30" y="372"/>
                    </a:lnTo>
                    <a:lnTo>
                      <a:pt x="30" y="258"/>
                    </a:lnTo>
                    <a:lnTo>
                      <a:pt x="12" y="234"/>
                    </a:lnTo>
                    <a:lnTo>
                      <a:pt x="24" y="216"/>
                    </a:lnTo>
                    <a:lnTo>
                      <a:pt x="0" y="24"/>
                    </a:lnTo>
                    <a:lnTo>
                      <a:pt x="84" y="24"/>
                    </a:lnTo>
                    <a:lnTo>
                      <a:pt x="84" y="0"/>
                    </a:lnTo>
                    <a:lnTo>
                      <a:pt x="96" y="0"/>
                    </a:lnTo>
                    <a:lnTo>
                      <a:pt x="108" y="36"/>
                    </a:lnTo>
                    <a:lnTo>
                      <a:pt x="144" y="48"/>
                    </a:lnTo>
                    <a:lnTo>
                      <a:pt x="144" y="54"/>
                    </a:lnTo>
                    <a:lnTo>
                      <a:pt x="180" y="48"/>
                    </a:lnTo>
                    <a:lnTo>
                      <a:pt x="198" y="48"/>
                    </a:lnTo>
                    <a:lnTo>
                      <a:pt x="192" y="54"/>
                    </a:lnTo>
                    <a:lnTo>
                      <a:pt x="198" y="54"/>
                    </a:lnTo>
                    <a:lnTo>
                      <a:pt x="204" y="72"/>
                    </a:lnTo>
                    <a:lnTo>
                      <a:pt x="222" y="60"/>
                    </a:lnTo>
                    <a:lnTo>
                      <a:pt x="240" y="78"/>
                    </a:lnTo>
                    <a:lnTo>
                      <a:pt x="270" y="66"/>
                    </a:lnTo>
                    <a:lnTo>
                      <a:pt x="276" y="72"/>
                    </a:lnTo>
                    <a:lnTo>
                      <a:pt x="330" y="78"/>
                    </a:lnTo>
                    <a:lnTo>
                      <a:pt x="276" y="108"/>
                    </a:lnTo>
                    <a:lnTo>
                      <a:pt x="222" y="162"/>
                    </a:lnTo>
                    <a:lnTo>
                      <a:pt x="216" y="168"/>
                    </a:lnTo>
                    <a:lnTo>
                      <a:pt x="216" y="204"/>
                    </a:lnTo>
                    <a:lnTo>
                      <a:pt x="198" y="216"/>
                    </a:lnTo>
                    <a:lnTo>
                      <a:pt x="186" y="234"/>
                    </a:lnTo>
                    <a:lnTo>
                      <a:pt x="198" y="246"/>
                    </a:lnTo>
                    <a:lnTo>
                      <a:pt x="198" y="288"/>
                    </a:lnTo>
                    <a:lnTo>
                      <a:pt x="264" y="336"/>
                    </a:lnTo>
                    <a:lnTo>
                      <a:pt x="270" y="366"/>
                    </a:lnTo>
                    <a:lnTo>
                      <a:pt x="270" y="37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67" name="Freeform 195"/>
              <p:cNvSpPr>
                <a:spLocks noChangeAspect="1"/>
              </p:cNvSpPr>
              <p:nvPr/>
            </p:nvSpPr>
            <p:spPr bwMode="auto">
              <a:xfrm>
                <a:off x="4545" y="1681"/>
                <a:ext cx="138" cy="216"/>
              </a:xfrm>
              <a:custGeom>
                <a:avLst/>
                <a:gdLst>
                  <a:gd name="T0" fmla="*/ 81 w 180"/>
                  <a:gd name="T1" fmla="*/ 92 h 318"/>
                  <a:gd name="T2" fmla="*/ 57 w 180"/>
                  <a:gd name="T3" fmla="*/ 94 h 318"/>
                  <a:gd name="T4" fmla="*/ 54 w 180"/>
                  <a:gd name="T5" fmla="*/ 100 h 318"/>
                  <a:gd name="T6" fmla="*/ 51 w 180"/>
                  <a:gd name="T7" fmla="*/ 98 h 318"/>
                  <a:gd name="T8" fmla="*/ 46 w 180"/>
                  <a:gd name="T9" fmla="*/ 90 h 318"/>
                  <a:gd name="T10" fmla="*/ 46 w 180"/>
                  <a:gd name="T11" fmla="*/ 83 h 318"/>
                  <a:gd name="T12" fmla="*/ 0 w 180"/>
                  <a:gd name="T13" fmla="*/ 84 h 318"/>
                  <a:gd name="T14" fmla="*/ 3 w 180"/>
                  <a:gd name="T15" fmla="*/ 71 h 318"/>
                  <a:gd name="T16" fmla="*/ 14 w 180"/>
                  <a:gd name="T17" fmla="*/ 60 h 318"/>
                  <a:gd name="T18" fmla="*/ 11 w 180"/>
                  <a:gd name="T19" fmla="*/ 60 h 318"/>
                  <a:gd name="T20" fmla="*/ 16 w 180"/>
                  <a:gd name="T21" fmla="*/ 56 h 318"/>
                  <a:gd name="T22" fmla="*/ 11 w 180"/>
                  <a:gd name="T23" fmla="*/ 54 h 318"/>
                  <a:gd name="T24" fmla="*/ 14 w 180"/>
                  <a:gd name="T25" fmla="*/ 51 h 318"/>
                  <a:gd name="T26" fmla="*/ 11 w 180"/>
                  <a:gd name="T27" fmla="*/ 52 h 318"/>
                  <a:gd name="T28" fmla="*/ 11 w 180"/>
                  <a:gd name="T29" fmla="*/ 46 h 318"/>
                  <a:gd name="T30" fmla="*/ 8 w 180"/>
                  <a:gd name="T31" fmla="*/ 46 h 318"/>
                  <a:gd name="T32" fmla="*/ 8 w 180"/>
                  <a:gd name="T33" fmla="*/ 43 h 318"/>
                  <a:gd name="T34" fmla="*/ 11 w 180"/>
                  <a:gd name="T35" fmla="*/ 39 h 318"/>
                  <a:gd name="T36" fmla="*/ 8 w 180"/>
                  <a:gd name="T37" fmla="*/ 38 h 318"/>
                  <a:gd name="T38" fmla="*/ 11 w 180"/>
                  <a:gd name="T39" fmla="*/ 35 h 318"/>
                  <a:gd name="T40" fmla="*/ 5 w 180"/>
                  <a:gd name="T41" fmla="*/ 35 h 318"/>
                  <a:gd name="T42" fmla="*/ 5 w 180"/>
                  <a:gd name="T43" fmla="*/ 30 h 318"/>
                  <a:gd name="T44" fmla="*/ 11 w 180"/>
                  <a:gd name="T45" fmla="*/ 30 h 318"/>
                  <a:gd name="T46" fmla="*/ 8 w 180"/>
                  <a:gd name="T47" fmla="*/ 24 h 318"/>
                  <a:gd name="T48" fmla="*/ 21 w 180"/>
                  <a:gd name="T49" fmla="*/ 15 h 318"/>
                  <a:gd name="T50" fmla="*/ 21 w 180"/>
                  <a:gd name="T51" fmla="*/ 7 h 318"/>
                  <a:gd name="T52" fmla="*/ 27 w 180"/>
                  <a:gd name="T53" fmla="*/ 3 h 318"/>
                  <a:gd name="T54" fmla="*/ 76 w 180"/>
                  <a:gd name="T55" fmla="*/ 0 h 318"/>
                  <a:gd name="T56" fmla="*/ 76 w 180"/>
                  <a:gd name="T57" fmla="*/ 64 h 318"/>
                  <a:gd name="T58" fmla="*/ 81 w 180"/>
                  <a:gd name="T59" fmla="*/ 86 h 318"/>
                  <a:gd name="T60" fmla="*/ 81 w 180"/>
                  <a:gd name="T61" fmla="*/ 92 h 318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w 180"/>
                  <a:gd name="T94" fmla="*/ 0 h 318"/>
                  <a:gd name="T95" fmla="*/ 180 w 180"/>
                  <a:gd name="T96" fmla="*/ 318 h 318"/>
                </a:gdLst>
                <a:ahLst/>
                <a:cxnLst>
                  <a:cxn ang="T62">
                    <a:pos x="T0" y="T1"/>
                  </a:cxn>
                  <a:cxn ang="T63">
                    <a:pos x="T2" y="T3"/>
                  </a:cxn>
                  <a:cxn ang="T64">
                    <a:pos x="T4" y="T5"/>
                  </a:cxn>
                  <a:cxn ang="T65">
                    <a:pos x="T6" y="T7"/>
                  </a:cxn>
                  <a:cxn ang="T66">
                    <a:pos x="T8" y="T9"/>
                  </a:cxn>
                  <a:cxn ang="T67">
                    <a:pos x="T10" y="T11"/>
                  </a:cxn>
                  <a:cxn ang="T68">
                    <a:pos x="T12" y="T13"/>
                  </a:cxn>
                  <a:cxn ang="T69">
                    <a:pos x="T14" y="T15"/>
                  </a:cxn>
                  <a:cxn ang="T70">
                    <a:pos x="T16" y="T17"/>
                  </a:cxn>
                  <a:cxn ang="T71">
                    <a:pos x="T18" y="T19"/>
                  </a:cxn>
                  <a:cxn ang="T72">
                    <a:pos x="T20" y="T21"/>
                  </a:cxn>
                  <a:cxn ang="T73">
                    <a:pos x="T22" y="T23"/>
                  </a:cxn>
                  <a:cxn ang="T74">
                    <a:pos x="T24" y="T25"/>
                  </a:cxn>
                  <a:cxn ang="T75">
                    <a:pos x="T26" y="T27"/>
                  </a:cxn>
                  <a:cxn ang="T76">
                    <a:pos x="T28" y="T29"/>
                  </a:cxn>
                  <a:cxn ang="T77">
                    <a:pos x="T30" y="T31"/>
                  </a:cxn>
                  <a:cxn ang="T78">
                    <a:pos x="T32" y="T33"/>
                  </a:cxn>
                  <a:cxn ang="T79">
                    <a:pos x="T34" y="T35"/>
                  </a:cxn>
                  <a:cxn ang="T80">
                    <a:pos x="T36" y="T37"/>
                  </a:cxn>
                  <a:cxn ang="T81">
                    <a:pos x="T38" y="T39"/>
                  </a:cxn>
                  <a:cxn ang="T82">
                    <a:pos x="T40" y="T41"/>
                  </a:cxn>
                  <a:cxn ang="T83">
                    <a:pos x="T42" y="T43"/>
                  </a:cxn>
                  <a:cxn ang="T84">
                    <a:pos x="T44" y="T45"/>
                  </a:cxn>
                  <a:cxn ang="T85">
                    <a:pos x="T46" y="T47"/>
                  </a:cxn>
                  <a:cxn ang="T86">
                    <a:pos x="T48" y="T49"/>
                  </a:cxn>
                  <a:cxn ang="T87">
                    <a:pos x="T50" y="T51"/>
                  </a:cxn>
                  <a:cxn ang="T88">
                    <a:pos x="T52" y="T53"/>
                  </a:cxn>
                  <a:cxn ang="T89">
                    <a:pos x="T54" y="T55"/>
                  </a:cxn>
                  <a:cxn ang="T90">
                    <a:pos x="T56" y="T57"/>
                  </a:cxn>
                  <a:cxn ang="T91">
                    <a:pos x="T58" y="T59"/>
                  </a:cxn>
                  <a:cxn ang="T92">
                    <a:pos x="T60" y="T61"/>
                  </a:cxn>
                </a:cxnLst>
                <a:rect l="T93" t="T94" r="T95" b="T96"/>
                <a:pathLst>
                  <a:path w="180" h="318">
                    <a:moveTo>
                      <a:pt x="180" y="294"/>
                    </a:moveTo>
                    <a:lnTo>
                      <a:pt x="126" y="300"/>
                    </a:lnTo>
                    <a:lnTo>
                      <a:pt x="120" y="318"/>
                    </a:lnTo>
                    <a:lnTo>
                      <a:pt x="114" y="312"/>
                    </a:lnTo>
                    <a:lnTo>
                      <a:pt x="102" y="288"/>
                    </a:lnTo>
                    <a:lnTo>
                      <a:pt x="102" y="264"/>
                    </a:lnTo>
                    <a:lnTo>
                      <a:pt x="0" y="270"/>
                    </a:lnTo>
                    <a:lnTo>
                      <a:pt x="6" y="228"/>
                    </a:lnTo>
                    <a:lnTo>
                      <a:pt x="30" y="192"/>
                    </a:lnTo>
                    <a:lnTo>
                      <a:pt x="24" y="192"/>
                    </a:lnTo>
                    <a:lnTo>
                      <a:pt x="36" y="180"/>
                    </a:lnTo>
                    <a:lnTo>
                      <a:pt x="24" y="174"/>
                    </a:lnTo>
                    <a:lnTo>
                      <a:pt x="30" y="162"/>
                    </a:lnTo>
                    <a:lnTo>
                      <a:pt x="24" y="168"/>
                    </a:lnTo>
                    <a:lnTo>
                      <a:pt x="24" y="144"/>
                    </a:lnTo>
                    <a:lnTo>
                      <a:pt x="18" y="144"/>
                    </a:lnTo>
                    <a:lnTo>
                      <a:pt x="18" y="138"/>
                    </a:lnTo>
                    <a:lnTo>
                      <a:pt x="24" y="126"/>
                    </a:lnTo>
                    <a:lnTo>
                      <a:pt x="18" y="120"/>
                    </a:lnTo>
                    <a:lnTo>
                      <a:pt x="24" y="114"/>
                    </a:lnTo>
                    <a:lnTo>
                      <a:pt x="12" y="114"/>
                    </a:lnTo>
                    <a:lnTo>
                      <a:pt x="12" y="96"/>
                    </a:lnTo>
                    <a:lnTo>
                      <a:pt x="24" y="96"/>
                    </a:lnTo>
                    <a:lnTo>
                      <a:pt x="18" y="78"/>
                    </a:lnTo>
                    <a:lnTo>
                      <a:pt x="48" y="48"/>
                    </a:lnTo>
                    <a:lnTo>
                      <a:pt x="48" y="24"/>
                    </a:lnTo>
                    <a:lnTo>
                      <a:pt x="60" y="12"/>
                    </a:lnTo>
                    <a:lnTo>
                      <a:pt x="168" y="0"/>
                    </a:lnTo>
                    <a:lnTo>
                      <a:pt x="168" y="204"/>
                    </a:lnTo>
                    <a:lnTo>
                      <a:pt x="180" y="276"/>
                    </a:lnTo>
                    <a:lnTo>
                      <a:pt x="180" y="29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68" name="Freeform 196"/>
              <p:cNvSpPr>
                <a:spLocks noChangeAspect="1"/>
              </p:cNvSpPr>
              <p:nvPr/>
            </p:nvSpPr>
            <p:spPr bwMode="auto">
              <a:xfrm>
                <a:off x="4545" y="1681"/>
                <a:ext cx="138" cy="216"/>
              </a:xfrm>
              <a:custGeom>
                <a:avLst/>
                <a:gdLst>
                  <a:gd name="T0" fmla="*/ 81 w 180"/>
                  <a:gd name="T1" fmla="*/ 92 h 318"/>
                  <a:gd name="T2" fmla="*/ 57 w 180"/>
                  <a:gd name="T3" fmla="*/ 94 h 318"/>
                  <a:gd name="T4" fmla="*/ 54 w 180"/>
                  <a:gd name="T5" fmla="*/ 100 h 318"/>
                  <a:gd name="T6" fmla="*/ 51 w 180"/>
                  <a:gd name="T7" fmla="*/ 98 h 318"/>
                  <a:gd name="T8" fmla="*/ 46 w 180"/>
                  <a:gd name="T9" fmla="*/ 90 h 318"/>
                  <a:gd name="T10" fmla="*/ 46 w 180"/>
                  <a:gd name="T11" fmla="*/ 83 h 318"/>
                  <a:gd name="T12" fmla="*/ 0 w 180"/>
                  <a:gd name="T13" fmla="*/ 84 h 318"/>
                  <a:gd name="T14" fmla="*/ 3 w 180"/>
                  <a:gd name="T15" fmla="*/ 71 h 318"/>
                  <a:gd name="T16" fmla="*/ 14 w 180"/>
                  <a:gd name="T17" fmla="*/ 60 h 318"/>
                  <a:gd name="T18" fmla="*/ 11 w 180"/>
                  <a:gd name="T19" fmla="*/ 60 h 318"/>
                  <a:gd name="T20" fmla="*/ 16 w 180"/>
                  <a:gd name="T21" fmla="*/ 56 h 318"/>
                  <a:gd name="T22" fmla="*/ 11 w 180"/>
                  <a:gd name="T23" fmla="*/ 54 h 318"/>
                  <a:gd name="T24" fmla="*/ 14 w 180"/>
                  <a:gd name="T25" fmla="*/ 51 h 318"/>
                  <a:gd name="T26" fmla="*/ 11 w 180"/>
                  <a:gd name="T27" fmla="*/ 52 h 318"/>
                  <a:gd name="T28" fmla="*/ 11 w 180"/>
                  <a:gd name="T29" fmla="*/ 46 h 318"/>
                  <a:gd name="T30" fmla="*/ 8 w 180"/>
                  <a:gd name="T31" fmla="*/ 46 h 318"/>
                  <a:gd name="T32" fmla="*/ 8 w 180"/>
                  <a:gd name="T33" fmla="*/ 43 h 318"/>
                  <a:gd name="T34" fmla="*/ 11 w 180"/>
                  <a:gd name="T35" fmla="*/ 39 h 318"/>
                  <a:gd name="T36" fmla="*/ 8 w 180"/>
                  <a:gd name="T37" fmla="*/ 38 h 318"/>
                  <a:gd name="T38" fmla="*/ 11 w 180"/>
                  <a:gd name="T39" fmla="*/ 35 h 318"/>
                  <a:gd name="T40" fmla="*/ 5 w 180"/>
                  <a:gd name="T41" fmla="*/ 35 h 318"/>
                  <a:gd name="T42" fmla="*/ 5 w 180"/>
                  <a:gd name="T43" fmla="*/ 30 h 318"/>
                  <a:gd name="T44" fmla="*/ 11 w 180"/>
                  <a:gd name="T45" fmla="*/ 30 h 318"/>
                  <a:gd name="T46" fmla="*/ 8 w 180"/>
                  <a:gd name="T47" fmla="*/ 24 h 318"/>
                  <a:gd name="T48" fmla="*/ 21 w 180"/>
                  <a:gd name="T49" fmla="*/ 15 h 318"/>
                  <a:gd name="T50" fmla="*/ 21 w 180"/>
                  <a:gd name="T51" fmla="*/ 7 h 318"/>
                  <a:gd name="T52" fmla="*/ 27 w 180"/>
                  <a:gd name="T53" fmla="*/ 3 h 318"/>
                  <a:gd name="T54" fmla="*/ 76 w 180"/>
                  <a:gd name="T55" fmla="*/ 0 h 318"/>
                  <a:gd name="T56" fmla="*/ 76 w 180"/>
                  <a:gd name="T57" fmla="*/ 64 h 318"/>
                  <a:gd name="T58" fmla="*/ 81 w 180"/>
                  <a:gd name="T59" fmla="*/ 86 h 318"/>
                  <a:gd name="T60" fmla="*/ 81 w 180"/>
                  <a:gd name="T61" fmla="*/ 92 h 318"/>
                  <a:gd name="T62" fmla="*/ 81 w 180"/>
                  <a:gd name="T63" fmla="*/ 94 h 318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180"/>
                  <a:gd name="T97" fmla="*/ 0 h 318"/>
                  <a:gd name="T98" fmla="*/ 180 w 180"/>
                  <a:gd name="T99" fmla="*/ 318 h 318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180" h="318">
                    <a:moveTo>
                      <a:pt x="180" y="294"/>
                    </a:moveTo>
                    <a:lnTo>
                      <a:pt x="126" y="300"/>
                    </a:lnTo>
                    <a:lnTo>
                      <a:pt x="120" y="318"/>
                    </a:lnTo>
                    <a:lnTo>
                      <a:pt x="114" y="312"/>
                    </a:lnTo>
                    <a:lnTo>
                      <a:pt x="102" y="288"/>
                    </a:lnTo>
                    <a:lnTo>
                      <a:pt x="102" y="264"/>
                    </a:lnTo>
                    <a:lnTo>
                      <a:pt x="0" y="270"/>
                    </a:lnTo>
                    <a:lnTo>
                      <a:pt x="6" y="228"/>
                    </a:lnTo>
                    <a:lnTo>
                      <a:pt x="30" y="192"/>
                    </a:lnTo>
                    <a:lnTo>
                      <a:pt x="24" y="192"/>
                    </a:lnTo>
                    <a:lnTo>
                      <a:pt x="36" y="180"/>
                    </a:lnTo>
                    <a:lnTo>
                      <a:pt x="24" y="174"/>
                    </a:lnTo>
                    <a:lnTo>
                      <a:pt x="30" y="162"/>
                    </a:lnTo>
                    <a:lnTo>
                      <a:pt x="24" y="168"/>
                    </a:lnTo>
                    <a:lnTo>
                      <a:pt x="24" y="144"/>
                    </a:lnTo>
                    <a:lnTo>
                      <a:pt x="18" y="144"/>
                    </a:lnTo>
                    <a:lnTo>
                      <a:pt x="18" y="138"/>
                    </a:lnTo>
                    <a:lnTo>
                      <a:pt x="24" y="126"/>
                    </a:lnTo>
                    <a:lnTo>
                      <a:pt x="18" y="120"/>
                    </a:lnTo>
                    <a:lnTo>
                      <a:pt x="24" y="114"/>
                    </a:lnTo>
                    <a:lnTo>
                      <a:pt x="12" y="114"/>
                    </a:lnTo>
                    <a:lnTo>
                      <a:pt x="12" y="96"/>
                    </a:lnTo>
                    <a:lnTo>
                      <a:pt x="24" y="96"/>
                    </a:lnTo>
                    <a:lnTo>
                      <a:pt x="18" y="78"/>
                    </a:lnTo>
                    <a:lnTo>
                      <a:pt x="48" y="48"/>
                    </a:lnTo>
                    <a:lnTo>
                      <a:pt x="48" y="24"/>
                    </a:lnTo>
                    <a:lnTo>
                      <a:pt x="60" y="12"/>
                    </a:lnTo>
                    <a:lnTo>
                      <a:pt x="168" y="0"/>
                    </a:lnTo>
                    <a:lnTo>
                      <a:pt x="168" y="204"/>
                    </a:lnTo>
                    <a:lnTo>
                      <a:pt x="180" y="276"/>
                    </a:lnTo>
                    <a:lnTo>
                      <a:pt x="180" y="294"/>
                    </a:lnTo>
                    <a:lnTo>
                      <a:pt x="180" y="30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69" name="Freeform 197"/>
              <p:cNvSpPr>
                <a:spLocks noChangeAspect="1"/>
              </p:cNvSpPr>
              <p:nvPr/>
            </p:nvSpPr>
            <p:spPr bwMode="auto">
              <a:xfrm>
                <a:off x="4371" y="1444"/>
                <a:ext cx="257" cy="200"/>
              </a:xfrm>
              <a:custGeom>
                <a:avLst/>
                <a:gdLst>
                  <a:gd name="T0" fmla="*/ 140 w 336"/>
                  <a:gd name="T1" fmla="*/ 93 h 294"/>
                  <a:gd name="T2" fmla="*/ 123 w 336"/>
                  <a:gd name="T3" fmla="*/ 93 h 294"/>
                  <a:gd name="T4" fmla="*/ 132 w 336"/>
                  <a:gd name="T5" fmla="*/ 87 h 294"/>
                  <a:gd name="T6" fmla="*/ 129 w 336"/>
                  <a:gd name="T7" fmla="*/ 83 h 294"/>
                  <a:gd name="T8" fmla="*/ 27 w 336"/>
                  <a:gd name="T9" fmla="*/ 85 h 294"/>
                  <a:gd name="T10" fmla="*/ 27 w 336"/>
                  <a:gd name="T11" fmla="*/ 30 h 294"/>
                  <a:gd name="T12" fmla="*/ 14 w 336"/>
                  <a:gd name="T13" fmla="*/ 22 h 294"/>
                  <a:gd name="T14" fmla="*/ 18 w 336"/>
                  <a:gd name="T15" fmla="*/ 17 h 294"/>
                  <a:gd name="T16" fmla="*/ 11 w 336"/>
                  <a:gd name="T17" fmla="*/ 14 h 294"/>
                  <a:gd name="T18" fmla="*/ 0 w 336"/>
                  <a:gd name="T19" fmla="*/ 2 h 294"/>
                  <a:gd name="T20" fmla="*/ 88 w 336"/>
                  <a:gd name="T21" fmla="*/ 0 h 294"/>
                  <a:gd name="T22" fmla="*/ 94 w 336"/>
                  <a:gd name="T23" fmla="*/ 5 h 294"/>
                  <a:gd name="T24" fmla="*/ 94 w 336"/>
                  <a:gd name="T25" fmla="*/ 15 h 294"/>
                  <a:gd name="T26" fmla="*/ 99 w 336"/>
                  <a:gd name="T27" fmla="*/ 21 h 294"/>
                  <a:gd name="T28" fmla="*/ 110 w 336"/>
                  <a:gd name="T29" fmla="*/ 27 h 294"/>
                  <a:gd name="T30" fmla="*/ 113 w 336"/>
                  <a:gd name="T31" fmla="*/ 34 h 294"/>
                  <a:gd name="T32" fmla="*/ 119 w 336"/>
                  <a:gd name="T33" fmla="*/ 32 h 294"/>
                  <a:gd name="T34" fmla="*/ 126 w 336"/>
                  <a:gd name="T35" fmla="*/ 36 h 294"/>
                  <a:gd name="T36" fmla="*/ 121 w 336"/>
                  <a:gd name="T37" fmla="*/ 47 h 294"/>
                  <a:gd name="T38" fmla="*/ 142 w 336"/>
                  <a:gd name="T39" fmla="*/ 59 h 294"/>
                  <a:gd name="T40" fmla="*/ 142 w 336"/>
                  <a:gd name="T41" fmla="*/ 66 h 294"/>
                  <a:gd name="T42" fmla="*/ 151 w 336"/>
                  <a:gd name="T43" fmla="*/ 71 h 294"/>
                  <a:gd name="T44" fmla="*/ 151 w 336"/>
                  <a:gd name="T45" fmla="*/ 79 h 294"/>
                  <a:gd name="T46" fmla="*/ 148 w 336"/>
                  <a:gd name="T47" fmla="*/ 79 h 294"/>
                  <a:gd name="T48" fmla="*/ 145 w 336"/>
                  <a:gd name="T49" fmla="*/ 82 h 294"/>
                  <a:gd name="T50" fmla="*/ 142 w 336"/>
                  <a:gd name="T51" fmla="*/ 79 h 294"/>
                  <a:gd name="T52" fmla="*/ 140 w 336"/>
                  <a:gd name="T53" fmla="*/ 90 h 294"/>
                  <a:gd name="T54" fmla="*/ 140 w 336"/>
                  <a:gd name="T55" fmla="*/ 93 h 294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336"/>
                  <a:gd name="T85" fmla="*/ 0 h 294"/>
                  <a:gd name="T86" fmla="*/ 336 w 336"/>
                  <a:gd name="T87" fmla="*/ 294 h 294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336" h="294">
                    <a:moveTo>
                      <a:pt x="312" y="294"/>
                    </a:moveTo>
                    <a:lnTo>
                      <a:pt x="276" y="294"/>
                    </a:lnTo>
                    <a:lnTo>
                      <a:pt x="294" y="276"/>
                    </a:lnTo>
                    <a:lnTo>
                      <a:pt x="288" y="264"/>
                    </a:lnTo>
                    <a:lnTo>
                      <a:pt x="60" y="270"/>
                    </a:lnTo>
                    <a:lnTo>
                      <a:pt x="60" y="96"/>
                    </a:lnTo>
                    <a:lnTo>
                      <a:pt x="30" y="72"/>
                    </a:lnTo>
                    <a:lnTo>
                      <a:pt x="42" y="54"/>
                    </a:lnTo>
                    <a:lnTo>
                      <a:pt x="24" y="42"/>
                    </a:lnTo>
                    <a:lnTo>
                      <a:pt x="0" y="6"/>
                    </a:lnTo>
                    <a:lnTo>
                      <a:pt x="198" y="0"/>
                    </a:lnTo>
                    <a:lnTo>
                      <a:pt x="210" y="18"/>
                    </a:lnTo>
                    <a:lnTo>
                      <a:pt x="210" y="48"/>
                    </a:lnTo>
                    <a:lnTo>
                      <a:pt x="222" y="66"/>
                    </a:lnTo>
                    <a:lnTo>
                      <a:pt x="246" y="84"/>
                    </a:lnTo>
                    <a:lnTo>
                      <a:pt x="252" y="108"/>
                    </a:lnTo>
                    <a:lnTo>
                      <a:pt x="264" y="102"/>
                    </a:lnTo>
                    <a:lnTo>
                      <a:pt x="282" y="114"/>
                    </a:lnTo>
                    <a:lnTo>
                      <a:pt x="270" y="150"/>
                    </a:lnTo>
                    <a:lnTo>
                      <a:pt x="318" y="186"/>
                    </a:lnTo>
                    <a:lnTo>
                      <a:pt x="318" y="210"/>
                    </a:lnTo>
                    <a:lnTo>
                      <a:pt x="336" y="228"/>
                    </a:lnTo>
                    <a:lnTo>
                      <a:pt x="336" y="252"/>
                    </a:lnTo>
                    <a:lnTo>
                      <a:pt x="330" y="252"/>
                    </a:lnTo>
                    <a:lnTo>
                      <a:pt x="324" y="258"/>
                    </a:lnTo>
                    <a:lnTo>
                      <a:pt x="318" y="252"/>
                    </a:lnTo>
                    <a:lnTo>
                      <a:pt x="312" y="288"/>
                    </a:lnTo>
                    <a:lnTo>
                      <a:pt x="312" y="29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70" name="Freeform 198"/>
              <p:cNvSpPr>
                <a:spLocks noChangeAspect="1"/>
              </p:cNvSpPr>
              <p:nvPr/>
            </p:nvSpPr>
            <p:spPr bwMode="auto">
              <a:xfrm>
                <a:off x="4371" y="1444"/>
                <a:ext cx="257" cy="204"/>
              </a:xfrm>
              <a:custGeom>
                <a:avLst/>
                <a:gdLst>
                  <a:gd name="T0" fmla="*/ 140 w 336"/>
                  <a:gd name="T1" fmla="*/ 92 h 300"/>
                  <a:gd name="T2" fmla="*/ 123 w 336"/>
                  <a:gd name="T3" fmla="*/ 92 h 300"/>
                  <a:gd name="T4" fmla="*/ 132 w 336"/>
                  <a:gd name="T5" fmla="*/ 87 h 300"/>
                  <a:gd name="T6" fmla="*/ 129 w 336"/>
                  <a:gd name="T7" fmla="*/ 83 h 300"/>
                  <a:gd name="T8" fmla="*/ 27 w 336"/>
                  <a:gd name="T9" fmla="*/ 85 h 300"/>
                  <a:gd name="T10" fmla="*/ 27 w 336"/>
                  <a:gd name="T11" fmla="*/ 30 h 300"/>
                  <a:gd name="T12" fmla="*/ 14 w 336"/>
                  <a:gd name="T13" fmla="*/ 22 h 300"/>
                  <a:gd name="T14" fmla="*/ 18 w 336"/>
                  <a:gd name="T15" fmla="*/ 17 h 300"/>
                  <a:gd name="T16" fmla="*/ 11 w 336"/>
                  <a:gd name="T17" fmla="*/ 14 h 300"/>
                  <a:gd name="T18" fmla="*/ 0 w 336"/>
                  <a:gd name="T19" fmla="*/ 2 h 300"/>
                  <a:gd name="T20" fmla="*/ 88 w 336"/>
                  <a:gd name="T21" fmla="*/ 0 h 300"/>
                  <a:gd name="T22" fmla="*/ 94 w 336"/>
                  <a:gd name="T23" fmla="*/ 5 h 300"/>
                  <a:gd name="T24" fmla="*/ 94 w 336"/>
                  <a:gd name="T25" fmla="*/ 15 h 300"/>
                  <a:gd name="T26" fmla="*/ 99 w 336"/>
                  <a:gd name="T27" fmla="*/ 21 h 300"/>
                  <a:gd name="T28" fmla="*/ 110 w 336"/>
                  <a:gd name="T29" fmla="*/ 27 h 300"/>
                  <a:gd name="T30" fmla="*/ 113 w 336"/>
                  <a:gd name="T31" fmla="*/ 34 h 300"/>
                  <a:gd name="T32" fmla="*/ 119 w 336"/>
                  <a:gd name="T33" fmla="*/ 32 h 300"/>
                  <a:gd name="T34" fmla="*/ 126 w 336"/>
                  <a:gd name="T35" fmla="*/ 36 h 300"/>
                  <a:gd name="T36" fmla="*/ 121 w 336"/>
                  <a:gd name="T37" fmla="*/ 47 h 300"/>
                  <a:gd name="T38" fmla="*/ 142 w 336"/>
                  <a:gd name="T39" fmla="*/ 58 h 300"/>
                  <a:gd name="T40" fmla="*/ 142 w 336"/>
                  <a:gd name="T41" fmla="*/ 66 h 300"/>
                  <a:gd name="T42" fmla="*/ 151 w 336"/>
                  <a:gd name="T43" fmla="*/ 71 h 300"/>
                  <a:gd name="T44" fmla="*/ 151 w 336"/>
                  <a:gd name="T45" fmla="*/ 79 h 300"/>
                  <a:gd name="T46" fmla="*/ 148 w 336"/>
                  <a:gd name="T47" fmla="*/ 79 h 300"/>
                  <a:gd name="T48" fmla="*/ 145 w 336"/>
                  <a:gd name="T49" fmla="*/ 81 h 300"/>
                  <a:gd name="T50" fmla="*/ 142 w 336"/>
                  <a:gd name="T51" fmla="*/ 79 h 300"/>
                  <a:gd name="T52" fmla="*/ 140 w 336"/>
                  <a:gd name="T53" fmla="*/ 90 h 300"/>
                  <a:gd name="T54" fmla="*/ 140 w 336"/>
                  <a:gd name="T55" fmla="*/ 92 h 300"/>
                  <a:gd name="T56" fmla="*/ 140 w 336"/>
                  <a:gd name="T57" fmla="*/ 95 h 300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w 336"/>
                  <a:gd name="T88" fmla="*/ 0 h 300"/>
                  <a:gd name="T89" fmla="*/ 336 w 336"/>
                  <a:gd name="T90" fmla="*/ 300 h 300"/>
                </a:gdLst>
                <a:ahLst/>
                <a:cxnLst>
                  <a:cxn ang="T58">
                    <a:pos x="T0" y="T1"/>
                  </a:cxn>
                  <a:cxn ang="T59">
                    <a:pos x="T2" y="T3"/>
                  </a:cxn>
                  <a:cxn ang="T60">
                    <a:pos x="T4" y="T5"/>
                  </a:cxn>
                  <a:cxn ang="T61">
                    <a:pos x="T6" y="T7"/>
                  </a:cxn>
                  <a:cxn ang="T62">
                    <a:pos x="T8" y="T9"/>
                  </a:cxn>
                  <a:cxn ang="T63">
                    <a:pos x="T10" y="T11"/>
                  </a:cxn>
                  <a:cxn ang="T64">
                    <a:pos x="T12" y="T13"/>
                  </a:cxn>
                  <a:cxn ang="T65">
                    <a:pos x="T14" y="T15"/>
                  </a:cxn>
                  <a:cxn ang="T66">
                    <a:pos x="T16" y="T17"/>
                  </a:cxn>
                  <a:cxn ang="T67">
                    <a:pos x="T18" y="T19"/>
                  </a:cxn>
                  <a:cxn ang="T68">
                    <a:pos x="T20" y="T21"/>
                  </a:cxn>
                  <a:cxn ang="T69">
                    <a:pos x="T22" y="T23"/>
                  </a:cxn>
                  <a:cxn ang="T70">
                    <a:pos x="T24" y="T25"/>
                  </a:cxn>
                  <a:cxn ang="T71">
                    <a:pos x="T26" y="T27"/>
                  </a:cxn>
                  <a:cxn ang="T72">
                    <a:pos x="T28" y="T29"/>
                  </a:cxn>
                  <a:cxn ang="T73">
                    <a:pos x="T30" y="T31"/>
                  </a:cxn>
                  <a:cxn ang="T74">
                    <a:pos x="T32" y="T33"/>
                  </a:cxn>
                  <a:cxn ang="T75">
                    <a:pos x="T34" y="T35"/>
                  </a:cxn>
                  <a:cxn ang="T76">
                    <a:pos x="T36" y="T37"/>
                  </a:cxn>
                  <a:cxn ang="T77">
                    <a:pos x="T38" y="T39"/>
                  </a:cxn>
                  <a:cxn ang="T78">
                    <a:pos x="T40" y="T41"/>
                  </a:cxn>
                  <a:cxn ang="T79">
                    <a:pos x="T42" y="T43"/>
                  </a:cxn>
                  <a:cxn ang="T80">
                    <a:pos x="T44" y="T45"/>
                  </a:cxn>
                  <a:cxn ang="T81">
                    <a:pos x="T46" y="T47"/>
                  </a:cxn>
                  <a:cxn ang="T82">
                    <a:pos x="T48" y="T49"/>
                  </a:cxn>
                  <a:cxn ang="T83">
                    <a:pos x="T50" y="T51"/>
                  </a:cxn>
                  <a:cxn ang="T84">
                    <a:pos x="T52" y="T53"/>
                  </a:cxn>
                  <a:cxn ang="T85">
                    <a:pos x="T54" y="T55"/>
                  </a:cxn>
                  <a:cxn ang="T86">
                    <a:pos x="T56" y="T57"/>
                  </a:cxn>
                </a:cxnLst>
                <a:rect l="T87" t="T88" r="T89" b="T90"/>
                <a:pathLst>
                  <a:path w="336" h="300">
                    <a:moveTo>
                      <a:pt x="312" y="294"/>
                    </a:moveTo>
                    <a:lnTo>
                      <a:pt x="276" y="294"/>
                    </a:lnTo>
                    <a:lnTo>
                      <a:pt x="294" y="276"/>
                    </a:lnTo>
                    <a:lnTo>
                      <a:pt x="288" y="264"/>
                    </a:lnTo>
                    <a:lnTo>
                      <a:pt x="60" y="270"/>
                    </a:lnTo>
                    <a:lnTo>
                      <a:pt x="60" y="96"/>
                    </a:lnTo>
                    <a:lnTo>
                      <a:pt x="30" y="72"/>
                    </a:lnTo>
                    <a:lnTo>
                      <a:pt x="42" y="54"/>
                    </a:lnTo>
                    <a:lnTo>
                      <a:pt x="24" y="42"/>
                    </a:lnTo>
                    <a:lnTo>
                      <a:pt x="0" y="6"/>
                    </a:lnTo>
                    <a:lnTo>
                      <a:pt x="198" y="0"/>
                    </a:lnTo>
                    <a:lnTo>
                      <a:pt x="210" y="18"/>
                    </a:lnTo>
                    <a:lnTo>
                      <a:pt x="210" y="48"/>
                    </a:lnTo>
                    <a:lnTo>
                      <a:pt x="222" y="66"/>
                    </a:lnTo>
                    <a:lnTo>
                      <a:pt x="246" y="84"/>
                    </a:lnTo>
                    <a:lnTo>
                      <a:pt x="252" y="108"/>
                    </a:lnTo>
                    <a:lnTo>
                      <a:pt x="264" y="102"/>
                    </a:lnTo>
                    <a:lnTo>
                      <a:pt x="282" y="114"/>
                    </a:lnTo>
                    <a:lnTo>
                      <a:pt x="270" y="150"/>
                    </a:lnTo>
                    <a:lnTo>
                      <a:pt x="318" y="186"/>
                    </a:lnTo>
                    <a:lnTo>
                      <a:pt x="318" y="210"/>
                    </a:lnTo>
                    <a:lnTo>
                      <a:pt x="336" y="228"/>
                    </a:lnTo>
                    <a:lnTo>
                      <a:pt x="336" y="252"/>
                    </a:lnTo>
                    <a:lnTo>
                      <a:pt x="330" y="252"/>
                    </a:lnTo>
                    <a:lnTo>
                      <a:pt x="324" y="258"/>
                    </a:lnTo>
                    <a:lnTo>
                      <a:pt x="318" y="252"/>
                    </a:lnTo>
                    <a:lnTo>
                      <a:pt x="312" y="288"/>
                    </a:lnTo>
                    <a:lnTo>
                      <a:pt x="312" y="294"/>
                    </a:lnTo>
                    <a:lnTo>
                      <a:pt x="312" y="30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71" name="Freeform 199"/>
              <p:cNvSpPr>
                <a:spLocks noChangeAspect="1"/>
              </p:cNvSpPr>
              <p:nvPr/>
            </p:nvSpPr>
            <p:spPr bwMode="auto">
              <a:xfrm>
                <a:off x="3703" y="1025"/>
                <a:ext cx="398" cy="220"/>
              </a:xfrm>
              <a:custGeom>
                <a:avLst/>
                <a:gdLst>
                  <a:gd name="T0" fmla="*/ 223 w 522"/>
                  <a:gd name="T1" fmla="*/ 84 h 324"/>
                  <a:gd name="T2" fmla="*/ 221 w 522"/>
                  <a:gd name="T3" fmla="*/ 101 h 324"/>
                  <a:gd name="T4" fmla="*/ 82 w 522"/>
                  <a:gd name="T5" fmla="*/ 90 h 324"/>
                  <a:gd name="T6" fmla="*/ 79 w 522"/>
                  <a:gd name="T7" fmla="*/ 100 h 324"/>
                  <a:gd name="T8" fmla="*/ 75 w 522"/>
                  <a:gd name="T9" fmla="*/ 94 h 324"/>
                  <a:gd name="T10" fmla="*/ 72 w 522"/>
                  <a:gd name="T11" fmla="*/ 98 h 324"/>
                  <a:gd name="T12" fmla="*/ 56 w 522"/>
                  <a:gd name="T13" fmla="*/ 96 h 324"/>
                  <a:gd name="T14" fmla="*/ 53 w 522"/>
                  <a:gd name="T15" fmla="*/ 98 h 324"/>
                  <a:gd name="T16" fmla="*/ 45 w 522"/>
                  <a:gd name="T17" fmla="*/ 96 h 324"/>
                  <a:gd name="T18" fmla="*/ 43 w 522"/>
                  <a:gd name="T19" fmla="*/ 98 h 324"/>
                  <a:gd name="T20" fmla="*/ 40 w 522"/>
                  <a:gd name="T21" fmla="*/ 90 h 324"/>
                  <a:gd name="T22" fmla="*/ 34 w 522"/>
                  <a:gd name="T23" fmla="*/ 86 h 324"/>
                  <a:gd name="T24" fmla="*/ 29 w 522"/>
                  <a:gd name="T25" fmla="*/ 71 h 324"/>
                  <a:gd name="T26" fmla="*/ 27 w 522"/>
                  <a:gd name="T27" fmla="*/ 70 h 324"/>
                  <a:gd name="T28" fmla="*/ 18 w 522"/>
                  <a:gd name="T29" fmla="*/ 73 h 324"/>
                  <a:gd name="T30" fmla="*/ 16 w 522"/>
                  <a:gd name="T31" fmla="*/ 70 h 324"/>
                  <a:gd name="T32" fmla="*/ 27 w 522"/>
                  <a:gd name="T33" fmla="*/ 51 h 324"/>
                  <a:gd name="T34" fmla="*/ 16 w 522"/>
                  <a:gd name="T35" fmla="*/ 47 h 324"/>
                  <a:gd name="T36" fmla="*/ 11 w 522"/>
                  <a:gd name="T37" fmla="*/ 35 h 324"/>
                  <a:gd name="T38" fmla="*/ 3 w 522"/>
                  <a:gd name="T39" fmla="*/ 30 h 324"/>
                  <a:gd name="T40" fmla="*/ 5 w 522"/>
                  <a:gd name="T41" fmla="*/ 28 h 324"/>
                  <a:gd name="T42" fmla="*/ 0 w 522"/>
                  <a:gd name="T43" fmla="*/ 19 h 324"/>
                  <a:gd name="T44" fmla="*/ 5 w 522"/>
                  <a:gd name="T45" fmla="*/ 0 h 324"/>
                  <a:gd name="T46" fmla="*/ 125 w 522"/>
                  <a:gd name="T47" fmla="*/ 15 h 324"/>
                  <a:gd name="T48" fmla="*/ 231 w 522"/>
                  <a:gd name="T49" fmla="*/ 22 h 324"/>
                  <a:gd name="T50" fmla="*/ 226 w 522"/>
                  <a:gd name="T51" fmla="*/ 77 h 324"/>
                  <a:gd name="T52" fmla="*/ 223 w 522"/>
                  <a:gd name="T53" fmla="*/ 84 h 324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522"/>
                  <a:gd name="T82" fmla="*/ 0 h 324"/>
                  <a:gd name="T83" fmla="*/ 522 w 522"/>
                  <a:gd name="T84" fmla="*/ 324 h 324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522" h="324">
                    <a:moveTo>
                      <a:pt x="504" y="270"/>
                    </a:moveTo>
                    <a:lnTo>
                      <a:pt x="498" y="324"/>
                    </a:lnTo>
                    <a:lnTo>
                      <a:pt x="186" y="288"/>
                    </a:lnTo>
                    <a:lnTo>
                      <a:pt x="180" y="318"/>
                    </a:lnTo>
                    <a:lnTo>
                      <a:pt x="168" y="300"/>
                    </a:lnTo>
                    <a:lnTo>
                      <a:pt x="162" y="312"/>
                    </a:lnTo>
                    <a:lnTo>
                      <a:pt x="126" y="306"/>
                    </a:lnTo>
                    <a:lnTo>
                      <a:pt x="120" y="312"/>
                    </a:lnTo>
                    <a:lnTo>
                      <a:pt x="102" y="306"/>
                    </a:lnTo>
                    <a:lnTo>
                      <a:pt x="96" y="312"/>
                    </a:lnTo>
                    <a:lnTo>
                      <a:pt x="90" y="288"/>
                    </a:lnTo>
                    <a:lnTo>
                      <a:pt x="78" y="276"/>
                    </a:lnTo>
                    <a:lnTo>
                      <a:pt x="66" y="228"/>
                    </a:lnTo>
                    <a:lnTo>
                      <a:pt x="60" y="222"/>
                    </a:lnTo>
                    <a:lnTo>
                      <a:pt x="42" y="234"/>
                    </a:lnTo>
                    <a:lnTo>
                      <a:pt x="36" y="222"/>
                    </a:lnTo>
                    <a:lnTo>
                      <a:pt x="60" y="162"/>
                    </a:lnTo>
                    <a:lnTo>
                      <a:pt x="36" y="150"/>
                    </a:lnTo>
                    <a:lnTo>
                      <a:pt x="24" y="114"/>
                    </a:lnTo>
                    <a:lnTo>
                      <a:pt x="6" y="96"/>
                    </a:lnTo>
                    <a:lnTo>
                      <a:pt x="12" y="90"/>
                    </a:lnTo>
                    <a:lnTo>
                      <a:pt x="0" y="60"/>
                    </a:lnTo>
                    <a:lnTo>
                      <a:pt x="12" y="0"/>
                    </a:lnTo>
                    <a:lnTo>
                      <a:pt x="282" y="48"/>
                    </a:lnTo>
                    <a:lnTo>
                      <a:pt x="522" y="72"/>
                    </a:lnTo>
                    <a:lnTo>
                      <a:pt x="510" y="246"/>
                    </a:lnTo>
                    <a:lnTo>
                      <a:pt x="504" y="27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72" name="Freeform 200"/>
              <p:cNvSpPr>
                <a:spLocks noChangeAspect="1"/>
              </p:cNvSpPr>
              <p:nvPr/>
            </p:nvSpPr>
            <p:spPr bwMode="auto">
              <a:xfrm>
                <a:off x="3703" y="1025"/>
                <a:ext cx="398" cy="220"/>
              </a:xfrm>
              <a:custGeom>
                <a:avLst/>
                <a:gdLst>
                  <a:gd name="T0" fmla="*/ 223 w 522"/>
                  <a:gd name="T1" fmla="*/ 84 h 324"/>
                  <a:gd name="T2" fmla="*/ 221 w 522"/>
                  <a:gd name="T3" fmla="*/ 101 h 324"/>
                  <a:gd name="T4" fmla="*/ 82 w 522"/>
                  <a:gd name="T5" fmla="*/ 90 h 324"/>
                  <a:gd name="T6" fmla="*/ 79 w 522"/>
                  <a:gd name="T7" fmla="*/ 100 h 324"/>
                  <a:gd name="T8" fmla="*/ 75 w 522"/>
                  <a:gd name="T9" fmla="*/ 94 h 324"/>
                  <a:gd name="T10" fmla="*/ 72 w 522"/>
                  <a:gd name="T11" fmla="*/ 98 h 324"/>
                  <a:gd name="T12" fmla="*/ 56 w 522"/>
                  <a:gd name="T13" fmla="*/ 96 h 324"/>
                  <a:gd name="T14" fmla="*/ 53 w 522"/>
                  <a:gd name="T15" fmla="*/ 98 h 324"/>
                  <a:gd name="T16" fmla="*/ 45 w 522"/>
                  <a:gd name="T17" fmla="*/ 96 h 324"/>
                  <a:gd name="T18" fmla="*/ 43 w 522"/>
                  <a:gd name="T19" fmla="*/ 98 h 324"/>
                  <a:gd name="T20" fmla="*/ 40 w 522"/>
                  <a:gd name="T21" fmla="*/ 90 h 324"/>
                  <a:gd name="T22" fmla="*/ 34 w 522"/>
                  <a:gd name="T23" fmla="*/ 86 h 324"/>
                  <a:gd name="T24" fmla="*/ 29 w 522"/>
                  <a:gd name="T25" fmla="*/ 71 h 324"/>
                  <a:gd name="T26" fmla="*/ 27 w 522"/>
                  <a:gd name="T27" fmla="*/ 70 h 324"/>
                  <a:gd name="T28" fmla="*/ 18 w 522"/>
                  <a:gd name="T29" fmla="*/ 73 h 324"/>
                  <a:gd name="T30" fmla="*/ 16 w 522"/>
                  <a:gd name="T31" fmla="*/ 70 h 324"/>
                  <a:gd name="T32" fmla="*/ 27 w 522"/>
                  <a:gd name="T33" fmla="*/ 51 h 324"/>
                  <a:gd name="T34" fmla="*/ 16 w 522"/>
                  <a:gd name="T35" fmla="*/ 47 h 324"/>
                  <a:gd name="T36" fmla="*/ 11 w 522"/>
                  <a:gd name="T37" fmla="*/ 35 h 324"/>
                  <a:gd name="T38" fmla="*/ 3 w 522"/>
                  <a:gd name="T39" fmla="*/ 30 h 324"/>
                  <a:gd name="T40" fmla="*/ 5 w 522"/>
                  <a:gd name="T41" fmla="*/ 28 h 324"/>
                  <a:gd name="T42" fmla="*/ 0 w 522"/>
                  <a:gd name="T43" fmla="*/ 19 h 324"/>
                  <a:gd name="T44" fmla="*/ 5 w 522"/>
                  <a:gd name="T45" fmla="*/ 0 h 324"/>
                  <a:gd name="T46" fmla="*/ 125 w 522"/>
                  <a:gd name="T47" fmla="*/ 15 h 324"/>
                  <a:gd name="T48" fmla="*/ 231 w 522"/>
                  <a:gd name="T49" fmla="*/ 22 h 324"/>
                  <a:gd name="T50" fmla="*/ 226 w 522"/>
                  <a:gd name="T51" fmla="*/ 77 h 324"/>
                  <a:gd name="T52" fmla="*/ 223 w 522"/>
                  <a:gd name="T53" fmla="*/ 84 h 324"/>
                  <a:gd name="T54" fmla="*/ 223 w 522"/>
                  <a:gd name="T55" fmla="*/ 86 h 324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522"/>
                  <a:gd name="T85" fmla="*/ 0 h 324"/>
                  <a:gd name="T86" fmla="*/ 522 w 522"/>
                  <a:gd name="T87" fmla="*/ 324 h 324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522" h="324">
                    <a:moveTo>
                      <a:pt x="504" y="270"/>
                    </a:moveTo>
                    <a:lnTo>
                      <a:pt x="498" y="324"/>
                    </a:lnTo>
                    <a:lnTo>
                      <a:pt x="186" y="288"/>
                    </a:lnTo>
                    <a:lnTo>
                      <a:pt x="180" y="318"/>
                    </a:lnTo>
                    <a:lnTo>
                      <a:pt x="168" y="300"/>
                    </a:lnTo>
                    <a:lnTo>
                      <a:pt x="162" y="312"/>
                    </a:lnTo>
                    <a:lnTo>
                      <a:pt x="126" y="306"/>
                    </a:lnTo>
                    <a:lnTo>
                      <a:pt x="120" y="312"/>
                    </a:lnTo>
                    <a:lnTo>
                      <a:pt x="102" y="306"/>
                    </a:lnTo>
                    <a:lnTo>
                      <a:pt x="96" y="312"/>
                    </a:lnTo>
                    <a:lnTo>
                      <a:pt x="90" y="288"/>
                    </a:lnTo>
                    <a:lnTo>
                      <a:pt x="78" y="276"/>
                    </a:lnTo>
                    <a:lnTo>
                      <a:pt x="66" y="228"/>
                    </a:lnTo>
                    <a:lnTo>
                      <a:pt x="60" y="222"/>
                    </a:lnTo>
                    <a:lnTo>
                      <a:pt x="42" y="234"/>
                    </a:lnTo>
                    <a:lnTo>
                      <a:pt x="36" y="222"/>
                    </a:lnTo>
                    <a:lnTo>
                      <a:pt x="60" y="162"/>
                    </a:lnTo>
                    <a:lnTo>
                      <a:pt x="36" y="150"/>
                    </a:lnTo>
                    <a:lnTo>
                      <a:pt x="24" y="114"/>
                    </a:lnTo>
                    <a:lnTo>
                      <a:pt x="6" y="96"/>
                    </a:lnTo>
                    <a:lnTo>
                      <a:pt x="12" y="90"/>
                    </a:lnTo>
                    <a:lnTo>
                      <a:pt x="0" y="60"/>
                    </a:lnTo>
                    <a:lnTo>
                      <a:pt x="12" y="0"/>
                    </a:lnTo>
                    <a:lnTo>
                      <a:pt x="282" y="48"/>
                    </a:lnTo>
                    <a:lnTo>
                      <a:pt x="522" y="72"/>
                    </a:lnTo>
                    <a:lnTo>
                      <a:pt x="510" y="246"/>
                    </a:lnTo>
                    <a:lnTo>
                      <a:pt x="504" y="270"/>
                    </a:lnTo>
                    <a:lnTo>
                      <a:pt x="504" y="27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73" name="Freeform 201"/>
              <p:cNvSpPr>
                <a:spLocks noChangeAspect="1"/>
              </p:cNvSpPr>
              <p:nvPr/>
            </p:nvSpPr>
            <p:spPr bwMode="auto">
              <a:xfrm>
                <a:off x="4069" y="1334"/>
                <a:ext cx="321" cy="139"/>
              </a:xfrm>
              <a:custGeom>
                <a:avLst/>
                <a:gdLst>
                  <a:gd name="T0" fmla="*/ 164 w 420"/>
                  <a:gd name="T1" fmla="*/ 15 h 204"/>
                  <a:gd name="T2" fmla="*/ 174 w 420"/>
                  <a:gd name="T3" fmla="*/ 40 h 204"/>
                  <a:gd name="T4" fmla="*/ 177 w 420"/>
                  <a:gd name="T5" fmla="*/ 53 h 204"/>
                  <a:gd name="T6" fmla="*/ 187 w 420"/>
                  <a:gd name="T7" fmla="*/ 65 h 204"/>
                  <a:gd name="T8" fmla="*/ 185 w 420"/>
                  <a:gd name="T9" fmla="*/ 65 h 204"/>
                  <a:gd name="T10" fmla="*/ 41 w 420"/>
                  <a:gd name="T11" fmla="*/ 63 h 204"/>
                  <a:gd name="T12" fmla="*/ 41 w 420"/>
                  <a:gd name="T13" fmla="*/ 55 h 204"/>
                  <a:gd name="T14" fmla="*/ 43 w 420"/>
                  <a:gd name="T15" fmla="*/ 42 h 204"/>
                  <a:gd name="T16" fmla="*/ 0 w 420"/>
                  <a:gd name="T17" fmla="*/ 40 h 204"/>
                  <a:gd name="T18" fmla="*/ 3 w 420"/>
                  <a:gd name="T19" fmla="*/ 0 h 204"/>
                  <a:gd name="T20" fmla="*/ 120 w 420"/>
                  <a:gd name="T21" fmla="*/ 3 h 204"/>
                  <a:gd name="T22" fmla="*/ 131 w 420"/>
                  <a:gd name="T23" fmla="*/ 10 h 204"/>
                  <a:gd name="T24" fmla="*/ 148 w 420"/>
                  <a:gd name="T25" fmla="*/ 7 h 204"/>
                  <a:gd name="T26" fmla="*/ 161 w 420"/>
                  <a:gd name="T27" fmla="*/ 15 h 204"/>
                  <a:gd name="T28" fmla="*/ 164 w 420"/>
                  <a:gd name="T29" fmla="*/ 15 h 204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w 420"/>
                  <a:gd name="T46" fmla="*/ 0 h 204"/>
                  <a:gd name="T47" fmla="*/ 420 w 420"/>
                  <a:gd name="T48" fmla="*/ 204 h 204"/>
                </a:gdLst>
                <a:ahLst/>
                <a:cxnLst>
                  <a:cxn ang="T30">
                    <a:pos x="T0" y="T1"/>
                  </a:cxn>
                  <a:cxn ang="T31">
                    <a:pos x="T2" y="T3"/>
                  </a:cxn>
                  <a:cxn ang="T32">
                    <a:pos x="T4" y="T5"/>
                  </a:cxn>
                  <a:cxn ang="T33">
                    <a:pos x="T6" y="T7"/>
                  </a:cxn>
                  <a:cxn ang="T34">
                    <a:pos x="T8" y="T9"/>
                  </a:cxn>
                  <a:cxn ang="T35">
                    <a:pos x="T10" y="T11"/>
                  </a:cxn>
                  <a:cxn ang="T36">
                    <a:pos x="T12" y="T13"/>
                  </a:cxn>
                  <a:cxn ang="T37">
                    <a:pos x="T14" y="T15"/>
                  </a:cxn>
                  <a:cxn ang="T38">
                    <a:pos x="T16" y="T17"/>
                  </a:cxn>
                  <a:cxn ang="T39">
                    <a:pos x="T18" y="T19"/>
                  </a:cxn>
                  <a:cxn ang="T40">
                    <a:pos x="T20" y="T21"/>
                  </a:cxn>
                  <a:cxn ang="T41">
                    <a:pos x="T22" y="T23"/>
                  </a:cxn>
                  <a:cxn ang="T42">
                    <a:pos x="T24" y="T25"/>
                  </a:cxn>
                  <a:cxn ang="T43">
                    <a:pos x="T26" y="T27"/>
                  </a:cxn>
                  <a:cxn ang="T44">
                    <a:pos x="T28" y="T29"/>
                  </a:cxn>
                </a:cxnLst>
                <a:rect l="T45" t="T46" r="T47" b="T48"/>
                <a:pathLst>
                  <a:path w="420" h="204">
                    <a:moveTo>
                      <a:pt x="366" y="48"/>
                    </a:moveTo>
                    <a:lnTo>
                      <a:pt x="390" y="126"/>
                    </a:lnTo>
                    <a:lnTo>
                      <a:pt x="396" y="168"/>
                    </a:lnTo>
                    <a:lnTo>
                      <a:pt x="420" y="204"/>
                    </a:lnTo>
                    <a:lnTo>
                      <a:pt x="414" y="204"/>
                    </a:lnTo>
                    <a:lnTo>
                      <a:pt x="90" y="198"/>
                    </a:lnTo>
                    <a:lnTo>
                      <a:pt x="90" y="174"/>
                    </a:lnTo>
                    <a:lnTo>
                      <a:pt x="96" y="132"/>
                    </a:lnTo>
                    <a:lnTo>
                      <a:pt x="0" y="126"/>
                    </a:lnTo>
                    <a:lnTo>
                      <a:pt x="6" y="0"/>
                    </a:lnTo>
                    <a:lnTo>
                      <a:pt x="270" y="12"/>
                    </a:lnTo>
                    <a:lnTo>
                      <a:pt x="294" y="30"/>
                    </a:lnTo>
                    <a:lnTo>
                      <a:pt x="330" y="24"/>
                    </a:lnTo>
                    <a:lnTo>
                      <a:pt x="360" y="48"/>
                    </a:lnTo>
                    <a:lnTo>
                      <a:pt x="366" y="4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74" name="Freeform 202"/>
              <p:cNvSpPr>
                <a:spLocks noChangeAspect="1"/>
              </p:cNvSpPr>
              <p:nvPr/>
            </p:nvSpPr>
            <p:spPr bwMode="auto">
              <a:xfrm>
                <a:off x="4069" y="1334"/>
                <a:ext cx="321" cy="139"/>
              </a:xfrm>
              <a:custGeom>
                <a:avLst/>
                <a:gdLst>
                  <a:gd name="T0" fmla="*/ 164 w 420"/>
                  <a:gd name="T1" fmla="*/ 15 h 204"/>
                  <a:gd name="T2" fmla="*/ 174 w 420"/>
                  <a:gd name="T3" fmla="*/ 40 h 204"/>
                  <a:gd name="T4" fmla="*/ 177 w 420"/>
                  <a:gd name="T5" fmla="*/ 53 h 204"/>
                  <a:gd name="T6" fmla="*/ 187 w 420"/>
                  <a:gd name="T7" fmla="*/ 65 h 204"/>
                  <a:gd name="T8" fmla="*/ 185 w 420"/>
                  <a:gd name="T9" fmla="*/ 65 h 204"/>
                  <a:gd name="T10" fmla="*/ 41 w 420"/>
                  <a:gd name="T11" fmla="*/ 63 h 204"/>
                  <a:gd name="T12" fmla="*/ 41 w 420"/>
                  <a:gd name="T13" fmla="*/ 55 h 204"/>
                  <a:gd name="T14" fmla="*/ 43 w 420"/>
                  <a:gd name="T15" fmla="*/ 42 h 204"/>
                  <a:gd name="T16" fmla="*/ 0 w 420"/>
                  <a:gd name="T17" fmla="*/ 40 h 204"/>
                  <a:gd name="T18" fmla="*/ 3 w 420"/>
                  <a:gd name="T19" fmla="*/ 0 h 204"/>
                  <a:gd name="T20" fmla="*/ 120 w 420"/>
                  <a:gd name="T21" fmla="*/ 3 h 204"/>
                  <a:gd name="T22" fmla="*/ 131 w 420"/>
                  <a:gd name="T23" fmla="*/ 10 h 204"/>
                  <a:gd name="T24" fmla="*/ 148 w 420"/>
                  <a:gd name="T25" fmla="*/ 7 h 204"/>
                  <a:gd name="T26" fmla="*/ 161 w 420"/>
                  <a:gd name="T27" fmla="*/ 15 h 204"/>
                  <a:gd name="T28" fmla="*/ 164 w 420"/>
                  <a:gd name="T29" fmla="*/ 15 h 204"/>
                  <a:gd name="T30" fmla="*/ 164 w 420"/>
                  <a:gd name="T31" fmla="*/ 17 h 204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w 420"/>
                  <a:gd name="T49" fmla="*/ 0 h 204"/>
                  <a:gd name="T50" fmla="*/ 420 w 420"/>
                  <a:gd name="T51" fmla="*/ 204 h 204"/>
                </a:gdLst>
                <a:ahLst/>
                <a:cxnLst>
                  <a:cxn ang="T32">
                    <a:pos x="T0" y="T1"/>
                  </a:cxn>
                  <a:cxn ang="T33">
                    <a:pos x="T2" y="T3"/>
                  </a:cxn>
                  <a:cxn ang="T34">
                    <a:pos x="T4" y="T5"/>
                  </a:cxn>
                  <a:cxn ang="T35">
                    <a:pos x="T6" y="T7"/>
                  </a:cxn>
                  <a:cxn ang="T36">
                    <a:pos x="T8" y="T9"/>
                  </a:cxn>
                  <a:cxn ang="T37">
                    <a:pos x="T10" y="T11"/>
                  </a:cxn>
                  <a:cxn ang="T38">
                    <a:pos x="T12" y="T13"/>
                  </a:cxn>
                  <a:cxn ang="T39">
                    <a:pos x="T14" y="T15"/>
                  </a:cxn>
                  <a:cxn ang="T40">
                    <a:pos x="T16" y="T17"/>
                  </a:cxn>
                  <a:cxn ang="T41">
                    <a:pos x="T18" y="T19"/>
                  </a:cxn>
                  <a:cxn ang="T42">
                    <a:pos x="T20" y="T21"/>
                  </a:cxn>
                  <a:cxn ang="T43">
                    <a:pos x="T22" y="T23"/>
                  </a:cxn>
                  <a:cxn ang="T44">
                    <a:pos x="T24" y="T25"/>
                  </a:cxn>
                  <a:cxn ang="T45">
                    <a:pos x="T26" y="T27"/>
                  </a:cxn>
                  <a:cxn ang="T46">
                    <a:pos x="T28" y="T29"/>
                  </a:cxn>
                  <a:cxn ang="T47">
                    <a:pos x="T30" y="T31"/>
                  </a:cxn>
                </a:cxnLst>
                <a:rect l="T48" t="T49" r="T50" b="T51"/>
                <a:pathLst>
                  <a:path w="420" h="204">
                    <a:moveTo>
                      <a:pt x="366" y="48"/>
                    </a:moveTo>
                    <a:lnTo>
                      <a:pt x="390" y="126"/>
                    </a:lnTo>
                    <a:lnTo>
                      <a:pt x="396" y="168"/>
                    </a:lnTo>
                    <a:lnTo>
                      <a:pt x="420" y="204"/>
                    </a:lnTo>
                    <a:lnTo>
                      <a:pt x="414" y="204"/>
                    </a:lnTo>
                    <a:lnTo>
                      <a:pt x="90" y="198"/>
                    </a:lnTo>
                    <a:lnTo>
                      <a:pt x="90" y="174"/>
                    </a:lnTo>
                    <a:lnTo>
                      <a:pt x="96" y="132"/>
                    </a:lnTo>
                    <a:lnTo>
                      <a:pt x="0" y="126"/>
                    </a:lnTo>
                    <a:lnTo>
                      <a:pt x="6" y="0"/>
                    </a:lnTo>
                    <a:lnTo>
                      <a:pt x="270" y="12"/>
                    </a:lnTo>
                    <a:lnTo>
                      <a:pt x="294" y="30"/>
                    </a:lnTo>
                    <a:lnTo>
                      <a:pt x="330" y="24"/>
                    </a:lnTo>
                    <a:lnTo>
                      <a:pt x="360" y="48"/>
                    </a:lnTo>
                    <a:lnTo>
                      <a:pt x="366" y="48"/>
                    </a:lnTo>
                    <a:lnTo>
                      <a:pt x="366" y="5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75" name="Freeform 203"/>
              <p:cNvSpPr>
                <a:spLocks noChangeAspect="1"/>
              </p:cNvSpPr>
              <p:nvPr/>
            </p:nvSpPr>
            <p:spPr bwMode="auto">
              <a:xfrm>
                <a:off x="3465" y="1290"/>
                <a:ext cx="247" cy="338"/>
              </a:xfrm>
              <a:custGeom>
                <a:avLst/>
                <a:gdLst>
                  <a:gd name="T0" fmla="*/ 93 w 324"/>
                  <a:gd name="T1" fmla="*/ 155 h 498"/>
                  <a:gd name="T2" fmla="*/ 0 w 324"/>
                  <a:gd name="T3" fmla="*/ 58 h 498"/>
                  <a:gd name="T4" fmla="*/ 21 w 324"/>
                  <a:gd name="T5" fmla="*/ 0 h 498"/>
                  <a:gd name="T6" fmla="*/ 34 w 324"/>
                  <a:gd name="T7" fmla="*/ 2 h 498"/>
                  <a:gd name="T8" fmla="*/ 82 w 324"/>
                  <a:gd name="T9" fmla="*/ 11 h 498"/>
                  <a:gd name="T10" fmla="*/ 143 w 324"/>
                  <a:gd name="T11" fmla="*/ 19 h 498"/>
                  <a:gd name="T12" fmla="*/ 117 w 324"/>
                  <a:gd name="T13" fmla="*/ 118 h 498"/>
                  <a:gd name="T14" fmla="*/ 109 w 324"/>
                  <a:gd name="T15" fmla="*/ 137 h 498"/>
                  <a:gd name="T16" fmla="*/ 101 w 324"/>
                  <a:gd name="T17" fmla="*/ 133 h 498"/>
                  <a:gd name="T18" fmla="*/ 96 w 324"/>
                  <a:gd name="T19" fmla="*/ 135 h 498"/>
                  <a:gd name="T20" fmla="*/ 93 w 324"/>
                  <a:gd name="T21" fmla="*/ 154 h 498"/>
                  <a:gd name="T22" fmla="*/ 93 w 324"/>
                  <a:gd name="T23" fmla="*/ 155 h 498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24"/>
                  <a:gd name="T37" fmla="*/ 0 h 498"/>
                  <a:gd name="T38" fmla="*/ 324 w 324"/>
                  <a:gd name="T39" fmla="*/ 498 h 498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24" h="498">
                    <a:moveTo>
                      <a:pt x="210" y="498"/>
                    </a:moveTo>
                    <a:lnTo>
                      <a:pt x="0" y="186"/>
                    </a:lnTo>
                    <a:lnTo>
                      <a:pt x="48" y="0"/>
                    </a:lnTo>
                    <a:lnTo>
                      <a:pt x="78" y="6"/>
                    </a:lnTo>
                    <a:lnTo>
                      <a:pt x="186" y="36"/>
                    </a:lnTo>
                    <a:lnTo>
                      <a:pt x="324" y="60"/>
                    </a:lnTo>
                    <a:lnTo>
                      <a:pt x="264" y="378"/>
                    </a:lnTo>
                    <a:lnTo>
                      <a:pt x="246" y="438"/>
                    </a:lnTo>
                    <a:lnTo>
                      <a:pt x="228" y="426"/>
                    </a:lnTo>
                    <a:lnTo>
                      <a:pt x="216" y="432"/>
                    </a:lnTo>
                    <a:lnTo>
                      <a:pt x="210" y="492"/>
                    </a:lnTo>
                    <a:lnTo>
                      <a:pt x="210" y="498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76" name="Freeform 204"/>
              <p:cNvSpPr>
                <a:spLocks noChangeAspect="1"/>
              </p:cNvSpPr>
              <p:nvPr/>
            </p:nvSpPr>
            <p:spPr bwMode="auto">
              <a:xfrm>
                <a:off x="3465" y="1290"/>
                <a:ext cx="247" cy="342"/>
              </a:xfrm>
              <a:custGeom>
                <a:avLst/>
                <a:gdLst>
                  <a:gd name="T0" fmla="*/ 93 w 324"/>
                  <a:gd name="T1" fmla="*/ 155 h 504"/>
                  <a:gd name="T2" fmla="*/ 0 w 324"/>
                  <a:gd name="T3" fmla="*/ 58 h 504"/>
                  <a:gd name="T4" fmla="*/ 21 w 324"/>
                  <a:gd name="T5" fmla="*/ 0 h 504"/>
                  <a:gd name="T6" fmla="*/ 34 w 324"/>
                  <a:gd name="T7" fmla="*/ 2 h 504"/>
                  <a:gd name="T8" fmla="*/ 82 w 324"/>
                  <a:gd name="T9" fmla="*/ 11 h 504"/>
                  <a:gd name="T10" fmla="*/ 143 w 324"/>
                  <a:gd name="T11" fmla="*/ 19 h 504"/>
                  <a:gd name="T12" fmla="*/ 117 w 324"/>
                  <a:gd name="T13" fmla="*/ 118 h 504"/>
                  <a:gd name="T14" fmla="*/ 109 w 324"/>
                  <a:gd name="T15" fmla="*/ 137 h 504"/>
                  <a:gd name="T16" fmla="*/ 101 w 324"/>
                  <a:gd name="T17" fmla="*/ 133 h 504"/>
                  <a:gd name="T18" fmla="*/ 96 w 324"/>
                  <a:gd name="T19" fmla="*/ 135 h 504"/>
                  <a:gd name="T20" fmla="*/ 93 w 324"/>
                  <a:gd name="T21" fmla="*/ 154 h 504"/>
                  <a:gd name="T22" fmla="*/ 93 w 324"/>
                  <a:gd name="T23" fmla="*/ 155 h 504"/>
                  <a:gd name="T24" fmla="*/ 93 w 324"/>
                  <a:gd name="T25" fmla="*/ 157 h 504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324"/>
                  <a:gd name="T40" fmla="*/ 0 h 504"/>
                  <a:gd name="T41" fmla="*/ 324 w 324"/>
                  <a:gd name="T42" fmla="*/ 504 h 504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324" h="504">
                    <a:moveTo>
                      <a:pt x="210" y="498"/>
                    </a:moveTo>
                    <a:lnTo>
                      <a:pt x="0" y="186"/>
                    </a:lnTo>
                    <a:lnTo>
                      <a:pt x="48" y="0"/>
                    </a:lnTo>
                    <a:lnTo>
                      <a:pt x="78" y="6"/>
                    </a:lnTo>
                    <a:lnTo>
                      <a:pt x="186" y="36"/>
                    </a:lnTo>
                    <a:lnTo>
                      <a:pt x="324" y="60"/>
                    </a:lnTo>
                    <a:lnTo>
                      <a:pt x="264" y="378"/>
                    </a:lnTo>
                    <a:lnTo>
                      <a:pt x="246" y="438"/>
                    </a:lnTo>
                    <a:lnTo>
                      <a:pt x="228" y="426"/>
                    </a:lnTo>
                    <a:lnTo>
                      <a:pt x="216" y="432"/>
                    </a:lnTo>
                    <a:lnTo>
                      <a:pt x="210" y="492"/>
                    </a:lnTo>
                    <a:lnTo>
                      <a:pt x="210" y="498"/>
                    </a:lnTo>
                    <a:lnTo>
                      <a:pt x="210" y="50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77" name="Freeform 205"/>
              <p:cNvSpPr>
                <a:spLocks noChangeAspect="1"/>
              </p:cNvSpPr>
              <p:nvPr/>
            </p:nvSpPr>
            <p:spPr bwMode="auto">
              <a:xfrm>
                <a:off x="5191" y="1147"/>
                <a:ext cx="64" cy="118"/>
              </a:xfrm>
              <a:custGeom>
                <a:avLst/>
                <a:gdLst>
                  <a:gd name="T0" fmla="*/ 37 w 84"/>
                  <a:gd name="T1" fmla="*/ 41 h 174"/>
                  <a:gd name="T2" fmla="*/ 34 w 84"/>
                  <a:gd name="T3" fmla="*/ 45 h 174"/>
                  <a:gd name="T4" fmla="*/ 27 w 84"/>
                  <a:gd name="T5" fmla="*/ 51 h 174"/>
                  <a:gd name="T6" fmla="*/ 3 w 84"/>
                  <a:gd name="T7" fmla="*/ 54 h 174"/>
                  <a:gd name="T8" fmla="*/ 0 w 84"/>
                  <a:gd name="T9" fmla="*/ 37 h 174"/>
                  <a:gd name="T10" fmla="*/ 3 w 84"/>
                  <a:gd name="T11" fmla="*/ 22 h 174"/>
                  <a:gd name="T12" fmla="*/ 8 w 84"/>
                  <a:gd name="T13" fmla="*/ 17 h 174"/>
                  <a:gd name="T14" fmla="*/ 8 w 84"/>
                  <a:gd name="T15" fmla="*/ 2 h 174"/>
                  <a:gd name="T16" fmla="*/ 14 w 84"/>
                  <a:gd name="T17" fmla="*/ 0 h 174"/>
                  <a:gd name="T18" fmla="*/ 29 w 84"/>
                  <a:gd name="T19" fmla="*/ 35 h 174"/>
                  <a:gd name="T20" fmla="*/ 34 w 84"/>
                  <a:gd name="T21" fmla="*/ 41 h 174"/>
                  <a:gd name="T22" fmla="*/ 37 w 84"/>
                  <a:gd name="T23" fmla="*/ 41 h 17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84"/>
                  <a:gd name="T37" fmla="*/ 0 h 174"/>
                  <a:gd name="T38" fmla="*/ 84 w 84"/>
                  <a:gd name="T39" fmla="*/ 174 h 17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84" h="174">
                    <a:moveTo>
                      <a:pt x="84" y="132"/>
                    </a:moveTo>
                    <a:lnTo>
                      <a:pt x="78" y="144"/>
                    </a:lnTo>
                    <a:lnTo>
                      <a:pt x="60" y="162"/>
                    </a:lnTo>
                    <a:lnTo>
                      <a:pt x="6" y="174"/>
                    </a:lnTo>
                    <a:lnTo>
                      <a:pt x="0" y="120"/>
                    </a:lnTo>
                    <a:lnTo>
                      <a:pt x="6" y="72"/>
                    </a:lnTo>
                    <a:lnTo>
                      <a:pt x="18" y="54"/>
                    </a:lnTo>
                    <a:lnTo>
                      <a:pt x="18" y="6"/>
                    </a:lnTo>
                    <a:lnTo>
                      <a:pt x="30" y="0"/>
                    </a:lnTo>
                    <a:lnTo>
                      <a:pt x="66" y="114"/>
                    </a:lnTo>
                    <a:lnTo>
                      <a:pt x="78" y="132"/>
                    </a:lnTo>
                    <a:lnTo>
                      <a:pt x="84" y="13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78" name="Freeform 206"/>
              <p:cNvSpPr>
                <a:spLocks noChangeAspect="1"/>
              </p:cNvSpPr>
              <p:nvPr/>
            </p:nvSpPr>
            <p:spPr bwMode="auto">
              <a:xfrm>
                <a:off x="5191" y="1147"/>
                <a:ext cx="64" cy="118"/>
              </a:xfrm>
              <a:custGeom>
                <a:avLst/>
                <a:gdLst>
                  <a:gd name="T0" fmla="*/ 37 w 84"/>
                  <a:gd name="T1" fmla="*/ 41 h 174"/>
                  <a:gd name="T2" fmla="*/ 34 w 84"/>
                  <a:gd name="T3" fmla="*/ 45 h 174"/>
                  <a:gd name="T4" fmla="*/ 27 w 84"/>
                  <a:gd name="T5" fmla="*/ 51 h 174"/>
                  <a:gd name="T6" fmla="*/ 3 w 84"/>
                  <a:gd name="T7" fmla="*/ 54 h 174"/>
                  <a:gd name="T8" fmla="*/ 0 w 84"/>
                  <a:gd name="T9" fmla="*/ 37 h 174"/>
                  <a:gd name="T10" fmla="*/ 3 w 84"/>
                  <a:gd name="T11" fmla="*/ 22 h 174"/>
                  <a:gd name="T12" fmla="*/ 8 w 84"/>
                  <a:gd name="T13" fmla="*/ 17 h 174"/>
                  <a:gd name="T14" fmla="*/ 8 w 84"/>
                  <a:gd name="T15" fmla="*/ 2 h 174"/>
                  <a:gd name="T16" fmla="*/ 14 w 84"/>
                  <a:gd name="T17" fmla="*/ 0 h 174"/>
                  <a:gd name="T18" fmla="*/ 29 w 84"/>
                  <a:gd name="T19" fmla="*/ 35 h 174"/>
                  <a:gd name="T20" fmla="*/ 34 w 84"/>
                  <a:gd name="T21" fmla="*/ 41 h 174"/>
                  <a:gd name="T22" fmla="*/ 37 w 84"/>
                  <a:gd name="T23" fmla="*/ 41 h 174"/>
                  <a:gd name="T24" fmla="*/ 37 w 84"/>
                  <a:gd name="T25" fmla="*/ 43 h 174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84"/>
                  <a:gd name="T40" fmla="*/ 0 h 174"/>
                  <a:gd name="T41" fmla="*/ 84 w 84"/>
                  <a:gd name="T42" fmla="*/ 174 h 174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84" h="174">
                    <a:moveTo>
                      <a:pt x="84" y="132"/>
                    </a:moveTo>
                    <a:lnTo>
                      <a:pt x="78" y="144"/>
                    </a:lnTo>
                    <a:lnTo>
                      <a:pt x="60" y="162"/>
                    </a:lnTo>
                    <a:lnTo>
                      <a:pt x="6" y="174"/>
                    </a:lnTo>
                    <a:lnTo>
                      <a:pt x="0" y="120"/>
                    </a:lnTo>
                    <a:lnTo>
                      <a:pt x="6" y="72"/>
                    </a:lnTo>
                    <a:lnTo>
                      <a:pt x="18" y="54"/>
                    </a:lnTo>
                    <a:lnTo>
                      <a:pt x="18" y="6"/>
                    </a:lnTo>
                    <a:lnTo>
                      <a:pt x="30" y="0"/>
                    </a:lnTo>
                    <a:lnTo>
                      <a:pt x="66" y="114"/>
                    </a:lnTo>
                    <a:lnTo>
                      <a:pt x="78" y="132"/>
                    </a:lnTo>
                    <a:lnTo>
                      <a:pt x="84" y="132"/>
                    </a:lnTo>
                    <a:lnTo>
                      <a:pt x="84" y="13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79" name="Freeform 207"/>
              <p:cNvSpPr>
                <a:spLocks noChangeAspect="1"/>
              </p:cNvSpPr>
              <p:nvPr/>
            </p:nvSpPr>
            <p:spPr bwMode="auto">
              <a:xfrm>
                <a:off x="5122" y="1338"/>
                <a:ext cx="50" cy="106"/>
              </a:xfrm>
              <a:custGeom>
                <a:avLst/>
                <a:gdLst>
                  <a:gd name="T0" fmla="*/ 26 w 66"/>
                  <a:gd name="T1" fmla="*/ 7 h 156"/>
                  <a:gd name="T2" fmla="*/ 20 w 66"/>
                  <a:gd name="T3" fmla="*/ 15 h 156"/>
                  <a:gd name="T4" fmla="*/ 29 w 66"/>
                  <a:gd name="T5" fmla="*/ 17 h 156"/>
                  <a:gd name="T6" fmla="*/ 29 w 66"/>
                  <a:gd name="T7" fmla="*/ 32 h 156"/>
                  <a:gd name="T8" fmla="*/ 18 w 66"/>
                  <a:gd name="T9" fmla="*/ 49 h 156"/>
                  <a:gd name="T10" fmla="*/ 15 w 66"/>
                  <a:gd name="T11" fmla="*/ 49 h 156"/>
                  <a:gd name="T12" fmla="*/ 18 w 66"/>
                  <a:gd name="T13" fmla="*/ 46 h 156"/>
                  <a:gd name="T14" fmla="*/ 3 w 66"/>
                  <a:gd name="T15" fmla="*/ 41 h 156"/>
                  <a:gd name="T16" fmla="*/ 0 w 66"/>
                  <a:gd name="T17" fmla="*/ 35 h 156"/>
                  <a:gd name="T18" fmla="*/ 3 w 66"/>
                  <a:gd name="T19" fmla="*/ 34 h 156"/>
                  <a:gd name="T20" fmla="*/ 13 w 66"/>
                  <a:gd name="T21" fmla="*/ 24 h 156"/>
                  <a:gd name="T22" fmla="*/ 3 w 66"/>
                  <a:gd name="T23" fmla="*/ 17 h 156"/>
                  <a:gd name="T24" fmla="*/ 0 w 66"/>
                  <a:gd name="T25" fmla="*/ 10 h 156"/>
                  <a:gd name="T26" fmla="*/ 8 w 66"/>
                  <a:gd name="T27" fmla="*/ 0 h 156"/>
                  <a:gd name="T28" fmla="*/ 26 w 66"/>
                  <a:gd name="T29" fmla="*/ 7 h 15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w 66"/>
                  <a:gd name="T46" fmla="*/ 0 h 156"/>
                  <a:gd name="T47" fmla="*/ 66 w 66"/>
                  <a:gd name="T48" fmla="*/ 156 h 156"/>
                </a:gdLst>
                <a:ahLst/>
                <a:cxnLst>
                  <a:cxn ang="T30">
                    <a:pos x="T0" y="T1"/>
                  </a:cxn>
                  <a:cxn ang="T31">
                    <a:pos x="T2" y="T3"/>
                  </a:cxn>
                  <a:cxn ang="T32">
                    <a:pos x="T4" y="T5"/>
                  </a:cxn>
                  <a:cxn ang="T33">
                    <a:pos x="T6" y="T7"/>
                  </a:cxn>
                  <a:cxn ang="T34">
                    <a:pos x="T8" y="T9"/>
                  </a:cxn>
                  <a:cxn ang="T35">
                    <a:pos x="T10" y="T11"/>
                  </a:cxn>
                  <a:cxn ang="T36">
                    <a:pos x="T12" y="T13"/>
                  </a:cxn>
                  <a:cxn ang="T37">
                    <a:pos x="T14" y="T15"/>
                  </a:cxn>
                  <a:cxn ang="T38">
                    <a:pos x="T16" y="T17"/>
                  </a:cxn>
                  <a:cxn ang="T39">
                    <a:pos x="T18" y="T19"/>
                  </a:cxn>
                  <a:cxn ang="T40">
                    <a:pos x="T20" y="T21"/>
                  </a:cxn>
                  <a:cxn ang="T41">
                    <a:pos x="T22" y="T23"/>
                  </a:cxn>
                  <a:cxn ang="T42">
                    <a:pos x="T24" y="T25"/>
                  </a:cxn>
                  <a:cxn ang="T43">
                    <a:pos x="T26" y="T27"/>
                  </a:cxn>
                  <a:cxn ang="T44">
                    <a:pos x="T28" y="T29"/>
                  </a:cxn>
                </a:cxnLst>
                <a:rect l="T45" t="T46" r="T47" b="T48"/>
                <a:pathLst>
                  <a:path w="66" h="156">
                    <a:moveTo>
                      <a:pt x="60" y="24"/>
                    </a:moveTo>
                    <a:lnTo>
                      <a:pt x="48" y="48"/>
                    </a:lnTo>
                    <a:lnTo>
                      <a:pt x="66" y="54"/>
                    </a:lnTo>
                    <a:lnTo>
                      <a:pt x="66" y="102"/>
                    </a:lnTo>
                    <a:lnTo>
                      <a:pt x="42" y="156"/>
                    </a:lnTo>
                    <a:lnTo>
                      <a:pt x="36" y="156"/>
                    </a:lnTo>
                    <a:lnTo>
                      <a:pt x="42" y="144"/>
                    </a:lnTo>
                    <a:lnTo>
                      <a:pt x="6" y="132"/>
                    </a:lnTo>
                    <a:lnTo>
                      <a:pt x="0" y="114"/>
                    </a:lnTo>
                    <a:lnTo>
                      <a:pt x="6" y="108"/>
                    </a:lnTo>
                    <a:lnTo>
                      <a:pt x="30" y="78"/>
                    </a:lnTo>
                    <a:lnTo>
                      <a:pt x="6" y="54"/>
                    </a:lnTo>
                    <a:lnTo>
                      <a:pt x="0" y="30"/>
                    </a:lnTo>
                    <a:lnTo>
                      <a:pt x="18" y="0"/>
                    </a:lnTo>
                    <a:lnTo>
                      <a:pt x="60" y="24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80" name="Freeform 208"/>
              <p:cNvSpPr>
                <a:spLocks noChangeAspect="1"/>
              </p:cNvSpPr>
              <p:nvPr/>
            </p:nvSpPr>
            <p:spPr bwMode="auto">
              <a:xfrm>
                <a:off x="5122" y="1338"/>
                <a:ext cx="50" cy="106"/>
              </a:xfrm>
              <a:custGeom>
                <a:avLst/>
                <a:gdLst>
                  <a:gd name="T0" fmla="*/ 26 w 66"/>
                  <a:gd name="T1" fmla="*/ 7 h 156"/>
                  <a:gd name="T2" fmla="*/ 20 w 66"/>
                  <a:gd name="T3" fmla="*/ 15 h 156"/>
                  <a:gd name="T4" fmla="*/ 29 w 66"/>
                  <a:gd name="T5" fmla="*/ 17 h 156"/>
                  <a:gd name="T6" fmla="*/ 29 w 66"/>
                  <a:gd name="T7" fmla="*/ 30 h 156"/>
                  <a:gd name="T8" fmla="*/ 29 w 66"/>
                  <a:gd name="T9" fmla="*/ 24 h 156"/>
                  <a:gd name="T10" fmla="*/ 29 w 66"/>
                  <a:gd name="T11" fmla="*/ 32 h 156"/>
                  <a:gd name="T12" fmla="*/ 18 w 66"/>
                  <a:gd name="T13" fmla="*/ 49 h 156"/>
                  <a:gd name="T14" fmla="*/ 15 w 66"/>
                  <a:gd name="T15" fmla="*/ 49 h 156"/>
                  <a:gd name="T16" fmla="*/ 18 w 66"/>
                  <a:gd name="T17" fmla="*/ 46 h 156"/>
                  <a:gd name="T18" fmla="*/ 3 w 66"/>
                  <a:gd name="T19" fmla="*/ 41 h 156"/>
                  <a:gd name="T20" fmla="*/ 0 w 66"/>
                  <a:gd name="T21" fmla="*/ 35 h 156"/>
                  <a:gd name="T22" fmla="*/ 3 w 66"/>
                  <a:gd name="T23" fmla="*/ 34 h 156"/>
                  <a:gd name="T24" fmla="*/ 13 w 66"/>
                  <a:gd name="T25" fmla="*/ 24 h 156"/>
                  <a:gd name="T26" fmla="*/ 3 w 66"/>
                  <a:gd name="T27" fmla="*/ 17 h 156"/>
                  <a:gd name="T28" fmla="*/ 0 w 66"/>
                  <a:gd name="T29" fmla="*/ 10 h 156"/>
                  <a:gd name="T30" fmla="*/ 8 w 66"/>
                  <a:gd name="T31" fmla="*/ 0 h 156"/>
                  <a:gd name="T32" fmla="*/ 26 w 66"/>
                  <a:gd name="T33" fmla="*/ 7 h 156"/>
                  <a:gd name="T34" fmla="*/ 26 w 66"/>
                  <a:gd name="T35" fmla="*/ 10 h 15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66"/>
                  <a:gd name="T55" fmla="*/ 0 h 156"/>
                  <a:gd name="T56" fmla="*/ 66 w 66"/>
                  <a:gd name="T57" fmla="*/ 156 h 156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66" h="156">
                    <a:moveTo>
                      <a:pt x="60" y="24"/>
                    </a:moveTo>
                    <a:lnTo>
                      <a:pt x="48" y="48"/>
                    </a:lnTo>
                    <a:lnTo>
                      <a:pt x="66" y="54"/>
                    </a:lnTo>
                    <a:lnTo>
                      <a:pt x="66" y="96"/>
                    </a:lnTo>
                    <a:lnTo>
                      <a:pt x="66" y="78"/>
                    </a:lnTo>
                    <a:lnTo>
                      <a:pt x="66" y="102"/>
                    </a:lnTo>
                    <a:lnTo>
                      <a:pt x="42" y="156"/>
                    </a:lnTo>
                    <a:lnTo>
                      <a:pt x="36" y="156"/>
                    </a:lnTo>
                    <a:lnTo>
                      <a:pt x="42" y="144"/>
                    </a:lnTo>
                    <a:lnTo>
                      <a:pt x="6" y="132"/>
                    </a:lnTo>
                    <a:lnTo>
                      <a:pt x="0" y="114"/>
                    </a:lnTo>
                    <a:lnTo>
                      <a:pt x="6" y="108"/>
                    </a:lnTo>
                    <a:lnTo>
                      <a:pt x="30" y="78"/>
                    </a:lnTo>
                    <a:lnTo>
                      <a:pt x="6" y="54"/>
                    </a:lnTo>
                    <a:lnTo>
                      <a:pt x="0" y="30"/>
                    </a:lnTo>
                    <a:lnTo>
                      <a:pt x="18" y="0"/>
                    </a:lnTo>
                    <a:lnTo>
                      <a:pt x="60" y="24"/>
                    </a:lnTo>
                    <a:lnTo>
                      <a:pt x="60" y="3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81" name="Freeform 209"/>
              <p:cNvSpPr>
                <a:spLocks noChangeAspect="1"/>
              </p:cNvSpPr>
              <p:nvPr/>
            </p:nvSpPr>
            <p:spPr bwMode="auto">
              <a:xfrm>
                <a:off x="3818" y="1575"/>
                <a:ext cx="274" cy="248"/>
              </a:xfrm>
              <a:custGeom>
                <a:avLst/>
                <a:gdLst>
                  <a:gd name="T0" fmla="*/ 156 w 360"/>
                  <a:gd name="T1" fmla="*/ 20 h 366"/>
                  <a:gd name="T2" fmla="*/ 145 w 360"/>
                  <a:gd name="T3" fmla="*/ 110 h 366"/>
                  <a:gd name="T4" fmla="*/ 61 w 360"/>
                  <a:gd name="T5" fmla="*/ 104 h 366"/>
                  <a:gd name="T6" fmla="*/ 64 w 360"/>
                  <a:gd name="T7" fmla="*/ 108 h 366"/>
                  <a:gd name="T8" fmla="*/ 24 w 360"/>
                  <a:gd name="T9" fmla="*/ 104 h 366"/>
                  <a:gd name="T10" fmla="*/ 21 w 360"/>
                  <a:gd name="T11" fmla="*/ 114 h 366"/>
                  <a:gd name="T12" fmla="*/ 0 w 360"/>
                  <a:gd name="T13" fmla="*/ 112 h 366"/>
                  <a:gd name="T14" fmla="*/ 5 w 360"/>
                  <a:gd name="T15" fmla="*/ 89 h 366"/>
                  <a:gd name="T16" fmla="*/ 24 w 360"/>
                  <a:gd name="T17" fmla="*/ 0 h 366"/>
                  <a:gd name="T18" fmla="*/ 159 w 360"/>
                  <a:gd name="T19" fmla="*/ 9 h 366"/>
                  <a:gd name="T20" fmla="*/ 156 w 360"/>
                  <a:gd name="T21" fmla="*/ 20 h 36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60"/>
                  <a:gd name="T34" fmla="*/ 0 h 366"/>
                  <a:gd name="T35" fmla="*/ 360 w 360"/>
                  <a:gd name="T36" fmla="*/ 366 h 366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60" h="366">
                    <a:moveTo>
                      <a:pt x="354" y="66"/>
                    </a:moveTo>
                    <a:lnTo>
                      <a:pt x="330" y="354"/>
                    </a:lnTo>
                    <a:lnTo>
                      <a:pt x="138" y="336"/>
                    </a:lnTo>
                    <a:lnTo>
                      <a:pt x="144" y="348"/>
                    </a:lnTo>
                    <a:lnTo>
                      <a:pt x="54" y="336"/>
                    </a:lnTo>
                    <a:lnTo>
                      <a:pt x="48" y="366"/>
                    </a:lnTo>
                    <a:lnTo>
                      <a:pt x="0" y="360"/>
                    </a:lnTo>
                    <a:lnTo>
                      <a:pt x="12" y="288"/>
                    </a:lnTo>
                    <a:lnTo>
                      <a:pt x="54" y="0"/>
                    </a:lnTo>
                    <a:lnTo>
                      <a:pt x="360" y="30"/>
                    </a:lnTo>
                    <a:lnTo>
                      <a:pt x="354" y="6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82" name="Freeform 210"/>
              <p:cNvSpPr>
                <a:spLocks noChangeAspect="1"/>
              </p:cNvSpPr>
              <p:nvPr/>
            </p:nvSpPr>
            <p:spPr bwMode="auto">
              <a:xfrm>
                <a:off x="3818" y="1575"/>
                <a:ext cx="274" cy="248"/>
              </a:xfrm>
              <a:custGeom>
                <a:avLst/>
                <a:gdLst>
                  <a:gd name="T0" fmla="*/ 156 w 360"/>
                  <a:gd name="T1" fmla="*/ 20 h 366"/>
                  <a:gd name="T2" fmla="*/ 145 w 360"/>
                  <a:gd name="T3" fmla="*/ 110 h 366"/>
                  <a:gd name="T4" fmla="*/ 61 w 360"/>
                  <a:gd name="T5" fmla="*/ 104 h 366"/>
                  <a:gd name="T6" fmla="*/ 64 w 360"/>
                  <a:gd name="T7" fmla="*/ 108 h 366"/>
                  <a:gd name="T8" fmla="*/ 24 w 360"/>
                  <a:gd name="T9" fmla="*/ 104 h 366"/>
                  <a:gd name="T10" fmla="*/ 21 w 360"/>
                  <a:gd name="T11" fmla="*/ 114 h 366"/>
                  <a:gd name="T12" fmla="*/ 0 w 360"/>
                  <a:gd name="T13" fmla="*/ 112 h 366"/>
                  <a:gd name="T14" fmla="*/ 5 w 360"/>
                  <a:gd name="T15" fmla="*/ 89 h 366"/>
                  <a:gd name="T16" fmla="*/ 24 w 360"/>
                  <a:gd name="T17" fmla="*/ 0 h 366"/>
                  <a:gd name="T18" fmla="*/ 159 w 360"/>
                  <a:gd name="T19" fmla="*/ 9 h 366"/>
                  <a:gd name="T20" fmla="*/ 156 w 360"/>
                  <a:gd name="T21" fmla="*/ 20 h 366"/>
                  <a:gd name="T22" fmla="*/ 156 w 360"/>
                  <a:gd name="T23" fmla="*/ 22 h 36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60"/>
                  <a:gd name="T37" fmla="*/ 0 h 366"/>
                  <a:gd name="T38" fmla="*/ 360 w 360"/>
                  <a:gd name="T39" fmla="*/ 366 h 366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60" h="366">
                    <a:moveTo>
                      <a:pt x="354" y="66"/>
                    </a:moveTo>
                    <a:lnTo>
                      <a:pt x="330" y="354"/>
                    </a:lnTo>
                    <a:lnTo>
                      <a:pt x="138" y="336"/>
                    </a:lnTo>
                    <a:lnTo>
                      <a:pt x="144" y="348"/>
                    </a:lnTo>
                    <a:lnTo>
                      <a:pt x="54" y="336"/>
                    </a:lnTo>
                    <a:lnTo>
                      <a:pt x="48" y="366"/>
                    </a:lnTo>
                    <a:lnTo>
                      <a:pt x="0" y="360"/>
                    </a:lnTo>
                    <a:lnTo>
                      <a:pt x="12" y="288"/>
                    </a:lnTo>
                    <a:lnTo>
                      <a:pt x="54" y="0"/>
                    </a:lnTo>
                    <a:lnTo>
                      <a:pt x="360" y="30"/>
                    </a:lnTo>
                    <a:lnTo>
                      <a:pt x="354" y="66"/>
                    </a:lnTo>
                    <a:lnTo>
                      <a:pt x="354" y="7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83" name="Freeform 211"/>
              <p:cNvSpPr>
                <a:spLocks noChangeAspect="1"/>
              </p:cNvSpPr>
              <p:nvPr/>
            </p:nvSpPr>
            <p:spPr bwMode="auto">
              <a:xfrm>
                <a:off x="4943" y="1175"/>
                <a:ext cx="234" cy="180"/>
              </a:xfrm>
              <a:custGeom>
                <a:avLst/>
                <a:gdLst>
                  <a:gd name="T0" fmla="*/ 132 w 306"/>
                  <a:gd name="T1" fmla="*/ 44 h 264"/>
                  <a:gd name="T2" fmla="*/ 132 w 306"/>
                  <a:gd name="T3" fmla="*/ 59 h 264"/>
                  <a:gd name="T4" fmla="*/ 137 w 306"/>
                  <a:gd name="T5" fmla="*/ 76 h 264"/>
                  <a:gd name="T6" fmla="*/ 137 w 306"/>
                  <a:gd name="T7" fmla="*/ 80 h 264"/>
                  <a:gd name="T8" fmla="*/ 134 w 306"/>
                  <a:gd name="T9" fmla="*/ 84 h 264"/>
                  <a:gd name="T10" fmla="*/ 132 w 306"/>
                  <a:gd name="T11" fmla="*/ 84 h 264"/>
                  <a:gd name="T12" fmla="*/ 113 w 306"/>
                  <a:gd name="T13" fmla="*/ 76 h 264"/>
                  <a:gd name="T14" fmla="*/ 105 w 306"/>
                  <a:gd name="T15" fmla="*/ 74 h 264"/>
                  <a:gd name="T16" fmla="*/ 94 w 306"/>
                  <a:gd name="T17" fmla="*/ 66 h 264"/>
                  <a:gd name="T18" fmla="*/ 3 w 306"/>
                  <a:gd name="T19" fmla="*/ 78 h 264"/>
                  <a:gd name="T20" fmla="*/ 0 w 306"/>
                  <a:gd name="T21" fmla="*/ 74 h 264"/>
                  <a:gd name="T22" fmla="*/ 16 w 306"/>
                  <a:gd name="T23" fmla="*/ 61 h 264"/>
                  <a:gd name="T24" fmla="*/ 11 w 306"/>
                  <a:gd name="T25" fmla="*/ 51 h 264"/>
                  <a:gd name="T26" fmla="*/ 29 w 306"/>
                  <a:gd name="T27" fmla="*/ 48 h 264"/>
                  <a:gd name="T28" fmla="*/ 43 w 306"/>
                  <a:gd name="T29" fmla="*/ 48 h 264"/>
                  <a:gd name="T30" fmla="*/ 59 w 306"/>
                  <a:gd name="T31" fmla="*/ 44 h 264"/>
                  <a:gd name="T32" fmla="*/ 67 w 306"/>
                  <a:gd name="T33" fmla="*/ 38 h 264"/>
                  <a:gd name="T34" fmla="*/ 64 w 306"/>
                  <a:gd name="T35" fmla="*/ 33 h 264"/>
                  <a:gd name="T36" fmla="*/ 67 w 306"/>
                  <a:gd name="T37" fmla="*/ 29 h 264"/>
                  <a:gd name="T38" fmla="*/ 64 w 306"/>
                  <a:gd name="T39" fmla="*/ 30 h 264"/>
                  <a:gd name="T40" fmla="*/ 62 w 306"/>
                  <a:gd name="T41" fmla="*/ 27 h 264"/>
                  <a:gd name="T42" fmla="*/ 78 w 306"/>
                  <a:gd name="T43" fmla="*/ 10 h 264"/>
                  <a:gd name="T44" fmla="*/ 86 w 306"/>
                  <a:gd name="T45" fmla="*/ 3 h 264"/>
                  <a:gd name="T46" fmla="*/ 115 w 306"/>
                  <a:gd name="T47" fmla="*/ 0 h 264"/>
                  <a:gd name="T48" fmla="*/ 121 w 306"/>
                  <a:gd name="T49" fmla="*/ 19 h 264"/>
                  <a:gd name="T50" fmla="*/ 123 w 306"/>
                  <a:gd name="T51" fmla="*/ 29 h 264"/>
                  <a:gd name="T52" fmla="*/ 126 w 306"/>
                  <a:gd name="T53" fmla="*/ 29 h 264"/>
                  <a:gd name="T54" fmla="*/ 132 w 306"/>
                  <a:gd name="T55" fmla="*/ 44 h 264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306"/>
                  <a:gd name="T85" fmla="*/ 0 h 264"/>
                  <a:gd name="T86" fmla="*/ 306 w 306"/>
                  <a:gd name="T87" fmla="*/ 264 h 264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306" h="264">
                    <a:moveTo>
                      <a:pt x="294" y="138"/>
                    </a:moveTo>
                    <a:lnTo>
                      <a:pt x="294" y="186"/>
                    </a:lnTo>
                    <a:lnTo>
                      <a:pt x="306" y="240"/>
                    </a:lnTo>
                    <a:lnTo>
                      <a:pt x="306" y="252"/>
                    </a:lnTo>
                    <a:lnTo>
                      <a:pt x="300" y="264"/>
                    </a:lnTo>
                    <a:lnTo>
                      <a:pt x="294" y="264"/>
                    </a:lnTo>
                    <a:lnTo>
                      <a:pt x="252" y="240"/>
                    </a:lnTo>
                    <a:lnTo>
                      <a:pt x="234" y="234"/>
                    </a:lnTo>
                    <a:lnTo>
                      <a:pt x="210" y="210"/>
                    </a:lnTo>
                    <a:lnTo>
                      <a:pt x="6" y="246"/>
                    </a:lnTo>
                    <a:lnTo>
                      <a:pt x="0" y="234"/>
                    </a:lnTo>
                    <a:lnTo>
                      <a:pt x="36" y="192"/>
                    </a:lnTo>
                    <a:lnTo>
                      <a:pt x="24" y="162"/>
                    </a:lnTo>
                    <a:lnTo>
                      <a:pt x="66" y="150"/>
                    </a:lnTo>
                    <a:lnTo>
                      <a:pt x="96" y="150"/>
                    </a:lnTo>
                    <a:lnTo>
                      <a:pt x="132" y="138"/>
                    </a:lnTo>
                    <a:lnTo>
                      <a:pt x="150" y="120"/>
                    </a:lnTo>
                    <a:lnTo>
                      <a:pt x="144" y="102"/>
                    </a:lnTo>
                    <a:lnTo>
                      <a:pt x="150" y="90"/>
                    </a:lnTo>
                    <a:lnTo>
                      <a:pt x="144" y="96"/>
                    </a:lnTo>
                    <a:lnTo>
                      <a:pt x="138" y="84"/>
                    </a:lnTo>
                    <a:lnTo>
                      <a:pt x="174" y="30"/>
                    </a:lnTo>
                    <a:lnTo>
                      <a:pt x="192" y="12"/>
                    </a:lnTo>
                    <a:lnTo>
                      <a:pt x="258" y="0"/>
                    </a:lnTo>
                    <a:lnTo>
                      <a:pt x="270" y="60"/>
                    </a:lnTo>
                    <a:lnTo>
                      <a:pt x="276" y="90"/>
                    </a:lnTo>
                    <a:lnTo>
                      <a:pt x="282" y="90"/>
                    </a:lnTo>
                    <a:lnTo>
                      <a:pt x="294" y="138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84" name="Freeform 212"/>
              <p:cNvSpPr>
                <a:spLocks noChangeAspect="1"/>
              </p:cNvSpPr>
              <p:nvPr/>
            </p:nvSpPr>
            <p:spPr bwMode="auto">
              <a:xfrm>
                <a:off x="4943" y="1175"/>
                <a:ext cx="234" cy="180"/>
              </a:xfrm>
              <a:custGeom>
                <a:avLst/>
                <a:gdLst>
                  <a:gd name="T0" fmla="*/ 132 w 306"/>
                  <a:gd name="T1" fmla="*/ 44 h 264"/>
                  <a:gd name="T2" fmla="*/ 132 w 306"/>
                  <a:gd name="T3" fmla="*/ 59 h 264"/>
                  <a:gd name="T4" fmla="*/ 137 w 306"/>
                  <a:gd name="T5" fmla="*/ 76 h 264"/>
                  <a:gd name="T6" fmla="*/ 137 w 306"/>
                  <a:gd name="T7" fmla="*/ 80 h 264"/>
                  <a:gd name="T8" fmla="*/ 134 w 306"/>
                  <a:gd name="T9" fmla="*/ 84 h 264"/>
                  <a:gd name="T10" fmla="*/ 132 w 306"/>
                  <a:gd name="T11" fmla="*/ 84 h 264"/>
                  <a:gd name="T12" fmla="*/ 113 w 306"/>
                  <a:gd name="T13" fmla="*/ 76 h 264"/>
                  <a:gd name="T14" fmla="*/ 105 w 306"/>
                  <a:gd name="T15" fmla="*/ 74 h 264"/>
                  <a:gd name="T16" fmla="*/ 94 w 306"/>
                  <a:gd name="T17" fmla="*/ 66 h 264"/>
                  <a:gd name="T18" fmla="*/ 3 w 306"/>
                  <a:gd name="T19" fmla="*/ 78 h 264"/>
                  <a:gd name="T20" fmla="*/ 0 w 306"/>
                  <a:gd name="T21" fmla="*/ 74 h 264"/>
                  <a:gd name="T22" fmla="*/ 16 w 306"/>
                  <a:gd name="T23" fmla="*/ 61 h 264"/>
                  <a:gd name="T24" fmla="*/ 11 w 306"/>
                  <a:gd name="T25" fmla="*/ 51 h 264"/>
                  <a:gd name="T26" fmla="*/ 29 w 306"/>
                  <a:gd name="T27" fmla="*/ 48 h 264"/>
                  <a:gd name="T28" fmla="*/ 43 w 306"/>
                  <a:gd name="T29" fmla="*/ 48 h 264"/>
                  <a:gd name="T30" fmla="*/ 59 w 306"/>
                  <a:gd name="T31" fmla="*/ 44 h 264"/>
                  <a:gd name="T32" fmla="*/ 67 w 306"/>
                  <a:gd name="T33" fmla="*/ 38 h 264"/>
                  <a:gd name="T34" fmla="*/ 64 w 306"/>
                  <a:gd name="T35" fmla="*/ 33 h 264"/>
                  <a:gd name="T36" fmla="*/ 67 w 306"/>
                  <a:gd name="T37" fmla="*/ 29 h 264"/>
                  <a:gd name="T38" fmla="*/ 64 w 306"/>
                  <a:gd name="T39" fmla="*/ 30 h 264"/>
                  <a:gd name="T40" fmla="*/ 62 w 306"/>
                  <a:gd name="T41" fmla="*/ 27 h 264"/>
                  <a:gd name="T42" fmla="*/ 78 w 306"/>
                  <a:gd name="T43" fmla="*/ 10 h 264"/>
                  <a:gd name="T44" fmla="*/ 86 w 306"/>
                  <a:gd name="T45" fmla="*/ 3 h 264"/>
                  <a:gd name="T46" fmla="*/ 115 w 306"/>
                  <a:gd name="T47" fmla="*/ 0 h 264"/>
                  <a:gd name="T48" fmla="*/ 121 w 306"/>
                  <a:gd name="T49" fmla="*/ 19 h 264"/>
                  <a:gd name="T50" fmla="*/ 123 w 306"/>
                  <a:gd name="T51" fmla="*/ 29 h 264"/>
                  <a:gd name="T52" fmla="*/ 126 w 306"/>
                  <a:gd name="T53" fmla="*/ 29 h 264"/>
                  <a:gd name="T54" fmla="*/ 132 w 306"/>
                  <a:gd name="T55" fmla="*/ 44 h 264"/>
                  <a:gd name="T56" fmla="*/ 132 w 306"/>
                  <a:gd name="T57" fmla="*/ 46 h 264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w 306"/>
                  <a:gd name="T88" fmla="*/ 0 h 264"/>
                  <a:gd name="T89" fmla="*/ 306 w 306"/>
                  <a:gd name="T90" fmla="*/ 264 h 264"/>
                </a:gdLst>
                <a:ahLst/>
                <a:cxnLst>
                  <a:cxn ang="T58">
                    <a:pos x="T0" y="T1"/>
                  </a:cxn>
                  <a:cxn ang="T59">
                    <a:pos x="T2" y="T3"/>
                  </a:cxn>
                  <a:cxn ang="T60">
                    <a:pos x="T4" y="T5"/>
                  </a:cxn>
                  <a:cxn ang="T61">
                    <a:pos x="T6" y="T7"/>
                  </a:cxn>
                  <a:cxn ang="T62">
                    <a:pos x="T8" y="T9"/>
                  </a:cxn>
                  <a:cxn ang="T63">
                    <a:pos x="T10" y="T11"/>
                  </a:cxn>
                  <a:cxn ang="T64">
                    <a:pos x="T12" y="T13"/>
                  </a:cxn>
                  <a:cxn ang="T65">
                    <a:pos x="T14" y="T15"/>
                  </a:cxn>
                  <a:cxn ang="T66">
                    <a:pos x="T16" y="T17"/>
                  </a:cxn>
                  <a:cxn ang="T67">
                    <a:pos x="T18" y="T19"/>
                  </a:cxn>
                  <a:cxn ang="T68">
                    <a:pos x="T20" y="T21"/>
                  </a:cxn>
                  <a:cxn ang="T69">
                    <a:pos x="T22" y="T23"/>
                  </a:cxn>
                  <a:cxn ang="T70">
                    <a:pos x="T24" y="T25"/>
                  </a:cxn>
                  <a:cxn ang="T71">
                    <a:pos x="T26" y="T27"/>
                  </a:cxn>
                  <a:cxn ang="T72">
                    <a:pos x="T28" y="T29"/>
                  </a:cxn>
                  <a:cxn ang="T73">
                    <a:pos x="T30" y="T31"/>
                  </a:cxn>
                  <a:cxn ang="T74">
                    <a:pos x="T32" y="T33"/>
                  </a:cxn>
                  <a:cxn ang="T75">
                    <a:pos x="T34" y="T35"/>
                  </a:cxn>
                  <a:cxn ang="T76">
                    <a:pos x="T36" y="T37"/>
                  </a:cxn>
                  <a:cxn ang="T77">
                    <a:pos x="T38" y="T39"/>
                  </a:cxn>
                  <a:cxn ang="T78">
                    <a:pos x="T40" y="T41"/>
                  </a:cxn>
                  <a:cxn ang="T79">
                    <a:pos x="T42" y="T43"/>
                  </a:cxn>
                  <a:cxn ang="T80">
                    <a:pos x="T44" y="T45"/>
                  </a:cxn>
                  <a:cxn ang="T81">
                    <a:pos x="T46" y="T47"/>
                  </a:cxn>
                  <a:cxn ang="T82">
                    <a:pos x="T48" y="T49"/>
                  </a:cxn>
                  <a:cxn ang="T83">
                    <a:pos x="T50" y="T51"/>
                  </a:cxn>
                  <a:cxn ang="T84">
                    <a:pos x="T52" y="T53"/>
                  </a:cxn>
                  <a:cxn ang="T85">
                    <a:pos x="T54" y="T55"/>
                  </a:cxn>
                  <a:cxn ang="T86">
                    <a:pos x="T56" y="T57"/>
                  </a:cxn>
                </a:cxnLst>
                <a:rect l="T87" t="T88" r="T89" b="T90"/>
                <a:pathLst>
                  <a:path w="306" h="264">
                    <a:moveTo>
                      <a:pt x="294" y="138"/>
                    </a:moveTo>
                    <a:lnTo>
                      <a:pt x="294" y="186"/>
                    </a:lnTo>
                    <a:lnTo>
                      <a:pt x="306" y="240"/>
                    </a:lnTo>
                    <a:lnTo>
                      <a:pt x="306" y="252"/>
                    </a:lnTo>
                    <a:lnTo>
                      <a:pt x="300" y="264"/>
                    </a:lnTo>
                    <a:lnTo>
                      <a:pt x="294" y="264"/>
                    </a:lnTo>
                    <a:lnTo>
                      <a:pt x="252" y="240"/>
                    </a:lnTo>
                    <a:lnTo>
                      <a:pt x="234" y="234"/>
                    </a:lnTo>
                    <a:lnTo>
                      <a:pt x="210" y="210"/>
                    </a:lnTo>
                    <a:lnTo>
                      <a:pt x="6" y="246"/>
                    </a:lnTo>
                    <a:lnTo>
                      <a:pt x="0" y="234"/>
                    </a:lnTo>
                    <a:lnTo>
                      <a:pt x="36" y="192"/>
                    </a:lnTo>
                    <a:lnTo>
                      <a:pt x="24" y="162"/>
                    </a:lnTo>
                    <a:lnTo>
                      <a:pt x="66" y="150"/>
                    </a:lnTo>
                    <a:lnTo>
                      <a:pt x="96" y="150"/>
                    </a:lnTo>
                    <a:lnTo>
                      <a:pt x="132" y="138"/>
                    </a:lnTo>
                    <a:lnTo>
                      <a:pt x="150" y="120"/>
                    </a:lnTo>
                    <a:lnTo>
                      <a:pt x="144" y="102"/>
                    </a:lnTo>
                    <a:lnTo>
                      <a:pt x="150" y="90"/>
                    </a:lnTo>
                    <a:lnTo>
                      <a:pt x="144" y="96"/>
                    </a:lnTo>
                    <a:lnTo>
                      <a:pt x="138" y="84"/>
                    </a:lnTo>
                    <a:lnTo>
                      <a:pt x="174" y="30"/>
                    </a:lnTo>
                    <a:lnTo>
                      <a:pt x="192" y="12"/>
                    </a:lnTo>
                    <a:lnTo>
                      <a:pt x="258" y="0"/>
                    </a:lnTo>
                    <a:lnTo>
                      <a:pt x="270" y="60"/>
                    </a:lnTo>
                    <a:lnTo>
                      <a:pt x="276" y="90"/>
                    </a:lnTo>
                    <a:lnTo>
                      <a:pt x="282" y="90"/>
                    </a:lnTo>
                    <a:lnTo>
                      <a:pt x="294" y="138"/>
                    </a:lnTo>
                    <a:lnTo>
                      <a:pt x="294" y="14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85" name="Freeform 213"/>
              <p:cNvSpPr>
                <a:spLocks noChangeAspect="1"/>
              </p:cNvSpPr>
              <p:nvPr/>
            </p:nvSpPr>
            <p:spPr bwMode="auto">
              <a:xfrm>
                <a:off x="5140" y="1554"/>
                <a:ext cx="23" cy="29"/>
              </a:xfrm>
              <a:custGeom>
                <a:avLst/>
                <a:gdLst>
                  <a:gd name="T0" fmla="*/ 0 w 30"/>
                  <a:gd name="T1" fmla="*/ 0 h 42"/>
                  <a:gd name="T2" fmla="*/ 14 w 30"/>
                  <a:gd name="T3" fmla="*/ 14 h 42"/>
                  <a:gd name="T4" fmla="*/ 0 w 30"/>
                  <a:gd name="T5" fmla="*/ 0 h 42"/>
                  <a:gd name="T6" fmla="*/ 0 w 30"/>
                  <a:gd name="T7" fmla="*/ 2 h 42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30"/>
                  <a:gd name="T13" fmla="*/ 0 h 42"/>
                  <a:gd name="T14" fmla="*/ 30 w 30"/>
                  <a:gd name="T15" fmla="*/ 42 h 42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30" h="42">
                    <a:moveTo>
                      <a:pt x="0" y="0"/>
                    </a:moveTo>
                    <a:lnTo>
                      <a:pt x="30" y="42"/>
                    </a:lnTo>
                    <a:lnTo>
                      <a:pt x="0" y="0"/>
                    </a:lnTo>
                    <a:lnTo>
                      <a:pt x="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86" name="Freeform 214"/>
              <p:cNvSpPr>
                <a:spLocks noChangeAspect="1"/>
              </p:cNvSpPr>
              <p:nvPr/>
            </p:nvSpPr>
            <p:spPr bwMode="auto">
              <a:xfrm>
                <a:off x="4825" y="1554"/>
                <a:ext cx="334" cy="131"/>
              </a:xfrm>
              <a:custGeom>
                <a:avLst/>
                <a:gdLst>
                  <a:gd name="T0" fmla="*/ 194 w 438"/>
                  <a:gd name="T1" fmla="*/ 17 h 192"/>
                  <a:gd name="T2" fmla="*/ 186 w 438"/>
                  <a:gd name="T3" fmla="*/ 25 h 192"/>
                  <a:gd name="T4" fmla="*/ 178 w 438"/>
                  <a:gd name="T5" fmla="*/ 25 h 192"/>
                  <a:gd name="T6" fmla="*/ 175 w 438"/>
                  <a:gd name="T7" fmla="*/ 21 h 192"/>
                  <a:gd name="T8" fmla="*/ 172 w 438"/>
                  <a:gd name="T9" fmla="*/ 23 h 192"/>
                  <a:gd name="T10" fmla="*/ 175 w 438"/>
                  <a:gd name="T11" fmla="*/ 25 h 192"/>
                  <a:gd name="T12" fmla="*/ 165 w 438"/>
                  <a:gd name="T13" fmla="*/ 25 h 192"/>
                  <a:gd name="T14" fmla="*/ 178 w 438"/>
                  <a:gd name="T15" fmla="*/ 27 h 192"/>
                  <a:gd name="T16" fmla="*/ 172 w 438"/>
                  <a:gd name="T17" fmla="*/ 34 h 192"/>
                  <a:gd name="T18" fmla="*/ 165 w 438"/>
                  <a:gd name="T19" fmla="*/ 33 h 192"/>
                  <a:gd name="T20" fmla="*/ 172 w 438"/>
                  <a:gd name="T21" fmla="*/ 34 h 192"/>
                  <a:gd name="T22" fmla="*/ 181 w 438"/>
                  <a:gd name="T23" fmla="*/ 31 h 192"/>
                  <a:gd name="T24" fmla="*/ 184 w 438"/>
                  <a:gd name="T25" fmla="*/ 34 h 192"/>
                  <a:gd name="T26" fmla="*/ 181 w 438"/>
                  <a:gd name="T27" fmla="*/ 38 h 192"/>
                  <a:gd name="T28" fmla="*/ 175 w 438"/>
                  <a:gd name="T29" fmla="*/ 36 h 192"/>
                  <a:gd name="T30" fmla="*/ 168 w 438"/>
                  <a:gd name="T31" fmla="*/ 40 h 192"/>
                  <a:gd name="T32" fmla="*/ 165 w 438"/>
                  <a:gd name="T33" fmla="*/ 40 h 192"/>
                  <a:gd name="T34" fmla="*/ 165 w 438"/>
                  <a:gd name="T35" fmla="*/ 44 h 192"/>
                  <a:gd name="T36" fmla="*/ 160 w 438"/>
                  <a:gd name="T37" fmla="*/ 40 h 192"/>
                  <a:gd name="T38" fmla="*/ 162 w 438"/>
                  <a:gd name="T39" fmla="*/ 46 h 192"/>
                  <a:gd name="T40" fmla="*/ 154 w 438"/>
                  <a:gd name="T41" fmla="*/ 52 h 192"/>
                  <a:gd name="T42" fmla="*/ 154 w 438"/>
                  <a:gd name="T43" fmla="*/ 57 h 192"/>
                  <a:gd name="T44" fmla="*/ 152 w 438"/>
                  <a:gd name="T45" fmla="*/ 55 h 192"/>
                  <a:gd name="T46" fmla="*/ 149 w 438"/>
                  <a:gd name="T47" fmla="*/ 59 h 192"/>
                  <a:gd name="T48" fmla="*/ 138 w 438"/>
                  <a:gd name="T49" fmla="*/ 61 h 192"/>
                  <a:gd name="T50" fmla="*/ 136 w 438"/>
                  <a:gd name="T51" fmla="*/ 61 h 192"/>
                  <a:gd name="T52" fmla="*/ 109 w 438"/>
                  <a:gd name="T53" fmla="*/ 46 h 192"/>
                  <a:gd name="T54" fmla="*/ 82 w 438"/>
                  <a:gd name="T55" fmla="*/ 49 h 192"/>
                  <a:gd name="T56" fmla="*/ 75 w 438"/>
                  <a:gd name="T57" fmla="*/ 42 h 192"/>
                  <a:gd name="T58" fmla="*/ 45 w 438"/>
                  <a:gd name="T59" fmla="*/ 46 h 192"/>
                  <a:gd name="T60" fmla="*/ 29 w 438"/>
                  <a:gd name="T61" fmla="*/ 52 h 192"/>
                  <a:gd name="T62" fmla="*/ 0 w 438"/>
                  <a:gd name="T63" fmla="*/ 53 h 192"/>
                  <a:gd name="T64" fmla="*/ 0 w 438"/>
                  <a:gd name="T65" fmla="*/ 48 h 192"/>
                  <a:gd name="T66" fmla="*/ 8 w 438"/>
                  <a:gd name="T67" fmla="*/ 48 h 192"/>
                  <a:gd name="T68" fmla="*/ 11 w 438"/>
                  <a:gd name="T69" fmla="*/ 42 h 192"/>
                  <a:gd name="T70" fmla="*/ 29 w 438"/>
                  <a:gd name="T71" fmla="*/ 34 h 192"/>
                  <a:gd name="T72" fmla="*/ 34 w 438"/>
                  <a:gd name="T73" fmla="*/ 29 h 192"/>
                  <a:gd name="T74" fmla="*/ 37 w 438"/>
                  <a:gd name="T75" fmla="*/ 31 h 192"/>
                  <a:gd name="T76" fmla="*/ 50 w 438"/>
                  <a:gd name="T77" fmla="*/ 25 h 192"/>
                  <a:gd name="T78" fmla="*/ 56 w 438"/>
                  <a:gd name="T79" fmla="*/ 21 h 192"/>
                  <a:gd name="T80" fmla="*/ 56 w 438"/>
                  <a:gd name="T81" fmla="*/ 16 h 192"/>
                  <a:gd name="T82" fmla="*/ 181 w 438"/>
                  <a:gd name="T83" fmla="*/ 0 h 192"/>
                  <a:gd name="T84" fmla="*/ 189 w 438"/>
                  <a:gd name="T85" fmla="*/ 8 h 192"/>
                  <a:gd name="T86" fmla="*/ 184 w 438"/>
                  <a:gd name="T87" fmla="*/ 3 h 192"/>
                  <a:gd name="T88" fmla="*/ 186 w 438"/>
                  <a:gd name="T89" fmla="*/ 8 h 192"/>
                  <a:gd name="T90" fmla="*/ 181 w 438"/>
                  <a:gd name="T91" fmla="*/ 5 h 192"/>
                  <a:gd name="T92" fmla="*/ 184 w 438"/>
                  <a:gd name="T93" fmla="*/ 8 h 192"/>
                  <a:gd name="T94" fmla="*/ 178 w 438"/>
                  <a:gd name="T95" fmla="*/ 8 h 192"/>
                  <a:gd name="T96" fmla="*/ 178 w 438"/>
                  <a:gd name="T97" fmla="*/ 10 h 192"/>
                  <a:gd name="T98" fmla="*/ 175 w 438"/>
                  <a:gd name="T99" fmla="*/ 10 h 192"/>
                  <a:gd name="T100" fmla="*/ 175 w 438"/>
                  <a:gd name="T101" fmla="*/ 12 h 192"/>
                  <a:gd name="T102" fmla="*/ 170 w 438"/>
                  <a:gd name="T103" fmla="*/ 12 h 192"/>
                  <a:gd name="T104" fmla="*/ 165 w 438"/>
                  <a:gd name="T105" fmla="*/ 5 h 192"/>
                  <a:gd name="T106" fmla="*/ 170 w 438"/>
                  <a:gd name="T107" fmla="*/ 16 h 192"/>
                  <a:gd name="T108" fmla="*/ 184 w 438"/>
                  <a:gd name="T109" fmla="*/ 12 h 192"/>
                  <a:gd name="T110" fmla="*/ 184 w 438"/>
                  <a:gd name="T111" fmla="*/ 17 h 192"/>
                  <a:gd name="T112" fmla="*/ 186 w 438"/>
                  <a:gd name="T113" fmla="*/ 17 h 192"/>
                  <a:gd name="T114" fmla="*/ 189 w 438"/>
                  <a:gd name="T115" fmla="*/ 12 h 192"/>
                  <a:gd name="T116" fmla="*/ 194 w 438"/>
                  <a:gd name="T117" fmla="*/ 17 h 192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w 438"/>
                  <a:gd name="T178" fmla="*/ 0 h 192"/>
                  <a:gd name="T179" fmla="*/ 438 w 438"/>
                  <a:gd name="T180" fmla="*/ 192 h 192"/>
                </a:gdLst>
                <a:ahLst/>
                <a:cxnLst>
                  <a:cxn ang="T118">
                    <a:pos x="T0" y="T1"/>
                  </a:cxn>
                  <a:cxn ang="T119">
                    <a:pos x="T2" y="T3"/>
                  </a:cxn>
                  <a:cxn ang="T120">
                    <a:pos x="T4" y="T5"/>
                  </a:cxn>
                  <a:cxn ang="T121">
                    <a:pos x="T6" y="T7"/>
                  </a:cxn>
                  <a:cxn ang="T122">
                    <a:pos x="T8" y="T9"/>
                  </a:cxn>
                  <a:cxn ang="T123">
                    <a:pos x="T10" y="T11"/>
                  </a:cxn>
                  <a:cxn ang="T124">
                    <a:pos x="T12" y="T13"/>
                  </a:cxn>
                  <a:cxn ang="T125">
                    <a:pos x="T14" y="T15"/>
                  </a:cxn>
                  <a:cxn ang="T126">
                    <a:pos x="T16" y="T17"/>
                  </a:cxn>
                  <a:cxn ang="T127">
                    <a:pos x="T18" y="T19"/>
                  </a:cxn>
                  <a:cxn ang="T128">
                    <a:pos x="T20" y="T21"/>
                  </a:cxn>
                  <a:cxn ang="T129">
                    <a:pos x="T22" y="T23"/>
                  </a:cxn>
                  <a:cxn ang="T130">
                    <a:pos x="T24" y="T25"/>
                  </a:cxn>
                  <a:cxn ang="T131">
                    <a:pos x="T26" y="T27"/>
                  </a:cxn>
                  <a:cxn ang="T132">
                    <a:pos x="T28" y="T29"/>
                  </a:cxn>
                  <a:cxn ang="T133">
                    <a:pos x="T30" y="T31"/>
                  </a:cxn>
                  <a:cxn ang="T134">
                    <a:pos x="T32" y="T33"/>
                  </a:cxn>
                  <a:cxn ang="T135">
                    <a:pos x="T34" y="T35"/>
                  </a:cxn>
                  <a:cxn ang="T136">
                    <a:pos x="T36" y="T37"/>
                  </a:cxn>
                  <a:cxn ang="T137">
                    <a:pos x="T38" y="T39"/>
                  </a:cxn>
                  <a:cxn ang="T138">
                    <a:pos x="T40" y="T41"/>
                  </a:cxn>
                  <a:cxn ang="T139">
                    <a:pos x="T42" y="T43"/>
                  </a:cxn>
                  <a:cxn ang="T140">
                    <a:pos x="T44" y="T45"/>
                  </a:cxn>
                  <a:cxn ang="T141">
                    <a:pos x="T46" y="T47"/>
                  </a:cxn>
                  <a:cxn ang="T142">
                    <a:pos x="T48" y="T49"/>
                  </a:cxn>
                  <a:cxn ang="T143">
                    <a:pos x="T50" y="T51"/>
                  </a:cxn>
                  <a:cxn ang="T144">
                    <a:pos x="T52" y="T53"/>
                  </a:cxn>
                  <a:cxn ang="T145">
                    <a:pos x="T54" y="T55"/>
                  </a:cxn>
                  <a:cxn ang="T146">
                    <a:pos x="T56" y="T57"/>
                  </a:cxn>
                  <a:cxn ang="T147">
                    <a:pos x="T58" y="T59"/>
                  </a:cxn>
                  <a:cxn ang="T148">
                    <a:pos x="T60" y="T61"/>
                  </a:cxn>
                  <a:cxn ang="T149">
                    <a:pos x="T62" y="T63"/>
                  </a:cxn>
                  <a:cxn ang="T150">
                    <a:pos x="T64" y="T65"/>
                  </a:cxn>
                  <a:cxn ang="T151">
                    <a:pos x="T66" y="T67"/>
                  </a:cxn>
                  <a:cxn ang="T152">
                    <a:pos x="T68" y="T69"/>
                  </a:cxn>
                  <a:cxn ang="T153">
                    <a:pos x="T70" y="T71"/>
                  </a:cxn>
                  <a:cxn ang="T154">
                    <a:pos x="T72" y="T73"/>
                  </a:cxn>
                  <a:cxn ang="T155">
                    <a:pos x="T74" y="T75"/>
                  </a:cxn>
                  <a:cxn ang="T156">
                    <a:pos x="T76" y="T77"/>
                  </a:cxn>
                  <a:cxn ang="T157">
                    <a:pos x="T78" y="T79"/>
                  </a:cxn>
                  <a:cxn ang="T158">
                    <a:pos x="T80" y="T81"/>
                  </a:cxn>
                  <a:cxn ang="T159">
                    <a:pos x="T82" y="T83"/>
                  </a:cxn>
                  <a:cxn ang="T160">
                    <a:pos x="T84" y="T85"/>
                  </a:cxn>
                  <a:cxn ang="T161">
                    <a:pos x="T86" y="T87"/>
                  </a:cxn>
                  <a:cxn ang="T162">
                    <a:pos x="T88" y="T89"/>
                  </a:cxn>
                  <a:cxn ang="T163">
                    <a:pos x="T90" y="T91"/>
                  </a:cxn>
                  <a:cxn ang="T164">
                    <a:pos x="T92" y="T93"/>
                  </a:cxn>
                  <a:cxn ang="T165">
                    <a:pos x="T94" y="T95"/>
                  </a:cxn>
                  <a:cxn ang="T166">
                    <a:pos x="T96" y="T97"/>
                  </a:cxn>
                  <a:cxn ang="T167">
                    <a:pos x="T98" y="T99"/>
                  </a:cxn>
                  <a:cxn ang="T168">
                    <a:pos x="T100" y="T101"/>
                  </a:cxn>
                  <a:cxn ang="T169">
                    <a:pos x="T102" y="T103"/>
                  </a:cxn>
                  <a:cxn ang="T170">
                    <a:pos x="T104" y="T105"/>
                  </a:cxn>
                  <a:cxn ang="T171">
                    <a:pos x="T106" y="T107"/>
                  </a:cxn>
                  <a:cxn ang="T172">
                    <a:pos x="T108" y="T109"/>
                  </a:cxn>
                  <a:cxn ang="T173">
                    <a:pos x="T110" y="T111"/>
                  </a:cxn>
                  <a:cxn ang="T174">
                    <a:pos x="T112" y="T113"/>
                  </a:cxn>
                  <a:cxn ang="T175">
                    <a:pos x="T114" y="T115"/>
                  </a:cxn>
                  <a:cxn ang="T176">
                    <a:pos x="T116" y="T117"/>
                  </a:cxn>
                </a:cxnLst>
                <a:rect l="T177" t="T178" r="T179" b="T180"/>
                <a:pathLst>
                  <a:path w="438" h="192">
                    <a:moveTo>
                      <a:pt x="438" y="54"/>
                    </a:moveTo>
                    <a:lnTo>
                      <a:pt x="420" y="78"/>
                    </a:lnTo>
                    <a:lnTo>
                      <a:pt x="402" y="78"/>
                    </a:lnTo>
                    <a:lnTo>
                      <a:pt x="396" y="66"/>
                    </a:lnTo>
                    <a:lnTo>
                      <a:pt x="390" y="72"/>
                    </a:lnTo>
                    <a:lnTo>
                      <a:pt x="396" y="78"/>
                    </a:lnTo>
                    <a:lnTo>
                      <a:pt x="372" y="78"/>
                    </a:lnTo>
                    <a:lnTo>
                      <a:pt x="402" y="84"/>
                    </a:lnTo>
                    <a:lnTo>
                      <a:pt x="390" y="108"/>
                    </a:lnTo>
                    <a:lnTo>
                      <a:pt x="372" y="102"/>
                    </a:lnTo>
                    <a:lnTo>
                      <a:pt x="390" y="108"/>
                    </a:lnTo>
                    <a:lnTo>
                      <a:pt x="408" y="96"/>
                    </a:lnTo>
                    <a:lnTo>
                      <a:pt x="414" y="108"/>
                    </a:lnTo>
                    <a:lnTo>
                      <a:pt x="408" y="120"/>
                    </a:lnTo>
                    <a:lnTo>
                      <a:pt x="396" y="114"/>
                    </a:lnTo>
                    <a:lnTo>
                      <a:pt x="378" y="126"/>
                    </a:lnTo>
                    <a:lnTo>
                      <a:pt x="372" y="126"/>
                    </a:lnTo>
                    <a:lnTo>
                      <a:pt x="372" y="138"/>
                    </a:lnTo>
                    <a:lnTo>
                      <a:pt x="360" y="126"/>
                    </a:lnTo>
                    <a:lnTo>
                      <a:pt x="366" y="144"/>
                    </a:lnTo>
                    <a:lnTo>
                      <a:pt x="348" y="162"/>
                    </a:lnTo>
                    <a:lnTo>
                      <a:pt x="348" y="180"/>
                    </a:lnTo>
                    <a:lnTo>
                      <a:pt x="342" y="174"/>
                    </a:lnTo>
                    <a:lnTo>
                      <a:pt x="336" y="186"/>
                    </a:lnTo>
                    <a:lnTo>
                      <a:pt x="312" y="192"/>
                    </a:lnTo>
                    <a:lnTo>
                      <a:pt x="306" y="192"/>
                    </a:lnTo>
                    <a:lnTo>
                      <a:pt x="246" y="144"/>
                    </a:lnTo>
                    <a:lnTo>
                      <a:pt x="186" y="156"/>
                    </a:lnTo>
                    <a:lnTo>
                      <a:pt x="168" y="132"/>
                    </a:lnTo>
                    <a:lnTo>
                      <a:pt x="102" y="144"/>
                    </a:lnTo>
                    <a:lnTo>
                      <a:pt x="66" y="162"/>
                    </a:lnTo>
                    <a:lnTo>
                      <a:pt x="0" y="168"/>
                    </a:lnTo>
                    <a:lnTo>
                      <a:pt x="0" y="150"/>
                    </a:lnTo>
                    <a:lnTo>
                      <a:pt x="18" y="150"/>
                    </a:lnTo>
                    <a:lnTo>
                      <a:pt x="24" y="132"/>
                    </a:lnTo>
                    <a:lnTo>
                      <a:pt x="66" y="108"/>
                    </a:lnTo>
                    <a:lnTo>
                      <a:pt x="78" y="90"/>
                    </a:lnTo>
                    <a:lnTo>
                      <a:pt x="84" y="96"/>
                    </a:lnTo>
                    <a:lnTo>
                      <a:pt x="114" y="78"/>
                    </a:lnTo>
                    <a:lnTo>
                      <a:pt x="126" y="66"/>
                    </a:lnTo>
                    <a:lnTo>
                      <a:pt x="126" y="48"/>
                    </a:lnTo>
                    <a:lnTo>
                      <a:pt x="408" y="0"/>
                    </a:lnTo>
                    <a:lnTo>
                      <a:pt x="426" y="24"/>
                    </a:lnTo>
                    <a:lnTo>
                      <a:pt x="414" y="12"/>
                    </a:lnTo>
                    <a:lnTo>
                      <a:pt x="420" y="24"/>
                    </a:lnTo>
                    <a:lnTo>
                      <a:pt x="408" y="18"/>
                    </a:lnTo>
                    <a:lnTo>
                      <a:pt x="414" y="24"/>
                    </a:lnTo>
                    <a:lnTo>
                      <a:pt x="402" y="24"/>
                    </a:lnTo>
                    <a:lnTo>
                      <a:pt x="402" y="30"/>
                    </a:lnTo>
                    <a:lnTo>
                      <a:pt x="396" y="30"/>
                    </a:lnTo>
                    <a:lnTo>
                      <a:pt x="396" y="36"/>
                    </a:lnTo>
                    <a:lnTo>
                      <a:pt x="384" y="36"/>
                    </a:lnTo>
                    <a:lnTo>
                      <a:pt x="372" y="18"/>
                    </a:lnTo>
                    <a:lnTo>
                      <a:pt x="384" y="48"/>
                    </a:lnTo>
                    <a:lnTo>
                      <a:pt x="414" y="36"/>
                    </a:lnTo>
                    <a:lnTo>
                      <a:pt x="414" y="54"/>
                    </a:lnTo>
                    <a:lnTo>
                      <a:pt x="420" y="54"/>
                    </a:lnTo>
                    <a:lnTo>
                      <a:pt x="426" y="36"/>
                    </a:lnTo>
                    <a:lnTo>
                      <a:pt x="438" y="5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87" name="Freeform 215"/>
              <p:cNvSpPr>
                <a:spLocks noChangeAspect="1"/>
              </p:cNvSpPr>
              <p:nvPr/>
            </p:nvSpPr>
            <p:spPr bwMode="auto">
              <a:xfrm>
                <a:off x="4825" y="1554"/>
                <a:ext cx="334" cy="131"/>
              </a:xfrm>
              <a:custGeom>
                <a:avLst/>
                <a:gdLst>
                  <a:gd name="T0" fmla="*/ 194 w 438"/>
                  <a:gd name="T1" fmla="*/ 17 h 192"/>
                  <a:gd name="T2" fmla="*/ 186 w 438"/>
                  <a:gd name="T3" fmla="*/ 25 h 192"/>
                  <a:gd name="T4" fmla="*/ 178 w 438"/>
                  <a:gd name="T5" fmla="*/ 25 h 192"/>
                  <a:gd name="T6" fmla="*/ 175 w 438"/>
                  <a:gd name="T7" fmla="*/ 21 h 192"/>
                  <a:gd name="T8" fmla="*/ 172 w 438"/>
                  <a:gd name="T9" fmla="*/ 23 h 192"/>
                  <a:gd name="T10" fmla="*/ 175 w 438"/>
                  <a:gd name="T11" fmla="*/ 25 h 192"/>
                  <a:gd name="T12" fmla="*/ 165 w 438"/>
                  <a:gd name="T13" fmla="*/ 25 h 192"/>
                  <a:gd name="T14" fmla="*/ 178 w 438"/>
                  <a:gd name="T15" fmla="*/ 27 h 192"/>
                  <a:gd name="T16" fmla="*/ 172 w 438"/>
                  <a:gd name="T17" fmla="*/ 34 h 192"/>
                  <a:gd name="T18" fmla="*/ 165 w 438"/>
                  <a:gd name="T19" fmla="*/ 33 h 192"/>
                  <a:gd name="T20" fmla="*/ 172 w 438"/>
                  <a:gd name="T21" fmla="*/ 34 h 192"/>
                  <a:gd name="T22" fmla="*/ 181 w 438"/>
                  <a:gd name="T23" fmla="*/ 31 h 192"/>
                  <a:gd name="T24" fmla="*/ 184 w 438"/>
                  <a:gd name="T25" fmla="*/ 34 h 192"/>
                  <a:gd name="T26" fmla="*/ 181 w 438"/>
                  <a:gd name="T27" fmla="*/ 38 h 192"/>
                  <a:gd name="T28" fmla="*/ 175 w 438"/>
                  <a:gd name="T29" fmla="*/ 36 h 192"/>
                  <a:gd name="T30" fmla="*/ 168 w 438"/>
                  <a:gd name="T31" fmla="*/ 40 h 192"/>
                  <a:gd name="T32" fmla="*/ 165 w 438"/>
                  <a:gd name="T33" fmla="*/ 40 h 192"/>
                  <a:gd name="T34" fmla="*/ 165 w 438"/>
                  <a:gd name="T35" fmla="*/ 44 h 192"/>
                  <a:gd name="T36" fmla="*/ 160 w 438"/>
                  <a:gd name="T37" fmla="*/ 40 h 192"/>
                  <a:gd name="T38" fmla="*/ 162 w 438"/>
                  <a:gd name="T39" fmla="*/ 46 h 192"/>
                  <a:gd name="T40" fmla="*/ 154 w 438"/>
                  <a:gd name="T41" fmla="*/ 52 h 192"/>
                  <a:gd name="T42" fmla="*/ 154 w 438"/>
                  <a:gd name="T43" fmla="*/ 57 h 192"/>
                  <a:gd name="T44" fmla="*/ 152 w 438"/>
                  <a:gd name="T45" fmla="*/ 55 h 192"/>
                  <a:gd name="T46" fmla="*/ 149 w 438"/>
                  <a:gd name="T47" fmla="*/ 59 h 192"/>
                  <a:gd name="T48" fmla="*/ 138 w 438"/>
                  <a:gd name="T49" fmla="*/ 61 h 192"/>
                  <a:gd name="T50" fmla="*/ 136 w 438"/>
                  <a:gd name="T51" fmla="*/ 61 h 192"/>
                  <a:gd name="T52" fmla="*/ 109 w 438"/>
                  <a:gd name="T53" fmla="*/ 46 h 192"/>
                  <a:gd name="T54" fmla="*/ 82 w 438"/>
                  <a:gd name="T55" fmla="*/ 49 h 192"/>
                  <a:gd name="T56" fmla="*/ 75 w 438"/>
                  <a:gd name="T57" fmla="*/ 42 h 192"/>
                  <a:gd name="T58" fmla="*/ 45 w 438"/>
                  <a:gd name="T59" fmla="*/ 46 h 192"/>
                  <a:gd name="T60" fmla="*/ 29 w 438"/>
                  <a:gd name="T61" fmla="*/ 52 h 192"/>
                  <a:gd name="T62" fmla="*/ 0 w 438"/>
                  <a:gd name="T63" fmla="*/ 53 h 192"/>
                  <a:gd name="T64" fmla="*/ 0 w 438"/>
                  <a:gd name="T65" fmla="*/ 48 h 192"/>
                  <a:gd name="T66" fmla="*/ 8 w 438"/>
                  <a:gd name="T67" fmla="*/ 48 h 192"/>
                  <a:gd name="T68" fmla="*/ 11 w 438"/>
                  <a:gd name="T69" fmla="*/ 42 h 192"/>
                  <a:gd name="T70" fmla="*/ 29 w 438"/>
                  <a:gd name="T71" fmla="*/ 34 h 192"/>
                  <a:gd name="T72" fmla="*/ 34 w 438"/>
                  <a:gd name="T73" fmla="*/ 29 h 192"/>
                  <a:gd name="T74" fmla="*/ 37 w 438"/>
                  <a:gd name="T75" fmla="*/ 31 h 192"/>
                  <a:gd name="T76" fmla="*/ 50 w 438"/>
                  <a:gd name="T77" fmla="*/ 25 h 192"/>
                  <a:gd name="T78" fmla="*/ 56 w 438"/>
                  <a:gd name="T79" fmla="*/ 21 h 192"/>
                  <a:gd name="T80" fmla="*/ 56 w 438"/>
                  <a:gd name="T81" fmla="*/ 16 h 192"/>
                  <a:gd name="T82" fmla="*/ 181 w 438"/>
                  <a:gd name="T83" fmla="*/ 0 h 192"/>
                  <a:gd name="T84" fmla="*/ 189 w 438"/>
                  <a:gd name="T85" fmla="*/ 8 h 192"/>
                  <a:gd name="T86" fmla="*/ 184 w 438"/>
                  <a:gd name="T87" fmla="*/ 3 h 192"/>
                  <a:gd name="T88" fmla="*/ 186 w 438"/>
                  <a:gd name="T89" fmla="*/ 8 h 192"/>
                  <a:gd name="T90" fmla="*/ 181 w 438"/>
                  <a:gd name="T91" fmla="*/ 5 h 192"/>
                  <a:gd name="T92" fmla="*/ 184 w 438"/>
                  <a:gd name="T93" fmla="*/ 8 h 192"/>
                  <a:gd name="T94" fmla="*/ 178 w 438"/>
                  <a:gd name="T95" fmla="*/ 8 h 192"/>
                  <a:gd name="T96" fmla="*/ 178 w 438"/>
                  <a:gd name="T97" fmla="*/ 10 h 192"/>
                  <a:gd name="T98" fmla="*/ 175 w 438"/>
                  <a:gd name="T99" fmla="*/ 10 h 192"/>
                  <a:gd name="T100" fmla="*/ 175 w 438"/>
                  <a:gd name="T101" fmla="*/ 12 h 192"/>
                  <a:gd name="T102" fmla="*/ 170 w 438"/>
                  <a:gd name="T103" fmla="*/ 12 h 192"/>
                  <a:gd name="T104" fmla="*/ 165 w 438"/>
                  <a:gd name="T105" fmla="*/ 5 h 192"/>
                  <a:gd name="T106" fmla="*/ 170 w 438"/>
                  <a:gd name="T107" fmla="*/ 16 h 192"/>
                  <a:gd name="T108" fmla="*/ 184 w 438"/>
                  <a:gd name="T109" fmla="*/ 12 h 192"/>
                  <a:gd name="T110" fmla="*/ 184 w 438"/>
                  <a:gd name="T111" fmla="*/ 17 h 192"/>
                  <a:gd name="T112" fmla="*/ 186 w 438"/>
                  <a:gd name="T113" fmla="*/ 17 h 192"/>
                  <a:gd name="T114" fmla="*/ 189 w 438"/>
                  <a:gd name="T115" fmla="*/ 12 h 192"/>
                  <a:gd name="T116" fmla="*/ 194 w 438"/>
                  <a:gd name="T117" fmla="*/ 17 h 192"/>
                  <a:gd name="T118" fmla="*/ 194 w 438"/>
                  <a:gd name="T119" fmla="*/ 19 h 192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w 438"/>
                  <a:gd name="T181" fmla="*/ 0 h 192"/>
                  <a:gd name="T182" fmla="*/ 438 w 438"/>
                  <a:gd name="T183" fmla="*/ 192 h 192"/>
                </a:gdLst>
                <a:ahLst/>
                <a:cxnLst>
                  <a:cxn ang="T120">
                    <a:pos x="T0" y="T1"/>
                  </a:cxn>
                  <a:cxn ang="T121">
                    <a:pos x="T2" y="T3"/>
                  </a:cxn>
                  <a:cxn ang="T122">
                    <a:pos x="T4" y="T5"/>
                  </a:cxn>
                  <a:cxn ang="T123">
                    <a:pos x="T6" y="T7"/>
                  </a:cxn>
                  <a:cxn ang="T124">
                    <a:pos x="T8" y="T9"/>
                  </a:cxn>
                  <a:cxn ang="T125">
                    <a:pos x="T10" y="T11"/>
                  </a:cxn>
                  <a:cxn ang="T126">
                    <a:pos x="T12" y="T13"/>
                  </a:cxn>
                  <a:cxn ang="T127">
                    <a:pos x="T14" y="T15"/>
                  </a:cxn>
                  <a:cxn ang="T128">
                    <a:pos x="T16" y="T17"/>
                  </a:cxn>
                  <a:cxn ang="T129">
                    <a:pos x="T18" y="T19"/>
                  </a:cxn>
                  <a:cxn ang="T130">
                    <a:pos x="T20" y="T21"/>
                  </a:cxn>
                  <a:cxn ang="T131">
                    <a:pos x="T22" y="T23"/>
                  </a:cxn>
                  <a:cxn ang="T132">
                    <a:pos x="T24" y="T25"/>
                  </a:cxn>
                  <a:cxn ang="T133">
                    <a:pos x="T26" y="T27"/>
                  </a:cxn>
                  <a:cxn ang="T134">
                    <a:pos x="T28" y="T29"/>
                  </a:cxn>
                  <a:cxn ang="T135">
                    <a:pos x="T30" y="T31"/>
                  </a:cxn>
                  <a:cxn ang="T136">
                    <a:pos x="T32" y="T33"/>
                  </a:cxn>
                  <a:cxn ang="T137">
                    <a:pos x="T34" y="T35"/>
                  </a:cxn>
                  <a:cxn ang="T138">
                    <a:pos x="T36" y="T37"/>
                  </a:cxn>
                  <a:cxn ang="T139">
                    <a:pos x="T38" y="T39"/>
                  </a:cxn>
                  <a:cxn ang="T140">
                    <a:pos x="T40" y="T41"/>
                  </a:cxn>
                  <a:cxn ang="T141">
                    <a:pos x="T42" y="T43"/>
                  </a:cxn>
                  <a:cxn ang="T142">
                    <a:pos x="T44" y="T45"/>
                  </a:cxn>
                  <a:cxn ang="T143">
                    <a:pos x="T46" y="T47"/>
                  </a:cxn>
                  <a:cxn ang="T144">
                    <a:pos x="T48" y="T49"/>
                  </a:cxn>
                  <a:cxn ang="T145">
                    <a:pos x="T50" y="T51"/>
                  </a:cxn>
                  <a:cxn ang="T146">
                    <a:pos x="T52" y="T53"/>
                  </a:cxn>
                  <a:cxn ang="T147">
                    <a:pos x="T54" y="T55"/>
                  </a:cxn>
                  <a:cxn ang="T148">
                    <a:pos x="T56" y="T57"/>
                  </a:cxn>
                  <a:cxn ang="T149">
                    <a:pos x="T58" y="T59"/>
                  </a:cxn>
                  <a:cxn ang="T150">
                    <a:pos x="T60" y="T61"/>
                  </a:cxn>
                  <a:cxn ang="T151">
                    <a:pos x="T62" y="T63"/>
                  </a:cxn>
                  <a:cxn ang="T152">
                    <a:pos x="T64" y="T65"/>
                  </a:cxn>
                  <a:cxn ang="T153">
                    <a:pos x="T66" y="T67"/>
                  </a:cxn>
                  <a:cxn ang="T154">
                    <a:pos x="T68" y="T69"/>
                  </a:cxn>
                  <a:cxn ang="T155">
                    <a:pos x="T70" y="T71"/>
                  </a:cxn>
                  <a:cxn ang="T156">
                    <a:pos x="T72" y="T73"/>
                  </a:cxn>
                  <a:cxn ang="T157">
                    <a:pos x="T74" y="T75"/>
                  </a:cxn>
                  <a:cxn ang="T158">
                    <a:pos x="T76" y="T77"/>
                  </a:cxn>
                  <a:cxn ang="T159">
                    <a:pos x="T78" y="T79"/>
                  </a:cxn>
                  <a:cxn ang="T160">
                    <a:pos x="T80" y="T81"/>
                  </a:cxn>
                  <a:cxn ang="T161">
                    <a:pos x="T82" y="T83"/>
                  </a:cxn>
                  <a:cxn ang="T162">
                    <a:pos x="T84" y="T85"/>
                  </a:cxn>
                  <a:cxn ang="T163">
                    <a:pos x="T86" y="T87"/>
                  </a:cxn>
                  <a:cxn ang="T164">
                    <a:pos x="T88" y="T89"/>
                  </a:cxn>
                  <a:cxn ang="T165">
                    <a:pos x="T90" y="T91"/>
                  </a:cxn>
                  <a:cxn ang="T166">
                    <a:pos x="T92" y="T93"/>
                  </a:cxn>
                  <a:cxn ang="T167">
                    <a:pos x="T94" y="T95"/>
                  </a:cxn>
                  <a:cxn ang="T168">
                    <a:pos x="T96" y="T97"/>
                  </a:cxn>
                  <a:cxn ang="T169">
                    <a:pos x="T98" y="T99"/>
                  </a:cxn>
                  <a:cxn ang="T170">
                    <a:pos x="T100" y="T101"/>
                  </a:cxn>
                  <a:cxn ang="T171">
                    <a:pos x="T102" y="T103"/>
                  </a:cxn>
                  <a:cxn ang="T172">
                    <a:pos x="T104" y="T105"/>
                  </a:cxn>
                  <a:cxn ang="T173">
                    <a:pos x="T106" y="T107"/>
                  </a:cxn>
                  <a:cxn ang="T174">
                    <a:pos x="T108" y="T109"/>
                  </a:cxn>
                  <a:cxn ang="T175">
                    <a:pos x="T110" y="T111"/>
                  </a:cxn>
                  <a:cxn ang="T176">
                    <a:pos x="T112" y="T113"/>
                  </a:cxn>
                  <a:cxn ang="T177">
                    <a:pos x="T114" y="T115"/>
                  </a:cxn>
                  <a:cxn ang="T178">
                    <a:pos x="T116" y="T117"/>
                  </a:cxn>
                  <a:cxn ang="T179">
                    <a:pos x="T118" y="T119"/>
                  </a:cxn>
                </a:cxnLst>
                <a:rect l="T180" t="T181" r="T182" b="T183"/>
                <a:pathLst>
                  <a:path w="438" h="192">
                    <a:moveTo>
                      <a:pt x="438" y="54"/>
                    </a:moveTo>
                    <a:lnTo>
                      <a:pt x="420" y="78"/>
                    </a:lnTo>
                    <a:lnTo>
                      <a:pt x="402" y="78"/>
                    </a:lnTo>
                    <a:lnTo>
                      <a:pt x="396" y="66"/>
                    </a:lnTo>
                    <a:lnTo>
                      <a:pt x="390" y="72"/>
                    </a:lnTo>
                    <a:lnTo>
                      <a:pt x="396" y="78"/>
                    </a:lnTo>
                    <a:lnTo>
                      <a:pt x="372" y="78"/>
                    </a:lnTo>
                    <a:lnTo>
                      <a:pt x="402" y="84"/>
                    </a:lnTo>
                    <a:lnTo>
                      <a:pt x="390" y="108"/>
                    </a:lnTo>
                    <a:lnTo>
                      <a:pt x="372" y="102"/>
                    </a:lnTo>
                    <a:lnTo>
                      <a:pt x="390" y="108"/>
                    </a:lnTo>
                    <a:lnTo>
                      <a:pt x="408" y="96"/>
                    </a:lnTo>
                    <a:lnTo>
                      <a:pt x="414" y="108"/>
                    </a:lnTo>
                    <a:lnTo>
                      <a:pt x="408" y="120"/>
                    </a:lnTo>
                    <a:lnTo>
                      <a:pt x="396" y="114"/>
                    </a:lnTo>
                    <a:lnTo>
                      <a:pt x="378" y="126"/>
                    </a:lnTo>
                    <a:lnTo>
                      <a:pt x="372" y="126"/>
                    </a:lnTo>
                    <a:lnTo>
                      <a:pt x="372" y="138"/>
                    </a:lnTo>
                    <a:lnTo>
                      <a:pt x="360" y="126"/>
                    </a:lnTo>
                    <a:lnTo>
                      <a:pt x="366" y="144"/>
                    </a:lnTo>
                    <a:lnTo>
                      <a:pt x="348" y="162"/>
                    </a:lnTo>
                    <a:lnTo>
                      <a:pt x="348" y="180"/>
                    </a:lnTo>
                    <a:lnTo>
                      <a:pt x="342" y="174"/>
                    </a:lnTo>
                    <a:lnTo>
                      <a:pt x="336" y="186"/>
                    </a:lnTo>
                    <a:lnTo>
                      <a:pt x="312" y="192"/>
                    </a:lnTo>
                    <a:lnTo>
                      <a:pt x="306" y="192"/>
                    </a:lnTo>
                    <a:lnTo>
                      <a:pt x="246" y="144"/>
                    </a:lnTo>
                    <a:lnTo>
                      <a:pt x="186" y="156"/>
                    </a:lnTo>
                    <a:lnTo>
                      <a:pt x="168" y="132"/>
                    </a:lnTo>
                    <a:lnTo>
                      <a:pt x="102" y="144"/>
                    </a:lnTo>
                    <a:lnTo>
                      <a:pt x="66" y="162"/>
                    </a:lnTo>
                    <a:lnTo>
                      <a:pt x="0" y="168"/>
                    </a:lnTo>
                    <a:lnTo>
                      <a:pt x="0" y="150"/>
                    </a:lnTo>
                    <a:lnTo>
                      <a:pt x="18" y="150"/>
                    </a:lnTo>
                    <a:lnTo>
                      <a:pt x="24" y="132"/>
                    </a:lnTo>
                    <a:lnTo>
                      <a:pt x="66" y="108"/>
                    </a:lnTo>
                    <a:lnTo>
                      <a:pt x="78" y="90"/>
                    </a:lnTo>
                    <a:lnTo>
                      <a:pt x="84" y="96"/>
                    </a:lnTo>
                    <a:lnTo>
                      <a:pt x="114" y="78"/>
                    </a:lnTo>
                    <a:lnTo>
                      <a:pt x="126" y="66"/>
                    </a:lnTo>
                    <a:lnTo>
                      <a:pt x="126" y="48"/>
                    </a:lnTo>
                    <a:lnTo>
                      <a:pt x="408" y="0"/>
                    </a:lnTo>
                    <a:lnTo>
                      <a:pt x="426" y="24"/>
                    </a:lnTo>
                    <a:lnTo>
                      <a:pt x="414" y="12"/>
                    </a:lnTo>
                    <a:lnTo>
                      <a:pt x="420" y="24"/>
                    </a:lnTo>
                    <a:lnTo>
                      <a:pt x="408" y="18"/>
                    </a:lnTo>
                    <a:lnTo>
                      <a:pt x="414" y="24"/>
                    </a:lnTo>
                    <a:lnTo>
                      <a:pt x="402" y="24"/>
                    </a:lnTo>
                    <a:lnTo>
                      <a:pt x="402" y="30"/>
                    </a:lnTo>
                    <a:lnTo>
                      <a:pt x="396" y="30"/>
                    </a:lnTo>
                    <a:lnTo>
                      <a:pt x="396" y="36"/>
                    </a:lnTo>
                    <a:lnTo>
                      <a:pt x="384" y="36"/>
                    </a:lnTo>
                    <a:lnTo>
                      <a:pt x="372" y="18"/>
                    </a:lnTo>
                    <a:lnTo>
                      <a:pt x="384" y="48"/>
                    </a:lnTo>
                    <a:lnTo>
                      <a:pt x="414" y="36"/>
                    </a:lnTo>
                    <a:lnTo>
                      <a:pt x="414" y="54"/>
                    </a:lnTo>
                    <a:lnTo>
                      <a:pt x="420" y="54"/>
                    </a:lnTo>
                    <a:lnTo>
                      <a:pt x="426" y="36"/>
                    </a:lnTo>
                    <a:lnTo>
                      <a:pt x="438" y="54"/>
                    </a:lnTo>
                    <a:lnTo>
                      <a:pt x="438" y="6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88" name="Freeform 216"/>
              <p:cNvSpPr>
                <a:spLocks noChangeAspect="1"/>
              </p:cNvSpPr>
              <p:nvPr/>
            </p:nvSpPr>
            <p:spPr bwMode="auto">
              <a:xfrm>
                <a:off x="5136" y="1554"/>
                <a:ext cx="4" cy="4"/>
              </a:xfrm>
              <a:custGeom>
                <a:avLst/>
                <a:gdLst>
                  <a:gd name="T0" fmla="*/ 2 w 6"/>
                  <a:gd name="T1" fmla="*/ 0 h 6"/>
                  <a:gd name="T2" fmla="*/ 0 w 6"/>
                  <a:gd name="T3" fmla="*/ 0 h 6"/>
                  <a:gd name="T4" fmla="*/ 2 w 6"/>
                  <a:gd name="T5" fmla="*/ 0 h 6"/>
                  <a:gd name="T6" fmla="*/ 2 w 6"/>
                  <a:gd name="T7" fmla="*/ 2 h 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"/>
                  <a:gd name="T13" fmla="*/ 0 h 6"/>
                  <a:gd name="T14" fmla="*/ 6 w 6"/>
                  <a:gd name="T15" fmla="*/ 6 h 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" h="6">
                    <a:moveTo>
                      <a:pt x="6" y="0"/>
                    </a:moveTo>
                    <a:lnTo>
                      <a:pt x="0" y="0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89" name="Freeform 217"/>
              <p:cNvSpPr>
                <a:spLocks noChangeAspect="1"/>
              </p:cNvSpPr>
              <p:nvPr/>
            </p:nvSpPr>
            <p:spPr bwMode="auto">
              <a:xfrm>
                <a:off x="4088" y="1074"/>
                <a:ext cx="256" cy="142"/>
              </a:xfrm>
              <a:custGeom>
                <a:avLst/>
                <a:gdLst>
                  <a:gd name="T0" fmla="*/ 149 w 336"/>
                  <a:gd name="T1" fmla="*/ 65 h 210"/>
                  <a:gd name="T2" fmla="*/ 0 w 336"/>
                  <a:gd name="T3" fmla="*/ 62 h 210"/>
                  <a:gd name="T4" fmla="*/ 3 w 336"/>
                  <a:gd name="T5" fmla="*/ 54 h 210"/>
                  <a:gd name="T6" fmla="*/ 8 w 336"/>
                  <a:gd name="T7" fmla="*/ 0 h 210"/>
                  <a:gd name="T8" fmla="*/ 138 w 336"/>
                  <a:gd name="T9" fmla="*/ 5 h 210"/>
                  <a:gd name="T10" fmla="*/ 149 w 336"/>
                  <a:gd name="T11" fmla="*/ 65 h 210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336"/>
                  <a:gd name="T19" fmla="*/ 0 h 210"/>
                  <a:gd name="T20" fmla="*/ 336 w 336"/>
                  <a:gd name="T21" fmla="*/ 210 h 210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336" h="210">
                    <a:moveTo>
                      <a:pt x="336" y="210"/>
                    </a:moveTo>
                    <a:lnTo>
                      <a:pt x="0" y="198"/>
                    </a:lnTo>
                    <a:lnTo>
                      <a:pt x="6" y="174"/>
                    </a:lnTo>
                    <a:lnTo>
                      <a:pt x="18" y="0"/>
                    </a:lnTo>
                    <a:lnTo>
                      <a:pt x="312" y="18"/>
                    </a:lnTo>
                    <a:lnTo>
                      <a:pt x="336" y="21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90" name="Freeform 218"/>
              <p:cNvSpPr>
                <a:spLocks noChangeAspect="1"/>
              </p:cNvSpPr>
              <p:nvPr/>
            </p:nvSpPr>
            <p:spPr bwMode="auto">
              <a:xfrm>
                <a:off x="4088" y="1074"/>
                <a:ext cx="256" cy="146"/>
              </a:xfrm>
              <a:custGeom>
                <a:avLst/>
                <a:gdLst>
                  <a:gd name="T0" fmla="*/ 149 w 336"/>
                  <a:gd name="T1" fmla="*/ 65 h 216"/>
                  <a:gd name="T2" fmla="*/ 0 w 336"/>
                  <a:gd name="T3" fmla="*/ 62 h 216"/>
                  <a:gd name="T4" fmla="*/ 3 w 336"/>
                  <a:gd name="T5" fmla="*/ 54 h 216"/>
                  <a:gd name="T6" fmla="*/ 8 w 336"/>
                  <a:gd name="T7" fmla="*/ 0 h 216"/>
                  <a:gd name="T8" fmla="*/ 138 w 336"/>
                  <a:gd name="T9" fmla="*/ 5 h 216"/>
                  <a:gd name="T10" fmla="*/ 149 w 336"/>
                  <a:gd name="T11" fmla="*/ 65 h 216"/>
                  <a:gd name="T12" fmla="*/ 149 w 336"/>
                  <a:gd name="T13" fmla="*/ 67 h 21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336"/>
                  <a:gd name="T22" fmla="*/ 0 h 216"/>
                  <a:gd name="T23" fmla="*/ 336 w 336"/>
                  <a:gd name="T24" fmla="*/ 216 h 216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336" h="216">
                    <a:moveTo>
                      <a:pt x="336" y="210"/>
                    </a:moveTo>
                    <a:lnTo>
                      <a:pt x="0" y="198"/>
                    </a:lnTo>
                    <a:lnTo>
                      <a:pt x="6" y="174"/>
                    </a:lnTo>
                    <a:lnTo>
                      <a:pt x="18" y="0"/>
                    </a:lnTo>
                    <a:lnTo>
                      <a:pt x="312" y="18"/>
                    </a:lnTo>
                    <a:lnTo>
                      <a:pt x="336" y="210"/>
                    </a:lnTo>
                    <a:lnTo>
                      <a:pt x="336" y="21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91" name="Freeform 219"/>
              <p:cNvSpPr>
                <a:spLocks noChangeAspect="1"/>
              </p:cNvSpPr>
              <p:nvPr/>
            </p:nvSpPr>
            <p:spPr bwMode="auto">
              <a:xfrm>
                <a:off x="4770" y="1351"/>
                <a:ext cx="160" cy="163"/>
              </a:xfrm>
              <a:custGeom>
                <a:avLst/>
                <a:gdLst>
                  <a:gd name="T0" fmla="*/ 93 w 210"/>
                  <a:gd name="T1" fmla="*/ 26 h 240"/>
                  <a:gd name="T2" fmla="*/ 90 w 210"/>
                  <a:gd name="T3" fmla="*/ 28 h 240"/>
                  <a:gd name="T4" fmla="*/ 93 w 210"/>
                  <a:gd name="T5" fmla="*/ 32 h 240"/>
                  <a:gd name="T6" fmla="*/ 90 w 210"/>
                  <a:gd name="T7" fmla="*/ 47 h 240"/>
                  <a:gd name="T8" fmla="*/ 75 w 210"/>
                  <a:gd name="T9" fmla="*/ 56 h 240"/>
                  <a:gd name="T10" fmla="*/ 75 w 210"/>
                  <a:gd name="T11" fmla="*/ 62 h 240"/>
                  <a:gd name="T12" fmla="*/ 69 w 210"/>
                  <a:gd name="T13" fmla="*/ 62 h 240"/>
                  <a:gd name="T14" fmla="*/ 66 w 210"/>
                  <a:gd name="T15" fmla="*/ 70 h 240"/>
                  <a:gd name="T16" fmla="*/ 59 w 210"/>
                  <a:gd name="T17" fmla="*/ 75 h 240"/>
                  <a:gd name="T18" fmla="*/ 50 w 210"/>
                  <a:gd name="T19" fmla="*/ 70 h 240"/>
                  <a:gd name="T20" fmla="*/ 34 w 210"/>
                  <a:gd name="T21" fmla="*/ 73 h 240"/>
                  <a:gd name="T22" fmla="*/ 21 w 210"/>
                  <a:gd name="T23" fmla="*/ 70 h 240"/>
                  <a:gd name="T24" fmla="*/ 16 w 210"/>
                  <a:gd name="T25" fmla="*/ 64 h 240"/>
                  <a:gd name="T26" fmla="*/ 8 w 210"/>
                  <a:gd name="T27" fmla="*/ 66 h 240"/>
                  <a:gd name="T28" fmla="*/ 0 w 210"/>
                  <a:gd name="T29" fmla="*/ 14 h 240"/>
                  <a:gd name="T30" fmla="*/ 8 w 210"/>
                  <a:gd name="T31" fmla="*/ 14 h 240"/>
                  <a:gd name="T32" fmla="*/ 27 w 210"/>
                  <a:gd name="T33" fmla="*/ 10 h 240"/>
                  <a:gd name="T34" fmla="*/ 27 w 210"/>
                  <a:gd name="T35" fmla="*/ 11 h 240"/>
                  <a:gd name="T36" fmla="*/ 43 w 210"/>
                  <a:gd name="T37" fmla="*/ 14 h 240"/>
                  <a:gd name="T38" fmla="*/ 40 w 210"/>
                  <a:gd name="T39" fmla="*/ 15 h 240"/>
                  <a:gd name="T40" fmla="*/ 50 w 210"/>
                  <a:gd name="T41" fmla="*/ 15 h 240"/>
                  <a:gd name="T42" fmla="*/ 66 w 210"/>
                  <a:gd name="T43" fmla="*/ 11 h 240"/>
                  <a:gd name="T44" fmla="*/ 72 w 210"/>
                  <a:gd name="T45" fmla="*/ 5 h 240"/>
                  <a:gd name="T46" fmla="*/ 88 w 210"/>
                  <a:gd name="T47" fmla="*/ 0 h 240"/>
                  <a:gd name="T48" fmla="*/ 93 w 210"/>
                  <a:gd name="T49" fmla="*/ 21 h 240"/>
                  <a:gd name="T50" fmla="*/ 93 w 210"/>
                  <a:gd name="T51" fmla="*/ 26 h 240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210"/>
                  <a:gd name="T79" fmla="*/ 0 h 240"/>
                  <a:gd name="T80" fmla="*/ 210 w 210"/>
                  <a:gd name="T81" fmla="*/ 240 h 240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210" h="240">
                    <a:moveTo>
                      <a:pt x="210" y="84"/>
                    </a:moveTo>
                    <a:lnTo>
                      <a:pt x="204" y="90"/>
                    </a:lnTo>
                    <a:lnTo>
                      <a:pt x="210" y="102"/>
                    </a:lnTo>
                    <a:lnTo>
                      <a:pt x="204" y="150"/>
                    </a:lnTo>
                    <a:lnTo>
                      <a:pt x="168" y="180"/>
                    </a:lnTo>
                    <a:lnTo>
                      <a:pt x="168" y="198"/>
                    </a:lnTo>
                    <a:lnTo>
                      <a:pt x="156" y="198"/>
                    </a:lnTo>
                    <a:lnTo>
                      <a:pt x="150" y="222"/>
                    </a:lnTo>
                    <a:lnTo>
                      <a:pt x="132" y="240"/>
                    </a:lnTo>
                    <a:lnTo>
                      <a:pt x="114" y="222"/>
                    </a:lnTo>
                    <a:lnTo>
                      <a:pt x="78" y="234"/>
                    </a:lnTo>
                    <a:lnTo>
                      <a:pt x="48" y="222"/>
                    </a:lnTo>
                    <a:lnTo>
                      <a:pt x="36" y="204"/>
                    </a:lnTo>
                    <a:lnTo>
                      <a:pt x="18" y="210"/>
                    </a:lnTo>
                    <a:lnTo>
                      <a:pt x="0" y="42"/>
                    </a:lnTo>
                    <a:lnTo>
                      <a:pt x="18" y="42"/>
                    </a:lnTo>
                    <a:lnTo>
                      <a:pt x="60" y="30"/>
                    </a:lnTo>
                    <a:lnTo>
                      <a:pt x="60" y="36"/>
                    </a:lnTo>
                    <a:lnTo>
                      <a:pt x="96" y="42"/>
                    </a:lnTo>
                    <a:lnTo>
                      <a:pt x="90" y="48"/>
                    </a:lnTo>
                    <a:lnTo>
                      <a:pt x="114" y="48"/>
                    </a:lnTo>
                    <a:lnTo>
                      <a:pt x="150" y="36"/>
                    </a:lnTo>
                    <a:lnTo>
                      <a:pt x="162" y="18"/>
                    </a:lnTo>
                    <a:lnTo>
                      <a:pt x="198" y="0"/>
                    </a:lnTo>
                    <a:lnTo>
                      <a:pt x="210" y="66"/>
                    </a:lnTo>
                    <a:lnTo>
                      <a:pt x="210" y="8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92" name="Freeform 220"/>
              <p:cNvSpPr>
                <a:spLocks noChangeAspect="1"/>
              </p:cNvSpPr>
              <p:nvPr/>
            </p:nvSpPr>
            <p:spPr bwMode="auto">
              <a:xfrm>
                <a:off x="4770" y="1351"/>
                <a:ext cx="160" cy="163"/>
              </a:xfrm>
              <a:custGeom>
                <a:avLst/>
                <a:gdLst>
                  <a:gd name="T0" fmla="*/ 93 w 210"/>
                  <a:gd name="T1" fmla="*/ 26 h 240"/>
                  <a:gd name="T2" fmla="*/ 90 w 210"/>
                  <a:gd name="T3" fmla="*/ 28 h 240"/>
                  <a:gd name="T4" fmla="*/ 93 w 210"/>
                  <a:gd name="T5" fmla="*/ 32 h 240"/>
                  <a:gd name="T6" fmla="*/ 90 w 210"/>
                  <a:gd name="T7" fmla="*/ 47 h 240"/>
                  <a:gd name="T8" fmla="*/ 75 w 210"/>
                  <a:gd name="T9" fmla="*/ 56 h 240"/>
                  <a:gd name="T10" fmla="*/ 75 w 210"/>
                  <a:gd name="T11" fmla="*/ 62 h 240"/>
                  <a:gd name="T12" fmla="*/ 69 w 210"/>
                  <a:gd name="T13" fmla="*/ 62 h 240"/>
                  <a:gd name="T14" fmla="*/ 66 w 210"/>
                  <a:gd name="T15" fmla="*/ 70 h 240"/>
                  <a:gd name="T16" fmla="*/ 59 w 210"/>
                  <a:gd name="T17" fmla="*/ 75 h 240"/>
                  <a:gd name="T18" fmla="*/ 50 w 210"/>
                  <a:gd name="T19" fmla="*/ 70 h 240"/>
                  <a:gd name="T20" fmla="*/ 34 w 210"/>
                  <a:gd name="T21" fmla="*/ 73 h 240"/>
                  <a:gd name="T22" fmla="*/ 21 w 210"/>
                  <a:gd name="T23" fmla="*/ 70 h 240"/>
                  <a:gd name="T24" fmla="*/ 16 w 210"/>
                  <a:gd name="T25" fmla="*/ 64 h 240"/>
                  <a:gd name="T26" fmla="*/ 8 w 210"/>
                  <a:gd name="T27" fmla="*/ 66 h 240"/>
                  <a:gd name="T28" fmla="*/ 0 w 210"/>
                  <a:gd name="T29" fmla="*/ 14 h 240"/>
                  <a:gd name="T30" fmla="*/ 8 w 210"/>
                  <a:gd name="T31" fmla="*/ 14 h 240"/>
                  <a:gd name="T32" fmla="*/ 27 w 210"/>
                  <a:gd name="T33" fmla="*/ 10 h 240"/>
                  <a:gd name="T34" fmla="*/ 27 w 210"/>
                  <a:gd name="T35" fmla="*/ 11 h 240"/>
                  <a:gd name="T36" fmla="*/ 43 w 210"/>
                  <a:gd name="T37" fmla="*/ 14 h 240"/>
                  <a:gd name="T38" fmla="*/ 40 w 210"/>
                  <a:gd name="T39" fmla="*/ 15 h 240"/>
                  <a:gd name="T40" fmla="*/ 50 w 210"/>
                  <a:gd name="T41" fmla="*/ 15 h 240"/>
                  <a:gd name="T42" fmla="*/ 66 w 210"/>
                  <a:gd name="T43" fmla="*/ 11 h 240"/>
                  <a:gd name="T44" fmla="*/ 72 w 210"/>
                  <a:gd name="T45" fmla="*/ 5 h 240"/>
                  <a:gd name="T46" fmla="*/ 88 w 210"/>
                  <a:gd name="T47" fmla="*/ 0 h 240"/>
                  <a:gd name="T48" fmla="*/ 93 w 210"/>
                  <a:gd name="T49" fmla="*/ 21 h 240"/>
                  <a:gd name="T50" fmla="*/ 93 w 210"/>
                  <a:gd name="T51" fmla="*/ 26 h 240"/>
                  <a:gd name="T52" fmla="*/ 93 w 210"/>
                  <a:gd name="T53" fmla="*/ 28 h 240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210"/>
                  <a:gd name="T82" fmla="*/ 0 h 240"/>
                  <a:gd name="T83" fmla="*/ 210 w 210"/>
                  <a:gd name="T84" fmla="*/ 240 h 240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210" h="240">
                    <a:moveTo>
                      <a:pt x="210" y="84"/>
                    </a:moveTo>
                    <a:lnTo>
                      <a:pt x="204" y="90"/>
                    </a:lnTo>
                    <a:lnTo>
                      <a:pt x="210" y="102"/>
                    </a:lnTo>
                    <a:lnTo>
                      <a:pt x="204" y="150"/>
                    </a:lnTo>
                    <a:lnTo>
                      <a:pt x="168" y="180"/>
                    </a:lnTo>
                    <a:lnTo>
                      <a:pt x="168" y="198"/>
                    </a:lnTo>
                    <a:lnTo>
                      <a:pt x="156" y="198"/>
                    </a:lnTo>
                    <a:lnTo>
                      <a:pt x="150" y="222"/>
                    </a:lnTo>
                    <a:lnTo>
                      <a:pt x="132" y="240"/>
                    </a:lnTo>
                    <a:lnTo>
                      <a:pt x="114" y="222"/>
                    </a:lnTo>
                    <a:lnTo>
                      <a:pt x="78" y="234"/>
                    </a:lnTo>
                    <a:lnTo>
                      <a:pt x="48" y="222"/>
                    </a:lnTo>
                    <a:lnTo>
                      <a:pt x="36" y="204"/>
                    </a:lnTo>
                    <a:lnTo>
                      <a:pt x="18" y="210"/>
                    </a:lnTo>
                    <a:lnTo>
                      <a:pt x="0" y="42"/>
                    </a:lnTo>
                    <a:lnTo>
                      <a:pt x="18" y="42"/>
                    </a:lnTo>
                    <a:lnTo>
                      <a:pt x="60" y="30"/>
                    </a:lnTo>
                    <a:lnTo>
                      <a:pt x="60" y="36"/>
                    </a:lnTo>
                    <a:lnTo>
                      <a:pt x="96" y="42"/>
                    </a:lnTo>
                    <a:lnTo>
                      <a:pt x="90" y="48"/>
                    </a:lnTo>
                    <a:lnTo>
                      <a:pt x="114" y="48"/>
                    </a:lnTo>
                    <a:lnTo>
                      <a:pt x="150" y="36"/>
                    </a:lnTo>
                    <a:lnTo>
                      <a:pt x="162" y="18"/>
                    </a:lnTo>
                    <a:lnTo>
                      <a:pt x="198" y="0"/>
                    </a:lnTo>
                    <a:lnTo>
                      <a:pt x="210" y="66"/>
                    </a:lnTo>
                    <a:lnTo>
                      <a:pt x="210" y="84"/>
                    </a:lnTo>
                    <a:lnTo>
                      <a:pt x="210" y="9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93" name="Freeform 221"/>
              <p:cNvSpPr>
                <a:spLocks noChangeAspect="1"/>
              </p:cNvSpPr>
              <p:nvPr/>
            </p:nvSpPr>
            <p:spPr bwMode="auto">
              <a:xfrm>
                <a:off x="4088" y="1595"/>
                <a:ext cx="338" cy="155"/>
              </a:xfrm>
              <a:custGeom>
                <a:avLst/>
                <a:gdLst>
                  <a:gd name="T0" fmla="*/ 190 w 444"/>
                  <a:gd name="T1" fmla="*/ 15 h 228"/>
                  <a:gd name="T2" fmla="*/ 196 w 444"/>
                  <a:gd name="T3" fmla="*/ 38 h 228"/>
                  <a:gd name="T4" fmla="*/ 193 w 444"/>
                  <a:gd name="T5" fmla="*/ 71 h 228"/>
                  <a:gd name="T6" fmla="*/ 177 w 444"/>
                  <a:gd name="T7" fmla="*/ 66 h 228"/>
                  <a:gd name="T8" fmla="*/ 151 w 444"/>
                  <a:gd name="T9" fmla="*/ 71 h 228"/>
                  <a:gd name="T10" fmla="*/ 143 w 444"/>
                  <a:gd name="T11" fmla="*/ 68 h 228"/>
                  <a:gd name="T12" fmla="*/ 138 w 444"/>
                  <a:gd name="T13" fmla="*/ 68 h 228"/>
                  <a:gd name="T14" fmla="*/ 138 w 444"/>
                  <a:gd name="T15" fmla="*/ 66 h 228"/>
                  <a:gd name="T16" fmla="*/ 132 w 444"/>
                  <a:gd name="T17" fmla="*/ 71 h 228"/>
                  <a:gd name="T18" fmla="*/ 130 w 444"/>
                  <a:gd name="T19" fmla="*/ 68 h 228"/>
                  <a:gd name="T20" fmla="*/ 127 w 444"/>
                  <a:gd name="T21" fmla="*/ 70 h 228"/>
                  <a:gd name="T22" fmla="*/ 120 w 444"/>
                  <a:gd name="T23" fmla="*/ 66 h 228"/>
                  <a:gd name="T24" fmla="*/ 113 w 444"/>
                  <a:gd name="T25" fmla="*/ 68 h 228"/>
                  <a:gd name="T26" fmla="*/ 108 w 444"/>
                  <a:gd name="T27" fmla="*/ 63 h 228"/>
                  <a:gd name="T28" fmla="*/ 100 w 444"/>
                  <a:gd name="T29" fmla="*/ 64 h 228"/>
                  <a:gd name="T30" fmla="*/ 85 w 444"/>
                  <a:gd name="T31" fmla="*/ 61 h 228"/>
                  <a:gd name="T32" fmla="*/ 82 w 444"/>
                  <a:gd name="T33" fmla="*/ 54 h 228"/>
                  <a:gd name="T34" fmla="*/ 74 w 444"/>
                  <a:gd name="T35" fmla="*/ 56 h 228"/>
                  <a:gd name="T36" fmla="*/ 66 w 444"/>
                  <a:gd name="T37" fmla="*/ 53 h 228"/>
                  <a:gd name="T38" fmla="*/ 69 w 444"/>
                  <a:gd name="T39" fmla="*/ 14 h 228"/>
                  <a:gd name="T40" fmla="*/ 0 w 444"/>
                  <a:gd name="T41" fmla="*/ 11 h 228"/>
                  <a:gd name="T42" fmla="*/ 3 w 444"/>
                  <a:gd name="T43" fmla="*/ 0 h 228"/>
                  <a:gd name="T44" fmla="*/ 24 w 444"/>
                  <a:gd name="T45" fmla="*/ 2 h 228"/>
                  <a:gd name="T46" fmla="*/ 190 w 444"/>
                  <a:gd name="T47" fmla="*/ 3 h 228"/>
                  <a:gd name="T48" fmla="*/ 190 w 444"/>
                  <a:gd name="T49" fmla="*/ 11 h 228"/>
                  <a:gd name="T50" fmla="*/ 190 w 444"/>
                  <a:gd name="T51" fmla="*/ 15 h 228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444"/>
                  <a:gd name="T79" fmla="*/ 0 h 228"/>
                  <a:gd name="T80" fmla="*/ 444 w 444"/>
                  <a:gd name="T81" fmla="*/ 228 h 228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444" h="228">
                    <a:moveTo>
                      <a:pt x="432" y="48"/>
                    </a:moveTo>
                    <a:lnTo>
                      <a:pt x="444" y="120"/>
                    </a:lnTo>
                    <a:lnTo>
                      <a:pt x="438" y="228"/>
                    </a:lnTo>
                    <a:lnTo>
                      <a:pt x="402" y="210"/>
                    </a:lnTo>
                    <a:lnTo>
                      <a:pt x="342" y="228"/>
                    </a:lnTo>
                    <a:lnTo>
                      <a:pt x="324" y="216"/>
                    </a:lnTo>
                    <a:lnTo>
                      <a:pt x="312" y="216"/>
                    </a:lnTo>
                    <a:lnTo>
                      <a:pt x="312" y="210"/>
                    </a:lnTo>
                    <a:lnTo>
                      <a:pt x="300" y="228"/>
                    </a:lnTo>
                    <a:lnTo>
                      <a:pt x="294" y="216"/>
                    </a:lnTo>
                    <a:lnTo>
                      <a:pt x="288" y="222"/>
                    </a:lnTo>
                    <a:lnTo>
                      <a:pt x="270" y="210"/>
                    </a:lnTo>
                    <a:lnTo>
                      <a:pt x="258" y="216"/>
                    </a:lnTo>
                    <a:lnTo>
                      <a:pt x="246" y="198"/>
                    </a:lnTo>
                    <a:lnTo>
                      <a:pt x="228" y="204"/>
                    </a:lnTo>
                    <a:lnTo>
                      <a:pt x="192" y="192"/>
                    </a:lnTo>
                    <a:lnTo>
                      <a:pt x="186" y="174"/>
                    </a:lnTo>
                    <a:lnTo>
                      <a:pt x="168" y="180"/>
                    </a:lnTo>
                    <a:lnTo>
                      <a:pt x="150" y="168"/>
                    </a:lnTo>
                    <a:lnTo>
                      <a:pt x="156" y="42"/>
                    </a:lnTo>
                    <a:lnTo>
                      <a:pt x="0" y="36"/>
                    </a:lnTo>
                    <a:lnTo>
                      <a:pt x="6" y="0"/>
                    </a:lnTo>
                    <a:lnTo>
                      <a:pt x="54" y="6"/>
                    </a:lnTo>
                    <a:lnTo>
                      <a:pt x="432" y="12"/>
                    </a:lnTo>
                    <a:lnTo>
                      <a:pt x="432" y="36"/>
                    </a:lnTo>
                    <a:lnTo>
                      <a:pt x="432" y="48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94" name="Freeform 222"/>
              <p:cNvSpPr>
                <a:spLocks noChangeAspect="1"/>
              </p:cNvSpPr>
              <p:nvPr/>
            </p:nvSpPr>
            <p:spPr bwMode="auto">
              <a:xfrm>
                <a:off x="4088" y="1595"/>
                <a:ext cx="338" cy="155"/>
              </a:xfrm>
              <a:custGeom>
                <a:avLst/>
                <a:gdLst>
                  <a:gd name="T0" fmla="*/ 190 w 444"/>
                  <a:gd name="T1" fmla="*/ 15 h 228"/>
                  <a:gd name="T2" fmla="*/ 196 w 444"/>
                  <a:gd name="T3" fmla="*/ 38 h 228"/>
                  <a:gd name="T4" fmla="*/ 193 w 444"/>
                  <a:gd name="T5" fmla="*/ 71 h 228"/>
                  <a:gd name="T6" fmla="*/ 177 w 444"/>
                  <a:gd name="T7" fmla="*/ 66 h 228"/>
                  <a:gd name="T8" fmla="*/ 151 w 444"/>
                  <a:gd name="T9" fmla="*/ 71 h 228"/>
                  <a:gd name="T10" fmla="*/ 143 w 444"/>
                  <a:gd name="T11" fmla="*/ 68 h 228"/>
                  <a:gd name="T12" fmla="*/ 138 w 444"/>
                  <a:gd name="T13" fmla="*/ 68 h 228"/>
                  <a:gd name="T14" fmla="*/ 138 w 444"/>
                  <a:gd name="T15" fmla="*/ 66 h 228"/>
                  <a:gd name="T16" fmla="*/ 132 w 444"/>
                  <a:gd name="T17" fmla="*/ 71 h 228"/>
                  <a:gd name="T18" fmla="*/ 130 w 444"/>
                  <a:gd name="T19" fmla="*/ 68 h 228"/>
                  <a:gd name="T20" fmla="*/ 127 w 444"/>
                  <a:gd name="T21" fmla="*/ 70 h 228"/>
                  <a:gd name="T22" fmla="*/ 120 w 444"/>
                  <a:gd name="T23" fmla="*/ 66 h 228"/>
                  <a:gd name="T24" fmla="*/ 113 w 444"/>
                  <a:gd name="T25" fmla="*/ 68 h 228"/>
                  <a:gd name="T26" fmla="*/ 108 w 444"/>
                  <a:gd name="T27" fmla="*/ 63 h 228"/>
                  <a:gd name="T28" fmla="*/ 100 w 444"/>
                  <a:gd name="T29" fmla="*/ 64 h 228"/>
                  <a:gd name="T30" fmla="*/ 85 w 444"/>
                  <a:gd name="T31" fmla="*/ 61 h 228"/>
                  <a:gd name="T32" fmla="*/ 82 w 444"/>
                  <a:gd name="T33" fmla="*/ 54 h 228"/>
                  <a:gd name="T34" fmla="*/ 74 w 444"/>
                  <a:gd name="T35" fmla="*/ 56 h 228"/>
                  <a:gd name="T36" fmla="*/ 66 w 444"/>
                  <a:gd name="T37" fmla="*/ 53 h 228"/>
                  <a:gd name="T38" fmla="*/ 69 w 444"/>
                  <a:gd name="T39" fmla="*/ 14 h 228"/>
                  <a:gd name="T40" fmla="*/ 0 w 444"/>
                  <a:gd name="T41" fmla="*/ 11 h 228"/>
                  <a:gd name="T42" fmla="*/ 3 w 444"/>
                  <a:gd name="T43" fmla="*/ 0 h 228"/>
                  <a:gd name="T44" fmla="*/ 24 w 444"/>
                  <a:gd name="T45" fmla="*/ 2 h 228"/>
                  <a:gd name="T46" fmla="*/ 190 w 444"/>
                  <a:gd name="T47" fmla="*/ 3 h 228"/>
                  <a:gd name="T48" fmla="*/ 190 w 444"/>
                  <a:gd name="T49" fmla="*/ 11 h 228"/>
                  <a:gd name="T50" fmla="*/ 190 w 444"/>
                  <a:gd name="T51" fmla="*/ 15 h 228"/>
                  <a:gd name="T52" fmla="*/ 190 w 444"/>
                  <a:gd name="T53" fmla="*/ 17 h 228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444"/>
                  <a:gd name="T82" fmla="*/ 0 h 228"/>
                  <a:gd name="T83" fmla="*/ 444 w 444"/>
                  <a:gd name="T84" fmla="*/ 228 h 228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444" h="228">
                    <a:moveTo>
                      <a:pt x="432" y="48"/>
                    </a:moveTo>
                    <a:lnTo>
                      <a:pt x="444" y="120"/>
                    </a:lnTo>
                    <a:lnTo>
                      <a:pt x="438" y="228"/>
                    </a:lnTo>
                    <a:lnTo>
                      <a:pt x="402" y="210"/>
                    </a:lnTo>
                    <a:lnTo>
                      <a:pt x="342" y="228"/>
                    </a:lnTo>
                    <a:lnTo>
                      <a:pt x="324" y="216"/>
                    </a:lnTo>
                    <a:lnTo>
                      <a:pt x="312" y="216"/>
                    </a:lnTo>
                    <a:lnTo>
                      <a:pt x="312" y="210"/>
                    </a:lnTo>
                    <a:lnTo>
                      <a:pt x="300" y="228"/>
                    </a:lnTo>
                    <a:lnTo>
                      <a:pt x="294" y="216"/>
                    </a:lnTo>
                    <a:lnTo>
                      <a:pt x="288" y="222"/>
                    </a:lnTo>
                    <a:lnTo>
                      <a:pt x="270" y="210"/>
                    </a:lnTo>
                    <a:lnTo>
                      <a:pt x="258" y="216"/>
                    </a:lnTo>
                    <a:lnTo>
                      <a:pt x="246" y="198"/>
                    </a:lnTo>
                    <a:lnTo>
                      <a:pt x="228" y="204"/>
                    </a:lnTo>
                    <a:lnTo>
                      <a:pt x="192" y="192"/>
                    </a:lnTo>
                    <a:lnTo>
                      <a:pt x="186" y="174"/>
                    </a:lnTo>
                    <a:lnTo>
                      <a:pt x="168" y="180"/>
                    </a:lnTo>
                    <a:lnTo>
                      <a:pt x="150" y="168"/>
                    </a:lnTo>
                    <a:lnTo>
                      <a:pt x="156" y="42"/>
                    </a:lnTo>
                    <a:lnTo>
                      <a:pt x="0" y="36"/>
                    </a:lnTo>
                    <a:lnTo>
                      <a:pt x="6" y="0"/>
                    </a:lnTo>
                    <a:lnTo>
                      <a:pt x="54" y="6"/>
                    </a:lnTo>
                    <a:lnTo>
                      <a:pt x="432" y="12"/>
                    </a:lnTo>
                    <a:lnTo>
                      <a:pt x="432" y="36"/>
                    </a:lnTo>
                    <a:lnTo>
                      <a:pt x="432" y="48"/>
                    </a:lnTo>
                    <a:lnTo>
                      <a:pt x="432" y="5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95" name="Freeform 223"/>
              <p:cNvSpPr>
                <a:spLocks noChangeAspect="1"/>
              </p:cNvSpPr>
              <p:nvPr/>
            </p:nvSpPr>
            <p:spPr bwMode="auto">
              <a:xfrm>
                <a:off x="3360" y="1082"/>
                <a:ext cx="307" cy="232"/>
              </a:xfrm>
              <a:custGeom>
                <a:avLst/>
                <a:gdLst>
                  <a:gd name="T0" fmla="*/ 82 w 402"/>
                  <a:gd name="T1" fmla="*/ 96 h 342"/>
                  <a:gd name="T2" fmla="*/ 0 w 402"/>
                  <a:gd name="T3" fmla="*/ 79 h 342"/>
                  <a:gd name="T4" fmla="*/ 0 w 402"/>
                  <a:gd name="T5" fmla="*/ 62 h 342"/>
                  <a:gd name="T6" fmla="*/ 14 w 402"/>
                  <a:gd name="T7" fmla="*/ 47 h 342"/>
                  <a:gd name="T8" fmla="*/ 35 w 402"/>
                  <a:gd name="T9" fmla="*/ 13 h 342"/>
                  <a:gd name="T10" fmla="*/ 37 w 402"/>
                  <a:gd name="T11" fmla="*/ 0 h 342"/>
                  <a:gd name="T12" fmla="*/ 48 w 402"/>
                  <a:gd name="T13" fmla="*/ 2 h 342"/>
                  <a:gd name="T14" fmla="*/ 56 w 402"/>
                  <a:gd name="T15" fmla="*/ 5 h 342"/>
                  <a:gd name="T16" fmla="*/ 56 w 402"/>
                  <a:gd name="T17" fmla="*/ 15 h 342"/>
                  <a:gd name="T18" fmla="*/ 64 w 402"/>
                  <a:gd name="T19" fmla="*/ 19 h 342"/>
                  <a:gd name="T20" fmla="*/ 75 w 402"/>
                  <a:gd name="T21" fmla="*/ 17 h 342"/>
                  <a:gd name="T22" fmla="*/ 88 w 402"/>
                  <a:gd name="T23" fmla="*/ 22 h 342"/>
                  <a:gd name="T24" fmla="*/ 134 w 402"/>
                  <a:gd name="T25" fmla="*/ 22 h 342"/>
                  <a:gd name="T26" fmla="*/ 171 w 402"/>
                  <a:gd name="T27" fmla="*/ 28 h 342"/>
                  <a:gd name="T28" fmla="*/ 179 w 402"/>
                  <a:gd name="T29" fmla="*/ 37 h 342"/>
                  <a:gd name="T30" fmla="*/ 155 w 402"/>
                  <a:gd name="T31" fmla="*/ 58 h 342"/>
                  <a:gd name="T32" fmla="*/ 160 w 402"/>
                  <a:gd name="T33" fmla="*/ 64 h 342"/>
                  <a:gd name="T34" fmla="*/ 144 w 402"/>
                  <a:gd name="T35" fmla="*/ 107 h 342"/>
                  <a:gd name="T36" fmla="*/ 96 w 402"/>
                  <a:gd name="T37" fmla="*/ 98 h 342"/>
                  <a:gd name="T38" fmla="*/ 82 w 402"/>
                  <a:gd name="T39" fmla="*/ 96 h 342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402"/>
                  <a:gd name="T61" fmla="*/ 0 h 342"/>
                  <a:gd name="T62" fmla="*/ 402 w 402"/>
                  <a:gd name="T63" fmla="*/ 342 h 342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402" h="342">
                    <a:moveTo>
                      <a:pt x="186" y="306"/>
                    </a:moveTo>
                    <a:lnTo>
                      <a:pt x="0" y="252"/>
                    </a:lnTo>
                    <a:lnTo>
                      <a:pt x="0" y="198"/>
                    </a:lnTo>
                    <a:lnTo>
                      <a:pt x="30" y="150"/>
                    </a:lnTo>
                    <a:lnTo>
                      <a:pt x="78" y="42"/>
                    </a:lnTo>
                    <a:lnTo>
                      <a:pt x="84" y="0"/>
                    </a:lnTo>
                    <a:lnTo>
                      <a:pt x="108" y="6"/>
                    </a:lnTo>
                    <a:lnTo>
                      <a:pt x="126" y="18"/>
                    </a:lnTo>
                    <a:lnTo>
                      <a:pt x="126" y="48"/>
                    </a:lnTo>
                    <a:lnTo>
                      <a:pt x="144" y="60"/>
                    </a:lnTo>
                    <a:lnTo>
                      <a:pt x="168" y="54"/>
                    </a:lnTo>
                    <a:lnTo>
                      <a:pt x="198" y="72"/>
                    </a:lnTo>
                    <a:lnTo>
                      <a:pt x="300" y="72"/>
                    </a:lnTo>
                    <a:lnTo>
                      <a:pt x="384" y="90"/>
                    </a:lnTo>
                    <a:lnTo>
                      <a:pt x="402" y="120"/>
                    </a:lnTo>
                    <a:lnTo>
                      <a:pt x="348" y="186"/>
                    </a:lnTo>
                    <a:lnTo>
                      <a:pt x="360" y="204"/>
                    </a:lnTo>
                    <a:lnTo>
                      <a:pt x="324" y="342"/>
                    </a:lnTo>
                    <a:lnTo>
                      <a:pt x="216" y="312"/>
                    </a:lnTo>
                    <a:lnTo>
                      <a:pt x="186" y="30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96" name="Freeform 224"/>
              <p:cNvSpPr>
                <a:spLocks noChangeAspect="1"/>
              </p:cNvSpPr>
              <p:nvPr/>
            </p:nvSpPr>
            <p:spPr bwMode="auto">
              <a:xfrm>
                <a:off x="3360" y="1082"/>
                <a:ext cx="307" cy="232"/>
              </a:xfrm>
              <a:custGeom>
                <a:avLst/>
                <a:gdLst>
                  <a:gd name="T0" fmla="*/ 82 w 402"/>
                  <a:gd name="T1" fmla="*/ 96 h 342"/>
                  <a:gd name="T2" fmla="*/ 0 w 402"/>
                  <a:gd name="T3" fmla="*/ 79 h 342"/>
                  <a:gd name="T4" fmla="*/ 0 w 402"/>
                  <a:gd name="T5" fmla="*/ 62 h 342"/>
                  <a:gd name="T6" fmla="*/ 14 w 402"/>
                  <a:gd name="T7" fmla="*/ 47 h 342"/>
                  <a:gd name="T8" fmla="*/ 35 w 402"/>
                  <a:gd name="T9" fmla="*/ 13 h 342"/>
                  <a:gd name="T10" fmla="*/ 37 w 402"/>
                  <a:gd name="T11" fmla="*/ 0 h 342"/>
                  <a:gd name="T12" fmla="*/ 48 w 402"/>
                  <a:gd name="T13" fmla="*/ 2 h 342"/>
                  <a:gd name="T14" fmla="*/ 56 w 402"/>
                  <a:gd name="T15" fmla="*/ 5 h 342"/>
                  <a:gd name="T16" fmla="*/ 56 w 402"/>
                  <a:gd name="T17" fmla="*/ 15 h 342"/>
                  <a:gd name="T18" fmla="*/ 64 w 402"/>
                  <a:gd name="T19" fmla="*/ 19 h 342"/>
                  <a:gd name="T20" fmla="*/ 75 w 402"/>
                  <a:gd name="T21" fmla="*/ 17 h 342"/>
                  <a:gd name="T22" fmla="*/ 88 w 402"/>
                  <a:gd name="T23" fmla="*/ 22 h 342"/>
                  <a:gd name="T24" fmla="*/ 134 w 402"/>
                  <a:gd name="T25" fmla="*/ 22 h 342"/>
                  <a:gd name="T26" fmla="*/ 171 w 402"/>
                  <a:gd name="T27" fmla="*/ 28 h 342"/>
                  <a:gd name="T28" fmla="*/ 179 w 402"/>
                  <a:gd name="T29" fmla="*/ 37 h 342"/>
                  <a:gd name="T30" fmla="*/ 155 w 402"/>
                  <a:gd name="T31" fmla="*/ 58 h 342"/>
                  <a:gd name="T32" fmla="*/ 160 w 402"/>
                  <a:gd name="T33" fmla="*/ 64 h 342"/>
                  <a:gd name="T34" fmla="*/ 144 w 402"/>
                  <a:gd name="T35" fmla="*/ 107 h 342"/>
                  <a:gd name="T36" fmla="*/ 96 w 402"/>
                  <a:gd name="T37" fmla="*/ 98 h 342"/>
                  <a:gd name="T38" fmla="*/ 82 w 402"/>
                  <a:gd name="T39" fmla="*/ 96 h 342"/>
                  <a:gd name="T40" fmla="*/ 82 w 402"/>
                  <a:gd name="T41" fmla="*/ 98 h 342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w 402"/>
                  <a:gd name="T64" fmla="*/ 0 h 342"/>
                  <a:gd name="T65" fmla="*/ 402 w 402"/>
                  <a:gd name="T66" fmla="*/ 342 h 342"/>
                </a:gdLst>
                <a:ahLst/>
                <a:cxnLst>
                  <a:cxn ang="T42">
                    <a:pos x="T0" y="T1"/>
                  </a:cxn>
                  <a:cxn ang="T43">
                    <a:pos x="T2" y="T3"/>
                  </a:cxn>
                  <a:cxn ang="T44">
                    <a:pos x="T4" y="T5"/>
                  </a:cxn>
                  <a:cxn ang="T45">
                    <a:pos x="T6" y="T7"/>
                  </a:cxn>
                  <a:cxn ang="T46">
                    <a:pos x="T8" y="T9"/>
                  </a:cxn>
                  <a:cxn ang="T47">
                    <a:pos x="T10" y="T11"/>
                  </a:cxn>
                  <a:cxn ang="T48">
                    <a:pos x="T12" y="T13"/>
                  </a:cxn>
                  <a:cxn ang="T49">
                    <a:pos x="T14" y="T15"/>
                  </a:cxn>
                  <a:cxn ang="T50">
                    <a:pos x="T16" y="T17"/>
                  </a:cxn>
                  <a:cxn ang="T51">
                    <a:pos x="T18" y="T19"/>
                  </a:cxn>
                  <a:cxn ang="T52">
                    <a:pos x="T20" y="T21"/>
                  </a:cxn>
                  <a:cxn ang="T53">
                    <a:pos x="T22" y="T23"/>
                  </a:cxn>
                  <a:cxn ang="T54">
                    <a:pos x="T24" y="T25"/>
                  </a:cxn>
                  <a:cxn ang="T55">
                    <a:pos x="T26" y="T27"/>
                  </a:cxn>
                  <a:cxn ang="T56">
                    <a:pos x="T28" y="T29"/>
                  </a:cxn>
                  <a:cxn ang="T57">
                    <a:pos x="T30" y="T31"/>
                  </a:cxn>
                  <a:cxn ang="T58">
                    <a:pos x="T32" y="T33"/>
                  </a:cxn>
                  <a:cxn ang="T59">
                    <a:pos x="T34" y="T35"/>
                  </a:cxn>
                  <a:cxn ang="T60">
                    <a:pos x="T36" y="T37"/>
                  </a:cxn>
                  <a:cxn ang="T61">
                    <a:pos x="T38" y="T39"/>
                  </a:cxn>
                  <a:cxn ang="T62">
                    <a:pos x="T40" y="T41"/>
                  </a:cxn>
                </a:cxnLst>
                <a:rect l="T63" t="T64" r="T65" b="T66"/>
                <a:pathLst>
                  <a:path w="402" h="342">
                    <a:moveTo>
                      <a:pt x="186" y="306"/>
                    </a:moveTo>
                    <a:lnTo>
                      <a:pt x="0" y="252"/>
                    </a:lnTo>
                    <a:lnTo>
                      <a:pt x="0" y="198"/>
                    </a:lnTo>
                    <a:lnTo>
                      <a:pt x="30" y="150"/>
                    </a:lnTo>
                    <a:lnTo>
                      <a:pt x="78" y="42"/>
                    </a:lnTo>
                    <a:lnTo>
                      <a:pt x="84" y="0"/>
                    </a:lnTo>
                    <a:lnTo>
                      <a:pt x="108" y="6"/>
                    </a:lnTo>
                    <a:lnTo>
                      <a:pt x="126" y="18"/>
                    </a:lnTo>
                    <a:lnTo>
                      <a:pt x="126" y="48"/>
                    </a:lnTo>
                    <a:lnTo>
                      <a:pt x="144" y="60"/>
                    </a:lnTo>
                    <a:lnTo>
                      <a:pt x="168" y="54"/>
                    </a:lnTo>
                    <a:lnTo>
                      <a:pt x="198" y="72"/>
                    </a:lnTo>
                    <a:lnTo>
                      <a:pt x="300" y="72"/>
                    </a:lnTo>
                    <a:lnTo>
                      <a:pt x="384" y="90"/>
                    </a:lnTo>
                    <a:lnTo>
                      <a:pt x="402" y="120"/>
                    </a:lnTo>
                    <a:lnTo>
                      <a:pt x="348" y="186"/>
                    </a:lnTo>
                    <a:lnTo>
                      <a:pt x="360" y="204"/>
                    </a:lnTo>
                    <a:lnTo>
                      <a:pt x="324" y="342"/>
                    </a:lnTo>
                    <a:lnTo>
                      <a:pt x="216" y="312"/>
                    </a:lnTo>
                    <a:lnTo>
                      <a:pt x="186" y="306"/>
                    </a:lnTo>
                    <a:lnTo>
                      <a:pt x="186" y="3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97" name="Freeform 225"/>
              <p:cNvSpPr>
                <a:spLocks noChangeAspect="1"/>
              </p:cNvSpPr>
              <p:nvPr/>
            </p:nvSpPr>
            <p:spPr bwMode="auto">
              <a:xfrm>
                <a:off x="4921" y="1318"/>
                <a:ext cx="224" cy="126"/>
              </a:xfrm>
              <a:custGeom>
                <a:avLst/>
                <a:gdLst>
                  <a:gd name="T0" fmla="*/ 14 w 294"/>
                  <a:gd name="T1" fmla="*/ 7 h 186"/>
                  <a:gd name="T2" fmla="*/ 16 w 294"/>
                  <a:gd name="T3" fmla="*/ 11 h 186"/>
                  <a:gd name="T4" fmla="*/ 106 w 294"/>
                  <a:gd name="T5" fmla="*/ 0 h 186"/>
                  <a:gd name="T6" fmla="*/ 117 w 294"/>
                  <a:gd name="T7" fmla="*/ 7 h 186"/>
                  <a:gd name="T8" fmla="*/ 125 w 294"/>
                  <a:gd name="T9" fmla="*/ 9 h 186"/>
                  <a:gd name="T10" fmla="*/ 117 w 294"/>
                  <a:gd name="T11" fmla="*/ 19 h 186"/>
                  <a:gd name="T12" fmla="*/ 120 w 294"/>
                  <a:gd name="T13" fmla="*/ 26 h 186"/>
                  <a:gd name="T14" fmla="*/ 130 w 294"/>
                  <a:gd name="T15" fmla="*/ 33 h 186"/>
                  <a:gd name="T16" fmla="*/ 120 w 294"/>
                  <a:gd name="T17" fmla="*/ 43 h 186"/>
                  <a:gd name="T18" fmla="*/ 117 w 294"/>
                  <a:gd name="T19" fmla="*/ 43 h 186"/>
                  <a:gd name="T20" fmla="*/ 111 w 294"/>
                  <a:gd name="T21" fmla="*/ 45 h 186"/>
                  <a:gd name="T22" fmla="*/ 104 w 294"/>
                  <a:gd name="T23" fmla="*/ 47 h 186"/>
                  <a:gd name="T24" fmla="*/ 32 w 294"/>
                  <a:gd name="T25" fmla="*/ 56 h 186"/>
                  <a:gd name="T26" fmla="*/ 27 w 294"/>
                  <a:gd name="T27" fmla="*/ 56 h 186"/>
                  <a:gd name="T28" fmla="*/ 11 w 294"/>
                  <a:gd name="T29" fmla="*/ 58 h 186"/>
                  <a:gd name="T30" fmla="*/ 5 w 294"/>
                  <a:gd name="T31" fmla="*/ 41 h 186"/>
                  <a:gd name="T32" fmla="*/ 5 w 294"/>
                  <a:gd name="T33" fmla="*/ 35 h 186"/>
                  <a:gd name="T34" fmla="*/ 0 w 294"/>
                  <a:gd name="T35" fmla="*/ 15 h 186"/>
                  <a:gd name="T36" fmla="*/ 14 w 294"/>
                  <a:gd name="T37" fmla="*/ 7 h 18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294"/>
                  <a:gd name="T58" fmla="*/ 0 h 186"/>
                  <a:gd name="T59" fmla="*/ 294 w 294"/>
                  <a:gd name="T60" fmla="*/ 186 h 186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294" h="186">
                    <a:moveTo>
                      <a:pt x="30" y="24"/>
                    </a:moveTo>
                    <a:lnTo>
                      <a:pt x="36" y="36"/>
                    </a:lnTo>
                    <a:lnTo>
                      <a:pt x="240" y="0"/>
                    </a:lnTo>
                    <a:lnTo>
                      <a:pt x="264" y="24"/>
                    </a:lnTo>
                    <a:lnTo>
                      <a:pt x="282" y="30"/>
                    </a:lnTo>
                    <a:lnTo>
                      <a:pt x="264" y="60"/>
                    </a:lnTo>
                    <a:lnTo>
                      <a:pt x="270" y="84"/>
                    </a:lnTo>
                    <a:lnTo>
                      <a:pt x="294" y="108"/>
                    </a:lnTo>
                    <a:lnTo>
                      <a:pt x="270" y="138"/>
                    </a:lnTo>
                    <a:lnTo>
                      <a:pt x="264" y="138"/>
                    </a:lnTo>
                    <a:lnTo>
                      <a:pt x="252" y="144"/>
                    </a:lnTo>
                    <a:lnTo>
                      <a:pt x="234" y="150"/>
                    </a:lnTo>
                    <a:lnTo>
                      <a:pt x="72" y="180"/>
                    </a:lnTo>
                    <a:lnTo>
                      <a:pt x="60" y="180"/>
                    </a:lnTo>
                    <a:lnTo>
                      <a:pt x="24" y="186"/>
                    </a:lnTo>
                    <a:lnTo>
                      <a:pt x="12" y="132"/>
                    </a:lnTo>
                    <a:lnTo>
                      <a:pt x="12" y="114"/>
                    </a:lnTo>
                    <a:lnTo>
                      <a:pt x="0" y="48"/>
                    </a:lnTo>
                    <a:lnTo>
                      <a:pt x="30" y="2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98" name="Freeform 226"/>
              <p:cNvSpPr>
                <a:spLocks noChangeAspect="1"/>
              </p:cNvSpPr>
              <p:nvPr/>
            </p:nvSpPr>
            <p:spPr bwMode="auto">
              <a:xfrm>
                <a:off x="4921" y="1318"/>
                <a:ext cx="224" cy="126"/>
              </a:xfrm>
              <a:custGeom>
                <a:avLst/>
                <a:gdLst>
                  <a:gd name="T0" fmla="*/ 14 w 294"/>
                  <a:gd name="T1" fmla="*/ 7 h 186"/>
                  <a:gd name="T2" fmla="*/ 16 w 294"/>
                  <a:gd name="T3" fmla="*/ 11 h 186"/>
                  <a:gd name="T4" fmla="*/ 106 w 294"/>
                  <a:gd name="T5" fmla="*/ 0 h 186"/>
                  <a:gd name="T6" fmla="*/ 117 w 294"/>
                  <a:gd name="T7" fmla="*/ 7 h 186"/>
                  <a:gd name="T8" fmla="*/ 125 w 294"/>
                  <a:gd name="T9" fmla="*/ 9 h 186"/>
                  <a:gd name="T10" fmla="*/ 117 w 294"/>
                  <a:gd name="T11" fmla="*/ 19 h 186"/>
                  <a:gd name="T12" fmla="*/ 120 w 294"/>
                  <a:gd name="T13" fmla="*/ 26 h 186"/>
                  <a:gd name="T14" fmla="*/ 130 w 294"/>
                  <a:gd name="T15" fmla="*/ 33 h 186"/>
                  <a:gd name="T16" fmla="*/ 120 w 294"/>
                  <a:gd name="T17" fmla="*/ 43 h 186"/>
                  <a:gd name="T18" fmla="*/ 117 w 294"/>
                  <a:gd name="T19" fmla="*/ 43 h 186"/>
                  <a:gd name="T20" fmla="*/ 111 w 294"/>
                  <a:gd name="T21" fmla="*/ 45 h 186"/>
                  <a:gd name="T22" fmla="*/ 104 w 294"/>
                  <a:gd name="T23" fmla="*/ 47 h 186"/>
                  <a:gd name="T24" fmla="*/ 32 w 294"/>
                  <a:gd name="T25" fmla="*/ 56 h 186"/>
                  <a:gd name="T26" fmla="*/ 27 w 294"/>
                  <a:gd name="T27" fmla="*/ 56 h 186"/>
                  <a:gd name="T28" fmla="*/ 11 w 294"/>
                  <a:gd name="T29" fmla="*/ 58 h 186"/>
                  <a:gd name="T30" fmla="*/ 5 w 294"/>
                  <a:gd name="T31" fmla="*/ 41 h 186"/>
                  <a:gd name="T32" fmla="*/ 5 w 294"/>
                  <a:gd name="T33" fmla="*/ 35 h 186"/>
                  <a:gd name="T34" fmla="*/ 0 w 294"/>
                  <a:gd name="T35" fmla="*/ 15 h 186"/>
                  <a:gd name="T36" fmla="*/ 14 w 294"/>
                  <a:gd name="T37" fmla="*/ 7 h 186"/>
                  <a:gd name="T38" fmla="*/ 14 w 294"/>
                  <a:gd name="T39" fmla="*/ 9 h 18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294"/>
                  <a:gd name="T61" fmla="*/ 0 h 186"/>
                  <a:gd name="T62" fmla="*/ 294 w 294"/>
                  <a:gd name="T63" fmla="*/ 186 h 186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294" h="186">
                    <a:moveTo>
                      <a:pt x="30" y="24"/>
                    </a:moveTo>
                    <a:lnTo>
                      <a:pt x="36" y="36"/>
                    </a:lnTo>
                    <a:lnTo>
                      <a:pt x="240" y="0"/>
                    </a:lnTo>
                    <a:lnTo>
                      <a:pt x="264" y="24"/>
                    </a:lnTo>
                    <a:lnTo>
                      <a:pt x="282" y="30"/>
                    </a:lnTo>
                    <a:lnTo>
                      <a:pt x="264" y="60"/>
                    </a:lnTo>
                    <a:lnTo>
                      <a:pt x="270" y="84"/>
                    </a:lnTo>
                    <a:lnTo>
                      <a:pt x="294" y="108"/>
                    </a:lnTo>
                    <a:lnTo>
                      <a:pt x="270" y="138"/>
                    </a:lnTo>
                    <a:lnTo>
                      <a:pt x="264" y="138"/>
                    </a:lnTo>
                    <a:lnTo>
                      <a:pt x="252" y="144"/>
                    </a:lnTo>
                    <a:lnTo>
                      <a:pt x="234" y="150"/>
                    </a:lnTo>
                    <a:lnTo>
                      <a:pt x="72" y="180"/>
                    </a:lnTo>
                    <a:lnTo>
                      <a:pt x="60" y="180"/>
                    </a:lnTo>
                    <a:lnTo>
                      <a:pt x="24" y="186"/>
                    </a:lnTo>
                    <a:lnTo>
                      <a:pt x="12" y="132"/>
                    </a:lnTo>
                    <a:lnTo>
                      <a:pt x="12" y="114"/>
                    </a:lnTo>
                    <a:lnTo>
                      <a:pt x="0" y="48"/>
                    </a:lnTo>
                    <a:lnTo>
                      <a:pt x="30" y="24"/>
                    </a:lnTo>
                    <a:lnTo>
                      <a:pt x="30" y="3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99" name="Freeform 227"/>
              <p:cNvSpPr>
                <a:spLocks noChangeAspect="1"/>
              </p:cNvSpPr>
              <p:nvPr/>
            </p:nvSpPr>
            <p:spPr bwMode="auto">
              <a:xfrm>
                <a:off x="5232" y="1285"/>
                <a:ext cx="27" cy="33"/>
              </a:xfrm>
              <a:custGeom>
                <a:avLst/>
                <a:gdLst>
                  <a:gd name="T0" fmla="*/ 15 w 36"/>
                  <a:gd name="T1" fmla="*/ 10 h 48"/>
                  <a:gd name="T2" fmla="*/ 12 w 36"/>
                  <a:gd name="T3" fmla="*/ 12 h 48"/>
                  <a:gd name="T4" fmla="*/ 10 w 36"/>
                  <a:gd name="T5" fmla="*/ 8 h 48"/>
                  <a:gd name="T6" fmla="*/ 10 w 36"/>
                  <a:gd name="T7" fmla="*/ 14 h 48"/>
                  <a:gd name="T8" fmla="*/ 2 w 36"/>
                  <a:gd name="T9" fmla="*/ 16 h 48"/>
                  <a:gd name="T10" fmla="*/ 0 w 36"/>
                  <a:gd name="T11" fmla="*/ 2 h 48"/>
                  <a:gd name="T12" fmla="*/ 7 w 36"/>
                  <a:gd name="T13" fmla="*/ 0 h 48"/>
                  <a:gd name="T14" fmla="*/ 15 w 36"/>
                  <a:gd name="T15" fmla="*/ 8 h 48"/>
                  <a:gd name="T16" fmla="*/ 15 w 36"/>
                  <a:gd name="T17" fmla="*/ 10 h 48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36"/>
                  <a:gd name="T28" fmla="*/ 0 h 48"/>
                  <a:gd name="T29" fmla="*/ 36 w 36"/>
                  <a:gd name="T30" fmla="*/ 48 h 48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36" h="48">
                    <a:moveTo>
                      <a:pt x="36" y="30"/>
                    </a:moveTo>
                    <a:lnTo>
                      <a:pt x="30" y="36"/>
                    </a:lnTo>
                    <a:lnTo>
                      <a:pt x="24" y="24"/>
                    </a:lnTo>
                    <a:lnTo>
                      <a:pt x="24" y="42"/>
                    </a:lnTo>
                    <a:lnTo>
                      <a:pt x="6" y="48"/>
                    </a:lnTo>
                    <a:lnTo>
                      <a:pt x="0" y="6"/>
                    </a:lnTo>
                    <a:lnTo>
                      <a:pt x="18" y="0"/>
                    </a:lnTo>
                    <a:lnTo>
                      <a:pt x="36" y="24"/>
                    </a:lnTo>
                    <a:lnTo>
                      <a:pt x="36" y="30"/>
                    </a:lnTo>
                    <a:close/>
                  </a:path>
                </a:pathLst>
              </a:custGeom>
              <a:solidFill>
                <a:srgbClr val="FFFFFF"/>
              </a:solidFill>
              <a:ln w="9525">
                <a:solidFill>
                  <a:srgbClr val="FFFFFF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00" name="Freeform 228"/>
              <p:cNvSpPr>
                <a:spLocks noChangeAspect="1"/>
              </p:cNvSpPr>
              <p:nvPr/>
            </p:nvSpPr>
            <p:spPr bwMode="auto">
              <a:xfrm>
                <a:off x="5232" y="1285"/>
                <a:ext cx="27" cy="33"/>
              </a:xfrm>
              <a:custGeom>
                <a:avLst/>
                <a:gdLst>
                  <a:gd name="T0" fmla="*/ 15 w 36"/>
                  <a:gd name="T1" fmla="*/ 10 h 48"/>
                  <a:gd name="T2" fmla="*/ 12 w 36"/>
                  <a:gd name="T3" fmla="*/ 12 h 48"/>
                  <a:gd name="T4" fmla="*/ 10 w 36"/>
                  <a:gd name="T5" fmla="*/ 8 h 48"/>
                  <a:gd name="T6" fmla="*/ 10 w 36"/>
                  <a:gd name="T7" fmla="*/ 14 h 48"/>
                  <a:gd name="T8" fmla="*/ 2 w 36"/>
                  <a:gd name="T9" fmla="*/ 16 h 48"/>
                  <a:gd name="T10" fmla="*/ 0 w 36"/>
                  <a:gd name="T11" fmla="*/ 2 h 48"/>
                  <a:gd name="T12" fmla="*/ 7 w 36"/>
                  <a:gd name="T13" fmla="*/ 0 h 48"/>
                  <a:gd name="T14" fmla="*/ 15 w 36"/>
                  <a:gd name="T15" fmla="*/ 8 h 48"/>
                  <a:gd name="T16" fmla="*/ 15 w 36"/>
                  <a:gd name="T17" fmla="*/ 10 h 48"/>
                  <a:gd name="T18" fmla="*/ 15 w 36"/>
                  <a:gd name="T19" fmla="*/ 12 h 4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6"/>
                  <a:gd name="T31" fmla="*/ 0 h 48"/>
                  <a:gd name="T32" fmla="*/ 36 w 36"/>
                  <a:gd name="T33" fmla="*/ 48 h 4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6" h="48">
                    <a:moveTo>
                      <a:pt x="36" y="30"/>
                    </a:moveTo>
                    <a:lnTo>
                      <a:pt x="30" y="36"/>
                    </a:lnTo>
                    <a:lnTo>
                      <a:pt x="24" y="24"/>
                    </a:lnTo>
                    <a:lnTo>
                      <a:pt x="24" y="42"/>
                    </a:lnTo>
                    <a:lnTo>
                      <a:pt x="6" y="48"/>
                    </a:lnTo>
                    <a:lnTo>
                      <a:pt x="0" y="6"/>
                    </a:lnTo>
                    <a:lnTo>
                      <a:pt x="18" y="0"/>
                    </a:lnTo>
                    <a:lnTo>
                      <a:pt x="36" y="24"/>
                    </a:lnTo>
                    <a:lnTo>
                      <a:pt x="36" y="30"/>
                    </a:lnTo>
                    <a:lnTo>
                      <a:pt x="36" y="3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01" name="Freeform 229"/>
              <p:cNvSpPr>
                <a:spLocks noChangeAspect="1"/>
              </p:cNvSpPr>
              <p:nvPr/>
            </p:nvSpPr>
            <p:spPr bwMode="auto">
              <a:xfrm>
                <a:off x="4866" y="1644"/>
                <a:ext cx="196" cy="134"/>
              </a:xfrm>
              <a:custGeom>
                <a:avLst/>
                <a:gdLst>
                  <a:gd name="T0" fmla="*/ 113 w 258"/>
                  <a:gd name="T1" fmla="*/ 19 h 198"/>
                  <a:gd name="T2" fmla="*/ 100 w 258"/>
                  <a:gd name="T3" fmla="*/ 32 h 198"/>
                  <a:gd name="T4" fmla="*/ 103 w 258"/>
                  <a:gd name="T5" fmla="*/ 35 h 198"/>
                  <a:gd name="T6" fmla="*/ 90 w 258"/>
                  <a:gd name="T7" fmla="*/ 45 h 198"/>
                  <a:gd name="T8" fmla="*/ 87 w 258"/>
                  <a:gd name="T9" fmla="*/ 43 h 198"/>
                  <a:gd name="T10" fmla="*/ 87 w 258"/>
                  <a:gd name="T11" fmla="*/ 47 h 198"/>
                  <a:gd name="T12" fmla="*/ 74 w 258"/>
                  <a:gd name="T13" fmla="*/ 52 h 198"/>
                  <a:gd name="T14" fmla="*/ 74 w 258"/>
                  <a:gd name="T15" fmla="*/ 56 h 198"/>
                  <a:gd name="T16" fmla="*/ 68 w 258"/>
                  <a:gd name="T17" fmla="*/ 54 h 198"/>
                  <a:gd name="T18" fmla="*/ 71 w 258"/>
                  <a:gd name="T19" fmla="*/ 58 h 198"/>
                  <a:gd name="T20" fmla="*/ 68 w 258"/>
                  <a:gd name="T21" fmla="*/ 62 h 198"/>
                  <a:gd name="T22" fmla="*/ 61 w 258"/>
                  <a:gd name="T23" fmla="*/ 60 h 198"/>
                  <a:gd name="T24" fmla="*/ 50 w 258"/>
                  <a:gd name="T25" fmla="*/ 45 h 198"/>
                  <a:gd name="T26" fmla="*/ 21 w 258"/>
                  <a:gd name="T27" fmla="*/ 28 h 198"/>
                  <a:gd name="T28" fmla="*/ 13 w 258"/>
                  <a:gd name="T29" fmla="*/ 19 h 198"/>
                  <a:gd name="T30" fmla="*/ 0 w 258"/>
                  <a:gd name="T31" fmla="*/ 15 h 198"/>
                  <a:gd name="T32" fmla="*/ 5 w 258"/>
                  <a:gd name="T33" fmla="*/ 9 h 198"/>
                  <a:gd name="T34" fmla="*/ 21 w 258"/>
                  <a:gd name="T35" fmla="*/ 3 h 198"/>
                  <a:gd name="T36" fmla="*/ 50 w 258"/>
                  <a:gd name="T37" fmla="*/ 0 h 198"/>
                  <a:gd name="T38" fmla="*/ 58 w 258"/>
                  <a:gd name="T39" fmla="*/ 7 h 198"/>
                  <a:gd name="T40" fmla="*/ 84 w 258"/>
                  <a:gd name="T41" fmla="*/ 3 h 198"/>
                  <a:gd name="T42" fmla="*/ 110 w 258"/>
                  <a:gd name="T43" fmla="*/ 19 h 198"/>
                  <a:gd name="T44" fmla="*/ 113 w 258"/>
                  <a:gd name="T45" fmla="*/ 19 h 198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258"/>
                  <a:gd name="T70" fmla="*/ 0 h 198"/>
                  <a:gd name="T71" fmla="*/ 258 w 258"/>
                  <a:gd name="T72" fmla="*/ 198 h 198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258" h="198">
                    <a:moveTo>
                      <a:pt x="258" y="60"/>
                    </a:moveTo>
                    <a:lnTo>
                      <a:pt x="228" y="102"/>
                    </a:lnTo>
                    <a:lnTo>
                      <a:pt x="234" y="114"/>
                    </a:lnTo>
                    <a:lnTo>
                      <a:pt x="204" y="144"/>
                    </a:lnTo>
                    <a:lnTo>
                      <a:pt x="198" y="138"/>
                    </a:lnTo>
                    <a:lnTo>
                      <a:pt x="198" y="150"/>
                    </a:lnTo>
                    <a:lnTo>
                      <a:pt x="168" y="168"/>
                    </a:lnTo>
                    <a:lnTo>
                      <a:pt x="168" y="180"/>
                    </a:lnTo>
                    <a:lnTo>
                      <a:pt x="156" y="174"/>
                    </a:lnTo>
                    <a:lnTo>
                      <a:pt x="162" y="186"/>
                    </a:lnTo>
                    <a:lnTo>
                      <a:pt x="156" y="198"/>
                    </a:lnTo>
                    <a:lnTo>
                      <a:pt x="138" y="192"/>
                    </a:lnTo>
                    <a:lnTo>
                      <a:pt x="114" y="144"/>
                    </a:lnTo>
                    <a:lnTo>
                      <a:pt x="48" y="90"/>
                    </a:lnTo>
                    <a:lnTo>
                      <a:pt x="30" y="60"/>
                    </a:lnTo>
                    <a:lnTo>
                      <a:pt x="0" y="48"/>
                    </a:lnTo>
                    <a:lnTo>
                      <a:pt x="12" y="30"/>
                    </a:lnTo>
                    <a:lnTo>
                      <a:pt x="48" y="12"/>
                    </a:lnTo>
                    <a:lnTo>
                      <a:pt x="114" y="0"/>
                    </a:lnTo>
                    <a:lnTo>
                      <a:pt x="132" y="24"/>
                    </a:lnTo>
                    <a:lnTo>
                      <a:pt x="192" y="12"/>
                    </a:lnTo>
                    <a:lnTo>
                      <a:pt x="252" y="60"/>
                    </a:lnTo>
                    <a:lnTo>
                      <a:pt x="258" y="6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02" name="Freeform 230"/>
              <p:cNvSpPr>
                <a:spLocks noChangeAspect="1"/>
              </p:cNvSpPr>
              <p:nvPr/>
            </p:nvSpPr>
            <p:spPr bwMode="auto">
              <a:xfrm>
                <a:off x="4866" y="1644"/>
                <a:ext cx="196" cy="134"/>
              </a:xfrm>
              <a:custGeom>
                <a:avLst/>
                <a:gdLst>
                  <a:gd name="T0" fmla="*/ 113 w 258"/>
                  <a:gd name="T1" fmla="*/ 19 h 198"/>
                  <a:gd name="T2" fmla="*/ 100 w 258"/>
                  <a:gd name="T3" fmla="*/ 32 h 198"/>
                  <a:gd name="T4" fmla="*/ 103 w 258"/>
                  <a:gd name="T5" fmla="*/ 35 h 198"/>
                  <a:gd name="T6" fmla="*/ 90 w 258"/>
                  <a:gd name="T7" fmla="*/ 45 h 198"/>
                  <a:gd name="T8" fmla="*/ 87 w 258"/>
                  <a:gd name="T9" fmla="*/ 43 h 198"/>
                  <a:gd name="T10" fmla="*/ 87 w 258"/>
                  <a:gd name="T11" fmla="*/ 47 h 198"/>
                  <a:gd name="T12" fmla="*/ 74 w 258"/>
                  <a:gd name="T13" fmla="*/ 52 h 198"/>
                  <a:gd name="T14" fmla="*/ 74 w 258"/>
                  <a:gd name="T15" fmla="*/ 56 h 198"/>
                  <a:gd name="T16" fmla="*/ 68 w 258"/>
                  <a:gd name="T17" fmla="*/ 54 h 198"/>
                  <a:gd name="T18" fmla="*/ 71 w 258"/>
                  <a:gd name="T19" fmla="*/ 58 h 198"/>
                  <a:gd name="T20" fmla="*/ 68 w 258"/>
                  <a:gd name="T21" fmla="*/ 62 h 198"/>
                  <a:gd name="T22" fmla="*/ 61 w 258"/>
                  <a:gd name="T23" fmla="*/ 60 h 198"/>
                  <a:gd name="T24" fmla="*/ 50 w 258"/>
                  <a:gd name="T25" fmla="*/ 45 h 198"/>
                  <a:gd name="T26" fmla="*/ 21 w 258"/>
                  <a:gd name="T27" fmla="*/ 28 h 198"/>
                  <a:gd name="T28" fmla="*/ 13 w 258"/>
                  <a:gd name="T29" fmla="*/ 19 h 198"/>
                  <a:gd name="T30" fmla="*/ 0 w 258"/>
                  <a:gd name="T31" fmla="*/ 15 h 198"/>
                  <a:gd name="T32" fmla="*/ 5 w 258"/>
                  <a:gd name="T33" fmla="*/ 9 h 198"/>
                  <a:gd name="T34" fmla="*/ 21 w 258"/>
                  <a:gd name="T35" fmla="*/ 3 h 198"/>
                  <a:gd name="T36" fmla="*/ 50 w 258"/>
                  <a:gd name="T37" fmla="*/ 0 h 198"/>
                  <a:gd name="T38" fmla="*/ 58 w 258"/>
                  <a:gd name="T39" fmla="*/ 7 h 198"/>
                  <a:gd name="T40" fmla="*/ 84 w 258"/>
                  <a:gd name="T41" fmla="*/ 3 h 198"/>
                  <a:gd name="T42" fmla="*/ 110 w 258"/>
                  <a:gd name="T43" fmla="*/ 19 h 198"/>
                  <a:gd name="T44" fmla="*/ 113 w 258"/>
                  <a:gd name="T45" fmla="*/ 19 h 198"/>
                  <a:gd name="T46" fmla="*/ 113 w 258"/>
                  <a:gd name="T47" fmla="*/ 20 h 198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w 258"/>
                  <a:gd name="T73" fmla="*/ 0 h 198"/>
                  <a:gd name="T74" fmla="*/ 258 w 258"/>
                  <a:gd name="T75" fmla="*/ 198 h 198"/>
                </a:gdLst>
                <a:ahLst/>
                <a:cxnLst>
                  <a:cxn ang="T48">
                    <a:pos x="T0" y="T1"/>
                  </a:cxn>
                  <a:cxn ang="T49">
                    <a:pos x="T2" y="T3"/>
                  </a:cxn>
                  <a:cxn ang="T50">
                    <a:pos x="T4" y="T5"/>
                  </a:cxn>
                  <a:cxn ang="T51">
                    <a:pos x="T6" y="T7"/>
                  </a:cxn>
                  <a:cxn ang="T52">
                    <a:pos x="T8" y="T9"/>
                  </a:cxn>
                  <a:cxn ang="T53">
                    <a:pos x="T10" y="T11"/>
                  </a:cxn>
                  <a:cxn ang="T54">
                    <a:pos x="T12" y="T13"/>
                  </a:cxn>
                  <a:cxn ang="T55">
                    <a:pos x="T14" y="T15"/>
                  </a:cxn>
                  <a:cxn ang="T56">
                    <a:pos x="T16" y="T17"/>
                  </a:cxn>
                  <a:cxn ang="T57">
                    <a:pos x="T18" y="T19"/>
                  </a:cxn>
                  <a:cxn ang="T58">
                    <a:pos x="T20" y="T21"/>
                  </a:cxn>
                  <a:cxn ang="T59">
                    <a:pos x="T22" y="T23"/>
                  </a:cxn>
                  <a:cxn ang="T60">
                    <a:pos x="T24" y="T25"/>
                  </a:cxn>
                  <a:cxn ang="T61">
                    <a:pos x="T26" y="T27"/>
                  </a:cxn>
                  <a:cxn ang="T62">
                    <a:pos x="T28" y="T29"/>
                  </a:cxn>
                  <a:cxn ang="T63">
                    <a:pos x="T30" y="T31"/>
                  </a:cxn>
                  <a:cxn ang="T64">
                    <a:pos x="T32" y="T33"/>
                  </a:cxn>
                  <a:cxn ang="T65">
                    <a:pos x="T34" y="T35"/>
                  </a:cxn>
                  <a:cxn ang="T66">
                    <a:pos x="T36" y="T37"/>
                  </a:cxn>
                  <a:cxn ang="T67">
                    <a:pos x="T38" y="T39"/>
                  </a:cxn>
                  <a:cxn ang="T68">
                    <a:pos x="T40" y="T41"/>
                  </a:cxn>
                  <a:cxn ang="T69">
                    <a:pos x="T42" y="T43"/>
                  </a:cxn>
                  <a:cxn ang="T70">
                    <a:pos x="T44" y="T45"/>
                  </a:cxn>
                  <a:cxn ang="T71">
                    <a:pos x="T46" y="T47"/>
                  </a:cxn>
                </a:cxnLst>
                <a:rect l="T72" t="T73" r="T74" b="T75"/>
                <a:pathLst>
                  <a:path w="258" h="198">
                    <a:moveTo>
                      <a:pt x="258" y="60"/>
                    </a:moveTo>
                    <a:lnTo>
                      <a:pt x="228" y="102"/>
                    </a:lnTo>
                    <a:lnTo>
                      <a:pt x="234" y="114"/>
                    </a:lnTo>
                    <a:lnTo>
                      <a:pt x="204" y="144"/>
                    </a:lnTo>
                    <a:lnTo>
                      <a:pt x="198" y="138"/>
                    </a:lnTo>
                    <a:lnTo>
                      <a:pt x="198" y="150"/>
                    </a:lnTo>
                    <a:lnTo>
                      <a:pt x="168" y="168"/>
                    </a:lnTo>
                    <a:lnTo>
                      <a:pt x="168" y="180"/>
                    </a:lnTo>
                    <a:lnTo>
                      <a:pt x="156" y="174"/>
                    </a:lnTo>
                    <a:lnTo>
                      <a:pt x="162" y="186"/>
                    </a:lnTo>
                    <a:lnTo>
                      <a:pt x="156" y="198"/>
                    </a:lnTo>
                    <a:lnTo>
                      <a:pt x="138" y="192"/>
                    </a:lnTo>
                    <a:lnTo>
                      <a:pt x="114" y="144"/>
                    </a:lnTo>
                    <a:lnTo>
                      <a:pt x="48" y="90"/>
                    </a:lnTo>
                    <a:lnTo>
                      <a:pt x="30" y="60"/>
                    </a:lnTo>
                    <a:lnTo>
                      <a:pt x="0" y="48"/>
                    </a:lnTo>
                    <a:lnTo>
                      <a:pt x="12" y="30"/>
                    </a:lnTo>
                    <a:lnTo>
                      <a:pt x="48" y="12"/>
                    </a:lnTo>
                    <a:lnTo>
                      <a:pt x="114" y="0"/>
                    </a:lnTo>
                    <a:lnTo>
                      <a:pt x="132" y="24"/>
                    </a:lnTo>
                    <a:lnTo>
                      <a:pt x="192" y="12"/>
                    </a:lnTo>
                    <a:lnTo>
                      <a:pt x="252" y="60"/>
                    </a:lnTo>
                    <a:lnTo>
                      <a:pt x="258" y="60"/>
                    </a:lnTo>
                    <a:lnTo>
                      <a:pt x="258" y="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03" name="Freeform 231"/>
              <p:cNvSpPr>
                <a:spLocks noChangeAspect="1"/>
              </p:cNvSpPr>
              <p:nvPr/>
            </p:nvSpPr>
            <p:spPr bwMode="auto">
              <a:xfrm>
                <a:off x="4074" y="1208"/>
                <a:ext cx="275" cy="159"/>
              </a:xfrm>
              <a:custGeom>
                <a:avLst/>
                <a:gdLst>
                  <a:gd name="T0" fmla="*/ 160 w 360"/>
                  <a:gd name="T1" fmla="*/ 52 h 234"/>
                  <a:gd name="T2" fmla="*/ 157 w 360"/>
                  <a:gd name="T3" fmla="*/ 54 h 234"/>
                  <a:gd name="T4" fmla="*/ 160 w 360"/>
                  <a:gd name="T5" fmla="*/ 60 h 234"/>
                  <a:gd name="T6" fmla="*/ 155 w 360"/>
                  <a:gd name="T7" fmla="*/ 68 h 234"/>
                  <a:gd name="T8" fmla="*/ 160 w 360"/>
                  <a:gd name="T9" fmla="*/ 73 h 234"/>
                  <a:gd name="T10" fmla="*/ 157 w 360"/>
                  <a:gd name="T11" fmla="*/ 73 h 234"/>
                  <a:gd name="T12" fmla="*/ 144 w 360"/>
                  <a:gd name="T13" fmla="*/ 66 h 234"/>
                  <a:gd name="T14" fmla="*/ 128 w 360"/>
                  <a:gd name="T15" fmla="*/ 68 h 234"/>
                  <a:gd name="T16" fmla="*/ 118 w 360"/>
                  <a:gd name="T17" fmla="*/ 63 h 234"/>
                  <a:gd name="T18" fmla="*/ 0 w 360"/>
                  <a:gd name="T19" fmla="*/ 58 h 234"/>
                  <a:gd name="T20" fmla="*/ 3 w 360"/>
                  <a:gd name="T21" fmla="*/ 49 h 234"/>
                  <a:gd name="T22" fmla="*/ 5 w 360"/>
                  <a:gd name="T23" fmla="*/ 17 h 234"/>
                  <a:gd name="T24" fmla="*/ 8 w 360"/>
                  <a:gd name="T25" fmla="*/ 0 h 234"/>
                  <a:gd name="T26" fmla="*/ 157 w 360"/>
                  <a:gd name="T27" fmla="*/ 3 h 234"/>
                  <a:gd name="T28" fmla="*/ 152 w 360"/>
                  <a:gd name="T29" fmla="*/ 10 h 234"/>
                  <a:gd name="T30" fmla="*/ 160 w 360"/>
                  <a:gd name="T31" fmla="*/ 17 h 234"/>
                  <a:gd name="T32" fmla="*/ 160 w 360"/>
                  <a:gd name="T33" fmla="*/ 46 h 234"/>
                  <a:gd name="T34" fmla="*/ 160 w 360"/>
                  <a:gd name="T35" fmla="*/ 52 h 234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360"/>
                  <a:gd name="T55" fmla="*/ 0 h 234"/>
                  <a:gd name="T56" fmla="*/ 360 w 360"/>
                  <a:gd name="T57" fmla="*/ 234 h 234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360" h="234">
                    <a:moveTo>
                      <a:pt x="360" y="168"/>
                    </a:moveTo>
                    <a:lnTo>
                      <a:pt x="354" y="174"/>
                    </a:lnTo>
                    <a:lnTo>
                      <a:pt x="360" y="192"/>
                    </a:lnTo>
                    <a:lnTo>
                      <a:pt x="348" y="216"/>
                    </a:lnTo>
                    <a:lnTo>
                      <a:pt x="360" y="234"/>
                    </a:lnTo>
                    <a:lnTo>
                      <a:pt x="354" y="234"/>
                    </a:lnTo>
                    <a:lnTo>
                      <a:pt x="324" y="210"/>
                    </a:lnTo>
                    <a:lnTo>
                      <a:pt x="288" y="216"/>
                    </a:lnTo>
                    <a:lnTo>
                      <a:pt x="264" y="198"/>
                    </a:lnTo>
                    <a:lnTo>
                      <a:pt x="0" y="186"/>
                    </a:lnTo>
                    <a:lnTo>
                      <a:pt x="6" y="156"/>
                    </a:lnTo>
                    <a:lnTo>
                      <a:pt x="12" y="54"/>
                    </a:lnTo>
                    <a:lnTo>
                      <a:pt x="18" y="0"/>
                    </a:lnTo>
                    <a:lnTo>
                      <a:pt x="354" y="12"/>
                    </a:lnTo>
                    <a:lnTo>
                      <a:pt x="342" y="30"/>
                    </a:lnTo>
                    <a:lnTo>
                      <a:pt x="360" y="54"/>
                    </a:lnTo>
                    <a:lnTo>
                      <a:pt x="360" y="144"/>
                    </a:lnTo>
                    <a:lnTo>
                      <a:pt x="360" y="168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04" name="Freeform 232"/>
              <p:cNvSpPr>
                <a:spLocks noChangeAspect="1"/>
              </p:cNvSpPr>
              <p:nvPr/>
            </p:nvSpPr>
            <p:spPr bwMode="auto">
              <a:xfrm>
                <a:off x="4074" y="1208"/>
                <a:ext cx="275" cy="159"/>
              </a:xfrm>
              <a:custGeom>
                <a:avLst/>
                <a:gdLst>
                  <a:gd name="T0" fmla="*/ 160 w 360"/>
                  <a:gd name="T1" fmla="*/ 52 h 234"/>
                  <a:gd name="T2" fmla="*/ 157 w 360"/>
                  <a:gd name="T3" fmla="*/ 54 h 234"/>
                  <a:gd name="T4" fmla="*/ 160 w 360"/>
                  <a:gd name="T5" fmla="*/ 60 h 234"/>
                  <a:gd name="T6" fmla="*/ 155 w 360"/>
                  <a:gd name="T7" fmla="*/ 68 h 234"/>
                  <a:gd name="T8" fmla="*/ 160 w 360"/>
                  <a:gd name="T9" fmla="*/ 73 h 234"/>
                  <a:gd name="T10" fmla="*/ 157 w 360"/>
                  <a:gd name="T11" fmla="*/ 73 h 234"/>
                  <a:gd name="T12" fmla="*/ 144 w 360"/>
                  <a:gd name="T13" fmla="*/ 66 h 234"/>
                  <a:gd name="T14" fmla="*/ 128 w 360"/>
                  <a:gd name="T15" fmla="*/ 68 h 234"/>
                  <a:gd name="T16" fmla="*/ 118 w 360"/>
                  <a:gd name="T17" fmla="*/ 63 h 234"/>
                  <a:gd name="T18" fmla="*/ 0 w 360"/>
                  <a:gd name="T19" fmla="*/ 58 h 234"/>
                  <a:gd name="T20" fmla="*/ 3 w 360"/>
                  <a:gd name="T21" fmla="*/ 49 h 234"/>
                  <a:gd name="T22" fmla="*/ 5 w 360"/>
                  <a:gd name="T23" fmla="*/ 17 h 234"/>
                  <a:gd name="T24" fmla="*/ 8 w 360"/>
                  <a:gd name="T25" fmla="*/ 0 h 234"/>
                  <a:gd name="T26" fmla="*/ 157 w 360"/>
                  <a:gd name="T27" fmla="*/ 3 h 234"/>
                  <a:gd name="T28" fmla="*/ 152 w 360"/>
                  <a:gd name="T29" fmla="*/ 10 h 234"/>
                  <a:gd name="T30" fmla="*/ 160 w 360"/>
                  <a:gd name="T31" fmla="*/ 17 h 234"/>
                  <a:gd name="T32" fmla="*/ 160 w 360"/>
                  <a:gd name="T33" fmla="*/ 46 h 234"/>
                  <a:gd name="T34" fmla="*/ 160 w 360"/>
                  <a:gd name="T35" fmla="*/ 52 h 234"/>
                  <a:gd name="T36" fmla="*/ 160 w 360"/>
                  <a:gd name="T37" fmla="*/ 54 h 234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360"/>
                  <a:gd name="T58" fmla="*/ 0 h 234"/>
                  <a:gd name="T59" fmla="*/ 360 w 360"/>
                  <a:gd name="T60" fmla="*/ 234 h 234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360" h="234">
                    <a:moveTo>
                      <a:pt x="360" y="168"/>
                    </a:moveTo>
                    <a:lnTo>
                      <a:pt x="354" y="174"/>
                    </a:lnTo>
                    <a:lnTo>
                      <a:pt x="360" y="192"/>
                    </a:lnTo>
                    <a:lnTo>
                      <a:pt x="348" y="216"/>
                    </a:lnTo>
                    <a:lnTo>
                      <a:pt x="360" y="234"/>
                    </a:lnTo>
                    <a:lnTo>
                      <a:pt x="354" y="234"/>
                    </a:lnTo>
                    <a:lnTo>
                      <a:pt x="324" y="210"/>
                    </a:lnTo>
                    <a:lnTo>
                      <a:pt x="288" y="216"/>
                    </a:lnTo>
                    <a:lnTo>
                      <a:pt x="264" y="198"/>
                    </a:lnTo>
                    <a:lnTo>
                      <a:pt x="0" y="186"/>
                    </a:lnTo>
                    <a:lnTo>
                      <a:pt x="6" y="156"/>
                    </a:lnTo>
                    <a:lnTo>
                      <a:pt x="12" y="54"/>
                    </a:lnTo>
                    <a:lnTo>
                      <a:pt x="18" y="0"/>
                    </a:lnTo>
                    <a:lnTo>
                      <a:pt x="354" y="12"/>
                    </a:lnTo>
                    <a:lnTo>
                      <a:pt x="342" y="30"/>
                    </a:lnTo>
                    <a:lnTo>
                      <a:pt x="360" y="54"/>
                    </a:lnTo>
                    <a:lnTo>
                      <a:pt x="360" y="144"/>
                    </a:lnTo>
                    <a:lnTo>
                      <a:pt x="360" y="168"/>
                    </a:lnTo>
                    <a:lnTo>
                      <a:pt x="360" y="17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05" name="Freeform 233"/>
              <p:cNvSpPr>
                <a:spLocks noChangeAspect="1"/>
              </p:cNvSpPr>
              <p:nvPr/>
            </p:nvSpPr>
            <p:spPr bwMode="auto">
              <a:xfrm>
                <a:off x="4591" y="1587"/>
                <a:ext cx="330" cy="102"/>
              </a:xfrm>
              <a:custGeom>
                <a:avLst/>
                <a:gdLst>
                  <a:gd name="T0" fmla="*/ 192 w 432"/>
                  <a:gd name="T1" fmla="*/ 0 h 150"/>
                  <a:gd name="T2" fmla="*/ 192 w 432"/>
                  <a:gd name="T3" fmla="*/ 5 h 150"/>
                  <a:gd name="T4" fmla="*/ 187 w 432"/>
                  <a:gd name="T5" fmla="*/ 10 h 150"/>
                  <a:gd name="T6" fmla="*/ 174 w 432"/>
                  <a:gd name="T7" fmla="*/ 15 h 150"/>
                  <a:gd name="T8" fmla="*/ 171 w 432"/>
                  <a:gd name="T9" fmla="*/ 14 h 150"/>
                  <a:gd name="T10" fmla="*/ 166 w 432"/>
                  <a:gd name="T11" fmla="*/ 19 h 150"/>
                  <a:gd name="T12" fmla="*/ 147 w 432"/>
                  <a:gd name="T13" fmla="*/ 27 h 150"/>
                  <a:gd name="T14" fmla="*/ 144 w 432"/>
                  <a:gd name="T15" fmla="*/ 32 h 150"/>
                  <a:gd name="T16" fmla="*/ 137 w 432"/>
                  <a:gd name="T17" fmla="*/ 32 h 150"/>
                  <a:gd name="T18" fmla="*/ 137 w 432"/>
                  <a:gd name="T19" fmla="*/ 38 h 150"/>
                  <a:gd name="T20" fmla="*/ 107 w 432"/>
                  <a:gd name="T21" fmla="*/ 41 h 150"/>
                  <a:gd name="T22" fmla="*/ 48 w 432"/>
                  <a:gd name="T23" fmla="*/ 44 h 150"/>
                  <a:gd name="T24" fmla="*/ 0 w 432"/>
                  <a:gd name="T25" fmla="*/ 47 h 150"/>
                  <a:gd name="T26" fmla="*/ 5 w 432"/>
                  <a:gd name="T27" fmla="*/ 44 h 150"/>
                  <a:gd name="T28" fmla="*/ 0 w 432"/>
                  <a:gd name="T29" fmla="*/ 38 h 150"/>
                  <a:gd name="T30" fmla="*/ 8 w 432"/>
                  <a:gd name="T31" fmla="*/ 36 h 150"/>
                  <a:gd name="T32" fmla="*/ 5 w 432"/>
                  <a:gd name="T33" fmla="*/ 32 h 150"/>
                  <a:gd name="T34" fmla="*/ 14 w 432"/>
                  <a:gd name="T35" fmla="*/ 27 h 150"/>
                  <a:gd name="T36" fmla="*/ 11 w 432"/>
                  <a:gd name="T37" fmla="*/ 27 h 150"/>
                  <a:gd name="T38" fmla="*/ 11 w 432"/>
                  <a:gd name="T39" fmla="*/ 24 h 150"/>
                  <a:gd name="T40" fmla="*/ 14 w 432"/>
                  <a:gd name="T41" fmla="*/ 14 h 150"/>
                  <a:gd name="T42" fmla="*/ 16 w 432"/>
                  <a:gd name="T43" fmla="*/ 15 h 150"/>
                  <a:gd name="T44" fmla="*/ 48 w 432"/>
                  <a:gd name="T45" fmla="*/ 14 h 150"/>
                  <a:gd name="T46" fmla="*/ 48 w 432"/>
                  <a:gd name="T47" fmla="*/ 10 h 150"/>
                  <a:gd name="T48" fmla="*/ 147 w 432"/>
                  <a:gd name="T49" fmla="*/ 3 h 150"/>
                  <a:gd name="T50" fmla="*/ 192 w 432"/>
                  <a:gd name="T51" fmla="*/ 0 h 150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432"/>
                  <a:gd name="T79" fmla="*/ 0 h 150"/>
                  <a:gd name="T80" fmla="*/ 432 w 432"/>
                  <a:gd name="T81" fmla="*/ 150 h 150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432" h="150">
                    <a:moveTo>
                      <a:pt x="432" y="0"/>
                    </a:moveTo>
                    <a:lnTo>
                      <a:pt x="432" y="18"/>
                    </a:lnTo>
                    <a:lnTo>
                      <a:pt x="420" y="30"/>
                    </a:lnTo>
                    <a:lnTo>
                      <a:pt x="390" y="48"/>
                    </a:lnTo>
                    <a:lnTo>
                      <a:pt x="384" y="42"/>
                    </a:lnTo>
                    <a:lnTo>
                      <a:pt x="372" y="60"/>
                    </a:lnTo>
                    <a:lnTo>
                      <a:pt x="330" y="84"/>
                    </a:lnTo>
                    <a:lnTo>
                      <a:pt x="324" y="102"/>
                    </a:lnTo>
                    <a:lnTo>
                      <a:pt x="306" y="102"/>
                    </a:lnTo>
                    <a:lnTo>
                      <a:pt x="306" y="120"/>
                    </a:lnTo>
                    <a:lnTo>
                      <a:pt x="240" y="132"/>
                    </a:lnTo>
                    <a:lnTo>
                      <a:pt x="108" y="138"/>
                    </a:lnTo>
                    <a:lnTo>
                      <a:pt x="0" y="150"/>
                    </a:lnTo>
                    <a:lnTo>
                      <a:pt x="12" y="138"/>
                    </a:lnTo>
                    <a:lnTo>
                      <a:pt x="0" y="120"/>
                    </a:lnTo>
                    <a:lnTo>
                      <a:pt x="18" y="114"/>
                    </a:lnTo>
                    <a:lnTo>
                      <a:pt x="12" y="102"/>
                    </a:lnTo>
                    <a:lnTo>
                      <a:pt x="30" y="84"/>
                    </a:lnTo>
                    <a:lnTo>
                      <a:pt x="24" y="84"/>
                    </a:lnTo>
                    <a:lnTo>
                      <a:pt x="24" y="78"/>
                    </a:lnTo>
                    <a:lnTo>
                      <a:pt x="30" y="42"/>
                    </a:lnTo>
                    <a:lnTo>
                      <a:pt x="36" y="48"/>
                    </a:lnTo>
                    <a:lnTo>
                      <a:pt x="108" y="42"/>
                    </a:lnTo>
                    <a:lnTo>
                      <a:pt x="108" y="30"/>
                    </a:lnTo>
                    <a:lnTo>
                      <a:pt x="330" y="12"/>
                    </a:lnTo>
                    <a:lnTo>
                      <a:pt x="432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06" name="Freeform 234"/>
              <p:cNvSpPr>
                <a:spLocks noChangeAspect="1"/>
              </p:cNvSpPr>
              <p:nvPr/>
            </p:nvSpPr>
            <p:spPr bwMode="auto">
              <a:xfrm>
                <a:off x="4591" y="1587"/>
                <a:ext cx="330" cy="102"/>
              </a:xfrm>
              <a:custGeom>
                <a:avLst/>
                <a:gdLst>
                  <a:gd name="T0" fmla="*/ 192 w 432"/>
                  <a:gd name="T1" fmla="*/ 0 h 150"/>
                  <a:gd name="T2" fmla="*/ 192 w 432"/>
                  <a:gd name="T3" fmla="*/ 5 h 150"/>
                  <a:gd name="T4" fmla="*/ 187 w 432"/>
                  <a:gd name="T5" fmla="*/ 10 h 150"/>
                  <a:gd name="T6" fmla="*/ 174 w 432"/>
                  <a:gd name="T7" fmla="*/ 15 h 150"/>
                  <a:gd name="T8" fmla="*/ 171 w 432"/>
                  <a:gd name="T9" fmla="*/ 14 h 150"/>
                  <a:gd name="T10" fmla="*/ 166 w 432"/>
                  <a:gd name="T11" fmla="*/ 19 h 150"/>
                  <a:gd name="T12" fmla="*/ 147 w 432"/>
                  <a:gd name="T13" fmla="*/ 27 h 150"/>
                  <a:gd name="T14" fmla="*/ 144 w 432"/>
                  <a:gd name="T15" fmla="*/ 32 h 150"/>
                  <a:gd name="T16" fmla="*/ 137 w 432"/>
                  <a:gd name="T17" fmla="*/ 32 h 150"/>
                  <a:gd name="T18" fmla="*/ 137 w 432"/>
                  <a:gd name="T19" fmla="*/ 38 h 150"/>
                  <a:gd name="T20" fmla="*/ 107 w 432"/>
                  <a:gd name="T21" fmla="*/ 41 h 150"/>
                  <a:gd name="T22" fmla="*/ 48 w 432"/>
                  <a:gd name="T23" fmla="*/ 44 h 150"/>
                  <a:gd name="T24" fmla="*/ 0 w 432"/>
                  <a:gd name="T25" fmla="*/ 47 h 150"/>
                  <a:gd name="T26" fmla="*/ 5 w 432"/>
                  <a:gd name="T27" fmla="*/ 44 h 150"/>
                  <a:gd name="T28" fmla="*/ 0 w 432"/>
                  <a:gd name="T29" fmla="*/ 38 h 150"/>
                  <a:gd name="T30" fmla="*/ 8 w 432"/>
                  <a:gd name="T31" fmla="*/ 36 h 150"/>
                  <a:gd name="T32" fmla="*/ 5 w 432"/>
                  <a:gd name="T33" fmla="*/ 32 h 150"/>
                  <a:gd name="T34" fmla="*/ 14 w 432"/>
                  <a:gd name="T35" fmla="*/ 27 h 150"/>
                  <a:gd name="T36" fmla="*/ 11 w 432"/>
                  <a:gd name="T37" fmla="*/ 27 h 150"/>
                  <a:gd name="T38" fmla="*/ 11 w 432"/>
                  <a:gd name="T39" fmla="*/ 24 h 150"/>
                  <a:gd name="T40" fmla="*/ 14 w 432"/>
                  <a:gd name="T41" fmla="*/ 14 h 150"/>
                  <a:gd name="T42" fmla="*/ 16 w 432"/>
                  <a:gd name="T43" fmla="*/ 15 h 150"/>
                  <a:gd name="T44" fmla="*/ 48 w 432"/>
                  <a:gd name="T45" fmla="*/ 14 h 150"/>
                  <a:gd name="T46" fmla="*/ 48 w 432"/>
                  <a:gd name="T47" fmla="*/ 10 h 150"/>
                  <a:gd name="T48" fmla="*/ 147 w 432"/>
                  <a:gd name="T49" fmla="*/ 3 h 150"/>
                  <a:gd name="T50" fmla="*/ 192 w 432"/>
                  <a:gd name="T51" fmla="*/ 0 h 150"/>
                  <a:gd name="T52" fmla="*/ 192 w 432"/>
                  <a:gd name="T53" fmla="*/ 2 h 150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432"/>
                  <a:gd name="T82" fmla="*/ 0 h 150"/>
                  <a:gd name="T83" fmla="*/ 432 w 432"/>
                  <a:gd name="T84" fmla="*/ 150 h 150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432" h="150">
                    <a:moveTo>
                      <a:pt x="432" y="0"/>
                    </a:moveTo>
                    <a:lnTo>
                      <a:pt x="432" y="18"/>
                    </a:lnTo>
                    <a:lnTo>
                      <a:pt x="420" y="30"/>
                    </a:lnTo>
                    <a:lnTo>
                      <a:pt x="390" y="48"/>
                    </a:lnTo>
                    <a:lnTo>
                      <a:pt x="384" y="42"/>
                    </a:lnTo>
                    <a:lnTo>
                      <a:pt x="372" y="60"/>
                    </a:lnTo>
                    <a:lnTo>
                      <a:pt x="330" y="84"/>
                    </a:lnTo>
                    <a:lnTo>
                      <a:pt x="324" y="102"/>
                    </a:lnTo>
                    <a:lnTo>
                      <a:pt x="306" y="102"/>
                    </a:lnTo>
                    <a:lnTo>
                      <a:pt x="306" y="120"/>
                    </a:lnTo>
                    <a:lnTo>
                      <a:pt x="240" y="132"/>
                    </a:lnTo>
                    <a:lnTo>
                      <a:pt x="108" y="138"/>
                    </a:lnTo>
                    <a:lnTo>
                      <a:pt x="0" y="150"/>
                    </a:lnTo>
                    <a:lnTo>
                      <a:pt x="12" y="138"/>
                    </a:lnTo>
                    <a:lnTo>
                      <a:pt x="0" y="120"/>
                    </a:lnTo>
                    <a:lnTo>
                      <a:pt x="18" y="114"/>
                    </a:lnTo>
                    <a:lnTo>
                      <a:pt x="12" y="102"/>
                    </a:lnTo>
                    <a:lnTo>
                      <a:pt x="30" y="84"/>
                    </a:lnTo>
                    <a:lnTo>
                      <a:pt x="24" y="84"/>
                    </a:lnTo>
                    <a:lnTo>
                      <a:pt x="24" y="78"/>
                    </a:lnTo>
                    <a:lnTo>
                      <a:pt x="30" y="42"/>
                    </a:lnTo>
                    <a:lnTo>
                      <a:pt x="36" y="48"/>
                    </a:lnTo>
                    <a:lnTo>
                      <a:pt x="108" y="42"/>
                    </a:lnTo>
                    <a:lnTo>
                      <a:pt x="108" y="30"/>
                    </a:lnTo>
                    <a:lnTo>
                      <a:pt x="330" y="12"/>
                    </a:lnTo>
                    <a:lnTo>
                      <a:pt x="432" y="0"/>
                    </a:lnTo>
                    <a:lnTo>
                      <a:pt x="432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07" name="Freeform 235"/>
              <p:cNvSpPr>
                <a:spLocks noChangeAspect="1"/>
              </p:cNvSpPr>
              <p:nvPr/>
            </p:nvSpPr>
            <p:spPr bwMode="auto">
              <a:xfrm>
                <a:off x="3923" y="1620"/>
                <a:ext cx="545" cy="464"/>
              </a:xfrm>
              <a:custGeom>
                <a:avLst/>
                <a:gdLst>
                  <a:gd name="T0" fmla="*/ 302 w 714"/>
                  <a:gd name="T1" fmla="*/ 62 h 684"/>
                  <a:gd name="T2" fmla="*/ 304 w 714"/>
                  <a:gd name="T3" fmla="*/ 94 h 684"/>
                  <a:gd name="T4" fmla="*/ 312 w 714"/>
                  <a:gd name="T5" fmla="*/ 122 h 684"/>
                  <a:gd name="T6" fmla="*/ 307 w 714"/>
                  <a:gd name="T7" fmla="*/ 136 h 684"/>
                  <a:gd name="T8" fmla="*/ 285 w 714"/>
                  <a:gd name="T9" fmla="*/ 146 h 684"/>
                  <a:gd name="T10" fmla="*/ 285 w 714"/>
                  <a:gd name="T11" fmla="*/ 142 h 684"/>
                  <a:gd name="T12" fmla="*/ 282 w 714"/>
                  <a:gd name="T13" fmla="*/ 140 h 684"/>
                  <a:gd name="T14" fmla="*/ 282 w 714"/>
                  <a:gd name="T15" fmla="*/ 146 h 684"/>
                  <a:gd name="T16" fmla="*/ 275 w 714"/>
                  <a:gd name="T17" fmla="*/ 154 h 684"/>
                  <a:gd name="T18" fmla="*/ 262 w 714"/>
                  <a:gd name="T19" fmla="*/ 157 h 684"/>
                  <a:gd name="T20" fmla="*/ 251 w 714"/>
                  <a:gd name="T21" fmla="*/ 159 h 684"/>
                  <a:gd name="T22" fmla="*/ 245 w 714"/>
                  <a:gd name="T23" fmla="*/ 159 h 684"/>
                  <a:gd name="T24" fmla="*/ 240 w 714"/>
                  <a:gd name="T25" fmla="*/ 159 h 684"/>
                  <a:gd name="T26" fmla="*/ 245 w 714"/>
                  <a:gd name="T27" fmla="*/ 165 h 684"/>
                  <a:gd name="T28" fmla="*/ 235 w 714"/>
                  <a:gd name="T29" fmla="*/ 163 h 684"/>
                  <a:gd name="T30" fmla="*/ 232 w 714"/>
                  <a:gd name="T31" fmla="*/ 170 h 684"/>
                  <a:gd name="T32" fmla="*/ 224 w 714"/>
                  <a:gd name="T33" fmla="*/ 172 h 684"/>
                  <a:gd name="T34" fmla="*/ 221 w 714"/>
                  <a:gd name="T35" fmla="*/ 176 h 684"/>
                  <a:gd name="T36" fmla="*/ 224 w 714"/>
                  <a:gd name="T37" fmla="*/ 180 h 684"/>
                  <a:gd name="T38" fmla="*/ 216 w 714"/>
                  <a:gd name="T39" fmla="*/ 187 h 684"/>
                  <a:gd name="T40" fmla="*/ 213 w 714"/>
                  <a:gd name="T41" fmla="*/ 187 h 684"/>
                  <a:gd name="T42" fmla="*/ 211 w 714"/>
                  <a:gd name="T43" fmla="*/ 187 h 684"/>
                  <a:gd name="T44" fmla="*/ 216 w 714"/>
                  <a:gd name="T45" fmla="*/ 197 h 684"/>
                  <a:gd name="T46" fmla="*/ 200 w 714"/>
                  <a:gd name="T47" fmla="*/ 212 h 684"/>
                  <a:gd name="T48" fmla="*/ 169 w 714"/>
                  <a:gd name="T49" fmla="*/ 191 h 684"/>
                  <a:gd name="T50" fmla="*/ 149 w 714"/>
                  <a:gd name="T51" fmla="*/ 167 h 684"/>
                  <a:gd name="T52" fmla="*/ 123 w 714"/>
                  <a:gd name="T53" fmla="*/ 136 h 684"/>
                  <a:gd name="T54" fmla="*/ 91 w 714"/>
                  <a:gd name="T55" fmla="*/ 135 h 684"/>
                  <a:gd name="T56" fmla="*/ 78 w 714"/>
                  <a:gd name="T57" fmla="*/ 150 h 684"/>
                  <a:gd name="T58" fmla="*/ 46 w 714"/>
                  <a:gd name="T59" fmla="*/ 135 h 684"/>
                  <a:gd name="T60" fmla="*/ 3 w 714"/>
                  <a:gd name="T61" fmla="*/ 88 h 684"/>
                  <a:gd name="T62" fmla="*/ 85 w 714"/>
                  <a:gd name="T63" fmla="*/ 90 h 684"/>
                  <a:gd name="T64" fmla="*/ 166 w 714"/>
                  <a:gd name="T65" fmla="*/ 2 h 684"/>
                  <a:gd name="T66" fmla="*/ 171 w 714"/>
                  <a:gd name="T67" fmla="*/ 45 h 684"/>
                  <a:gd name="T68" fmla="*/ 181 w 714"/>
                  <a:gd name="T69" fmla="*/ 49 h 684"/>
                  <a:gd name="T70" fmla="*/ 205 w 714"/>
                  <a:gd name="T71" fmla="*/ 51 h 684"/>
                  <a:gd name="T72" fmla="*/ 216 w 714"/>
                  <a:gd name="T73" fmla="*/ 54 h 684"/>
                  <a:gd name="T74" fmla="*/ 227 w 714"/>
                  <a:gd name="T75" fmla="*/ 56 h 684"/>
                  <a:gd name="T76" fmla="*/ 235 w 714"/>
                  <a:gd name="T77" fmla="*/ 54 h 684"/>
                  <a:gd name="T78" fmla="*/ 240 w 714"/>
                  <a:gd name="T79" fmla="*/ 56 h 684"/>
                  <a:gd name="T80" fmla="*/ 275 w 714"/>
                  <a:gd name="T81" fmla="*/ 54 h 684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w 714"/>
                  <a:gd name="T124" fmla="*/ 0 h 684"/>
                  <a:gd name="T125" fmla="*/ 714 w 714"/>
                  <a:gd name="T126" fmla="*/ 684 h 684"/>
                </a:gdLst>
                <a:ahLst/>
                <a:cxnLst>
                  <a:cxn ang="T82">
                    <a:pos x="T0" y="T1"/>
                  </a:cxn>
                  <a:cxn ang="T83">
                    <a:pos x="T2" y="T3"/>
                  </a:cxn>
                  <a:cxn ang="T84">
                    <a:pos x="T4" y="T5"/>
                  </a:cxn>
                  <a:cxn ang="T85">
                    <a:pos x="T6" y="T7"/>
                  </a:cxn>
                  <a:cxn ang="T86">
                    <a:pos x="T8" y="T9"/>
                  </a:cxn>
                  <a:cxn ang="T87">
                    <a:pos x="T10" y="T11"/>
                  </a:cxn>
                  <a:cxn ang="T88">
                    <a:pos x="T12" y="T13"/>
                  </a:cxn>
                  <a:cxn ang="T89">
                    <a:pos x="T14" y="T15"/>
                  </a:cxn>
                  <a:cxn ang="T90">
                    <a:pos x="T16" y="T17"/>
                  </a:cxn>
                  <a:cxn ang="T91">
                    <a:pos x="T18" y="T19"/>
                  </a:cxn>
                  <a:cxn ang="T92">
                    <a:pos x="T20" y="T21"/>
                  </a:cxn>
                  <a:cxn ang="T93">
                    <a:pos x="T22" y="T23"/>
                  </a:cxn>
                  <a:cxn ang="T94">
                    <a:pos x="T24" y="T25"/>
                  </a:cxn>
                  <a:cxn ang="T95">
                    <a:pos x="T26" y="T27"/>
                  </a:cxn>
                  <a:cxn ang="T96">
                    <a:pos x="T28" y="T29"/>
                  </a:cxn>
                  <a:cxn ang="T97">
                    <a:pos x="T30" y="T31"/>
                  </a:cxn>
                  <a:cxn ang="T98">
                    <a:pos x="T32" y="T33"/>
                  </a:cxn>
                  <a:cxn ang="T99">
                    <a:pos x="T34" y="T35"/>
                  </a:cxn>
                  <a:cxn ang="T100">
                    <a:pos x="T36" y="T37"/>
                  </a:cxn>
                  <a:cxn ang="T101">
                    <a:pos x="T38" y="T39"/>
                  </a:cxn>
                  <a:cxn ang="T102">
                    <a:pos x="T40" y="T41"/>
                  </a:cxn>
                  <a:cxn ang="T103">
                    <a:pos x="T42" y="T43"/>
                  </a:cxn>
                  <a:cxn ang="T104">
                    <a:pos x="T44" y="T45"/>
                  </a:cxn>
                  <a:cxn ang="T105">
                    <a:pos x="T46" y="T47"/>
                  </a:cxn>
                  <a:cxn ang="T106">
                    <a:pos x="T48" y="T49"/>
                  </a:cxn>
                  <a:cxn ang="T107">
                    <a:pos x="T50" y="T51"/>
                  </a:cxn>
                  <a:cxn ang="T108">
                    <a:pos x="T52" y="T53"/>
                  </a:cxn>
                  <a:cxn ang="T109">
                    <a:pos x="T54" y="T55"/>
                  </a:cxn>
                  <a:cxn ang="T110">
                    <a:pos x="T56" y="T57"/>
                  </a:cxn>
                  <a:cxn ang="T111">
                    <a:pos x="T58" y="T59"/>
                  </a:cxn>
                  <a:cxn ang="T112">
                    <a:pos x="T60" y="T61"/>
                  </a:cxn>
                  <a:cxn ang="T113">
                    <a:pos x="T62" y="T63"/>
                  </a:cxn>
                  <a:cxn ang="T114">
                    <a:pos x="T64" y="T65"/>
                  </a:cxn>
                  <a:cxn ang="T115">
                    <a:pos x="T66" y="T67"/>
                  </a:cxn>
                  <a:cxn ang="T116">
                    <a:pos x="T68" y="T69"/>
                  </a:cxn>
                  <a:cxn ang="T117">
                    <a:pos x="T70" y="T71"/>
                  </a:cxn>
                  <a:cxn ang="T118">
                    <a:pos x="T72" y="T73"/>
                  </a:cxn>
                  <a:cxn ang="T119">
                    <a:pos x="T74" y="T75"/>
                  </a:cxn>
                  <a:cxn ang="T120">
                    <a:pos x="T76" y="T77"/>
                  </a:cxn>
                  <a:cxn ang="T121">
                    <a:pos x="T78" y="T79"/>
                  </a:cxn>
                  <a:cxn ang="T122">
                    <a:pos x="T80" y="T81"/>
                  </a:cxn>
                </a:cxnLst>
                <a:rect l="T123" t="T124" r="T125" b="T126"/>
                <a:pathLst>
                  <a:path w="714" h="684">
                    <a:moveTo>
                      <a:pt x="654" y="192"/>
                    </a:moveTo>
                    <a:lnTo>
                      <a:pt x="678" y="198"/>
                    </a:lnTo>
                    <a:lnTo>
                      <a:pt x="678" y="234"/>
                    </a:lnTo>
                    <a:lnTo>
                      <a:pt x="684" y="300"/>
                    </a:lnTo>
                    <a:lnTo>
                      <a:pt x="714" y="360"/>
                    </a:lnTo>
                    <a:lnTo>
                      <a:pt x="702" y="390"/>
                    </a:lnTo>
                    <a:lnTo>
                      <a:pt x="702" y="426"/>
                    </a:lnTo>
                    <a:lnTo>
                      <a:pt x="690" y="438"/>
                    </a:lnTo>
                    <a:lnTo>
                      <a:pt x="696" y="444"/>
                    </a:lnTo>
                    <a:lnTo>
                      <a:pt x="642" y="468"/>
                    </a:lnTo>
                    <a:lnTo>
                      <a:pt x="660" y="456"/>
                    </a:lnTo>
                    <a:lnTo>
                      <a:pt x="642" y="456"/>
                    </a:lnTo>
                    <a:lnTo>
                      <a:pt x="648" y="438"/>
                    </a:lnTo>
                    <a:lnTo>
                      <a:pt x="636" y="450"/>
                    </a:lnTo>
                    <a:lnTo>
                      <a:pt x="630" y="444"/>
                    </a:lnTo>
                    <a:lnTo>
                      <a:pt x="636" y="468"/>
                    </a:lnTo>
                    <a:lnTo>
                      <a:pt x="624" y="480"/>
                    </a:lnTo>
                    <a:lnTo>
                      <a:pt x="618" y="492"/>
                    </a:lnTo>
                    <a:lnTo>
                      <a:pt x="552" y="528"/>
                    </a:lnTo>
                    <a:lnTo>
                      <a:pt x="588" y="504"/>
                    </a:lnTo>
                    <a:lnTo>
                      <a:pt x="564" y="516"/>
                    </a:lnTo>
                    <a:lnTo>
                      <a:pt x="564" y="510"/>
                    </a:lnTo>
                    <a:lnTo>
                      <a:pt x="558" y="516"/>
                    </a:lnTo>
                    <a:lnTo>
                      <a:pt x="552" y="510"/>
                    </a:lnTo>
                    <a:lnTo>
                      <a:pt x="546" y="516"/>
                    </a:lnTo>
                    <a:lnTo>
                      <a:pt x="540" y="510"/>
                    </a:lnTo>
                    <a:lnTo>
                      <a:pt x="540" y="522"/>
                    </a:lnTo>
                    <a:lnTo>
                      <a:pt x="552" y="528"/>
                    </a:lnTo>
                    <a:lnTo>
                      <a:pt x="534" y="534"/>
                    </a:lnTo>
                    <a:lnTo>
                      <a:pt x="528" y="522"/>
                    </a:lnTo>
                    <a:lnTo>
                      <a:pt x="528" y="540"/>
                    </a:lnTo>
                    <a:lnTo>
                      <a:pt x="522" y="546"/>
                    </a:lnTo>
                    <a:lnTo>
                      <a:pt x="522" y="540"/>
                    </a:lnTo>
                    <a:lnTo>
                      <a:pt x="504" y="552"/>
                    </a:lnTo>
                    <a:lnTo>
                      <a:pt x="510" y="564"/>
                    </a:lnTo>
                    <a:lnTo>
                      <a:pt x="498" y="564"/>
                    </a:lnTo>
                    <a:lnTo>
                      <a:pt x="498" y="576"/>
                    </a:lnTo>
                    <a:lnTo>
                      <a:pt x="504" y="576"/>
                    </a:lnTo>
                    <a:lnTo>
                      <a:pt x="492" y="600"/>
                    </a:lnTo>
                    <a:lnTo>
                      <a:pt x="486" y="600"/>
                    </a:lnTo>
                    <a:lnTo>
                      <a:pt x="486" y="594"/>
                    </a:lnTo>
                    <a:lnTo>
                      <a:pt x="480" y="600"/>
                    </a:lnTo>
                    <a:lnTo>
                      <a:pt x="474" y="588"/>
                    </a:lnTo>
                    <a:lnTo>
                      <a:pt x="474" y="600"/>
                    </a:lnTo>
                    <a:lnTo>
                      <a:pt x="492" y="600"/>
                    </a:lnTo>
                    <a:lnTo>
                      <a:pt x="486" y="630"/>
                    </a:lnTo>
                    <a:lnTo>
                      <a:pt x="510" y="684"/>
                    </a:lnTo>
                    <a:lnTo>
                      <a:pt x="450" y="678"/>
                    </a:lnTo>
                    <a:lnTo>
                      <a:pt x="396" y="654"/>
                    </a:lnTo>
                    <a:lnTo>
                      <a:pt x="378" y="612"/>
                    </a:lnTo>
                    <a:lnTo>
                      <a:pt x="372" y="576"/>
                    </a:lnTo>
                    <a:lnTo>
                      <a:pt x="336" y="534"/>
                    </a:lnTo>
                    <a:lnTo>
                      <a:pt x="306" y="468"/>
                    </a:lnTo>
                    <a:lnTo>
                      <a:pt x="276" y="438"/>
                    </a:lnTo>
                    <a:lnTo>
                      <a:pt x="222" y="426"/>
                    </a:lnTo>
                    <a:lnTo>
                      <a:pt x="204" y="432"/>
                    </a:lnTo>
                    <a:lnTo>
                      <a:pt x="192" y="462"/>
                    </a:lnTo>
                    <a:lnTo>
                      <a:pt x="174" y="480"/>
                    </a:lnTo>
                    <a:lnTo>
                      <a:pt x="162" y="474"/>
                    </a:lnTo>
                    <a:lnTo>
                      <a:pt x="102" y="432"/>
                    </a:lnTo>
                    <a:lnTo>
                      <a:pt x="84" y="372"/>
                    </a:lnTo>
                    <a:lnTo>
                      <a:pt x="6" y="282"/>
                    </a:lnTo>
                    <a:lnTo>
                      <a:pt x="0" y="270"/>
                    </a:lnTo>
                    <a:lnTo>
                      <a:pt x="192" y="288"/>
                    </a:lnTo>
                    <a:lnTo>
                      <a:pt x="216" y="0"/>
                    </a:lnTo>
                    <a:lnTo>
                      <a:pt x="372" y="6"/>
                    </a:lnTo>
                    <a:lnTo>
                      <a:pt x="366" y="132"/>
                    </a:lnTo>
                    <a:lnTo>
                      <a:pt x="384" y="144"/>
                    </a:lnTo>
                    <a:lnTo>
                      <a:pt x="402" y="138"/>
                    </a:lnTo>
                    <a:lnTo>
                      <a:pt x="408" y="156"/>
                    </a:lnTo>
                    <a:lnTo>
                      <a:pt x="444" y="168"/>
                    </a:lnTo>
                    <a:lnTo>
                      <a:pt x="462" y="162"/>
                    </a:lnTo>
                    <a:lnTo>
                      <a:pt x="474" y="180"/>
                    </a:lnTo>
                    <a:lnTo>
                      <a:pt x="486" y="174"/>
                    </a:lnTo>
                    <a:lnTo>
                      <a:pt x="504" y="186"/>
                    </a:lnTo>
                    <a:lnTo>
                      <a:pt x="510" y="180"/>
                    </a:lnTo>
                    <a:lnTo>
                      <a:pt x="516" y="192"/>
                    </a:lnTo>
                    <a:lnTo>
                      <a:pt x="528" y="174"/>
                    </a:lnTo>
                    <a:lnTo>
                      <a:pt x="528" y="180"/>
                    </a:lnTo>
                    <a:lnTo>
                      <a:pt x="540" y="180"/>
                    </a:lnTo>
                    <a:lnTo>
                      <a:pt x="558" y="192"/>
                    </a:lnTo>
                    <a:lnTo>
                      <a:pt x="618" y="174"/>
                    </a:lnTo>
                    <a:lnTo>
                      <a:pt x="654" y="19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08" name="Freeform 236"/>
              <p:cNvSpPr>
                <a:spLocks noChangeAspect="1"/>
              </p:cNvSpPr>
              <p:nvPr/>
            </p:nvSpPr>
            <p:spPr bwMode="auto">
              <a:xfrm>
                <a:off x="3923" y="1620"/>
                <a:ext cx="545" cy="464"/>
              </a:xfrm>
              <a:custGeom>
                <a:avLst/>
                <a:gdLst>
                  <a:gd name="T0" fmla="*/ 302 w 714"/>
                  <a:gd name="T1" fmla="*/ 62 h 684"/>
                  <a:gd name="T2" fmla="*/ 304 w 714"/>
                  <a:gd name="T3" fmla="*/ 94 h 684"/>
                  <a:gd name="T4" fmla="*/ 312 w 714"/>
                  <a:gd name="T5" fmla="*/ 122 h 684"/>
                  <a:gd name="T6" fmla="*/ 307 w 714"/>
                  <a:gd name="T7" fmla="*/ 136 h 684"/>
                  <a:gd name="T8" fmla="*/ 285 w 714"/>
                  <a:gd name="T9" fmla="*/ 146 h 684"/>
                  <a:gd name="T10" fmla="*/ 285 w 714"/>
                  <a:gd name="T11" fmla="*/ 142 h 684"/>
                  <a:gd name="T12" fmla="*/ 282 w 714"/>
                  <a:gd name="T13" fmla="*/ 140 h 684"/>
                  <a:gd name="T14" fmla="*/ 282 w 714"/>
                  <a:gd name="T15" fmla="*/ 146 h 684"/>
                  <a:gd name="T16" fmla="*/ 275 w 714"/>
                  <a:gd name="T17" fmla="*/ 154 h 684"/>
                  <a:gd name="T18" fmla="*/ 262 w 714"/>
                  <a:gd name="T19" fmla="*/ 157 h 684"/>
                  <a:gd name="T20" fmla="*/ 251 w 714"/>
                  <a:gd name="T21" fmla="*/ 159 h 684"/>
                  <a:gd name="T22" fmla="*/ 245 w 714"/>
                  <a:gd name="T23" fmla="*/ 159 h 684"/>
                  <a:gd name="T24" fmla="*/ 240 w 714"/>
                  <a:gd name="T25" fmla="*/ 159 h 684"/>
                  <a:gd name="T26" fmla="*/ 245 w 714"/>
                  <a:gd name="T27" fmla="*/ 165 h 684"/>
                  <a:gd name="T28" fmla="*/ 235 w 714"/>
                  <a:gd name="T29" fmla="*/ 163 h 684"/>
                  <a:gd name="T30" fmla="*/ 232 w 714"/>
                  <a:gd name="T31" fmla="*/ 170 h 684"/>
                  <a:gd name="T32" fmla="*/ 224 w 714"/>
                  <a:gd name="T33" fmla="*/ 172 h 684"/>
                  <a:gd name="T34" fmla="*/ 216 w 714"/>
                  <a:gd name="T35" fmla="*/ 176 h 684"/>
                  <a:gd name="T36" fmla="*/ 221 w 714"/>
                  <a:gd name="T37" fmla="*/ 180 h 684"/>
                  <a:gd name="T38" fmla="*/ 219 w 714"/>
                  <a:gd name="T39" fmla="*/ 187 h 684"/>
                  <a:gd name="T40" fmla="*/ 216 w 714"/>
                  <a:gd name="T41" fmla="*/ 185 h 684"/>
                  <a:gd name="T42" fmla="*/ 211 w 714"/>
                  <a:gd name="T43" fmla="*/ 184 h 684"/>
                  <a:gd name="T44" fmla="*/ 219 w 714"/>
                  <a:gd name="T45" fmla="*/ 187 h 684"/>
                  <a:gd name="T46" fmla="*/ 227 w 714"/>
                  <a:gd name="T47" fmla="*/ 214 h 684"/>
                  <a:gd name="T48" fmla="*/ 176 w 714"/>
                  <a:gd name="T49" fmla="*/ 204 h 684"/>
                  <a:gd name="T50" fmla="*/ 166 w 714"/>
                  <a:gd name="T51" fmla="*/ 180 h 684"/>
                  <a:gd name="T52" fmla="*/ 137 w 714"/>
                  <a:gd name="T53" fmla="*/ 146 h 684"/>
                  <a:gd name="T54" fmla="*/ 98 w 714"/>
                  <a:gd name="T55" fmla="*/ 133 h 684"/>
                  <a:gd name="T56" fmla="*/ 85 w 714"/>
                  <a:gd name="T57" fmla="*/ 144 h 684"/>
                  <a:gd name="T58" fmla="*/ 73 w 714"/>
                  <a:gd name="T59" fmla="*/ 148 h 684"/>
                  <a:gd name="T60" fmla="*/ 37 w 714"/>
                  <a:gd name="T61" fmla="*/ 116 h 684"/>
                  <a:gd name="T62" fmla="*/ 0 w 714"/>
                  <a:gd name="T63" fmla="*/ 84 h 684"/>
                  <a:gd name="T64" fmla="*/ 96 w 714"/>
                  <a:gd name="T65" fmla="*/ 0 h 684"/>
                  <a:gd name="T66" fmla="*/ 163 w 714"/>
                  <a:gd name="T67" fmla="*/ 41 h 684"/>
                  <a:gd name="T68" fmla="*/ 179 w 714"/>
                  <a:gd name="T69" fmla="*/ 43 h 684"/>
                  <a:gd name="T70" fmla="*/ 198 w 714"/>
                  <a:gd name="T71" fmla="*/ 52 h 684"/>
                  <a:gd name="T72" fmla="*/ 211 w 714"/>
                  <a:gd name="T73" fmla="*/ 56 h 684"/>
                  <a:gd name="T74" fmla="*/ 224 w 714"/>
                  <a:gd name="T75" fmla="*/ 58 h 684"/>
                  <a:gd name="T76" fmla="*/ 230 w 714"/>
                  <a:gd name="T77" fmla="*/ 60 h 684"/>
                  <a:gd name="T78" fmla="*/ 235 w 714"/>
                  <a:gd name="T79" fmla="*/ 56 h 684"/>
                  <a:gd name="T80" fmla="*/ 248 w 714"/>
                  <a:gd name="T81" fmla="*/ 60 h 684"/>
                  <a:gd name="T82" fmla="*/ 291 w 714"/>
                  <a:gd name="T83" fmla="*/ 60 h 684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714"/>
                  <a:gd name="T127" fmla="*/ 0 h 684"/>
                  <a:gd name="T128" fmla="*/ 714 w 714"/>
                  <a:gd name="T129" fmla="*/ 684 h 684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714" h="684">
                    <a:moveTo>
                      <a:pt x="654" y="192"/>
                    </a:moveTo>
                    <a:lnTo>
                      <a:pt x="678" y="198"/>
                    </a:lnTo>
                    <a:lnTo>
                      <a:pt x="678" y="234"/>
                    </a:lnTo>
                    <a:lnTo>
                      <a:pt x="684" y="300"/>
                    </a:lnTo>
                    <a:lnTo>
                      <a:pt x="714" y="360"/>
                    </a:lnTo>
                    <a:lnTo>
                      <a:pt x="702" y="390"/>
                    </a:lnTo>
                    <a:lnTo>
                      <a:pt x="702" y="426"/>
                    </a:lnTo>
                    <a:lnTo>
                      <a:pt x="690" y="438"/>
                    </a:lnTo>
                    <a:lnTo>
                      <a:pt x="696" y="444"/>
                    </a:lnTo>
                    <a:lnTo>
                      <a:pt x="642" y="468"/>
                    </a:lnTo>
                    <a:lnTo>
                      <a:pt x="660" y="456"/>
                    </a:lnTo>
                    <a:lnTo>
                      <a:pt x="642" y="456"/>
                    </a:lnTo>
                    <a:lnTo>
                      <a:pt x="648" y="438"/>
                    </a:lnTo>
                    <a:lnTo>
                      <a:pt x="636" y="450"/>
                    </a:lnTo>
                    <a:lnTo>
                      <a:pt x="630" y="444"/>
                    </a:lnTo>
                    <a:lnTo>
                      <a:pt x="636" y="468"/>
                    </a:lnTo>
                    <a:lnTo>
                      <a:pt x="624" y="480"/>
                    </a:lnTo>
                    <a:lnTo>
                      <a:pt x="618" y="492"/>
                    </a:lnTo>
                    <a:lnTo>
                      <a:pt x="552" y="528"/>
                    </a:lnTo>
                    <a:lnTo>
                      <a:pt x="588" y="504"/>
                    </a:lnTo>
                    <a:lnTo>
                      <a:pt x="564" y="516"/>
                    </a:lnTo>
                    <a:lnTo>
                      <a:pt x="564" y="510"/>
                    </a:lnTo>
                    <a:lnTo>
                      <a:pt x="558" y="516"/>
                    </a:lnTo>
                    <a:lnTo>
                      <a:pt x="552" y="510"/>
                    </a:lnTo>
                    <a:lnTo>
                      <a:pt x="546" y="516"/>
                    </a:lnTo>
                    <a:lnTo>
                      <a:pt x="540" y="510"/>
                    </a:lnTo>
                    <a:lnTo>
                      <a:pt x="540" y="522"/>
                    </a:lnTo>
                    <a:lnTo>
                      <a:pt x="552" y="528"/>
                    </a:lnTo>
                    <a:lnTo>
                      <a:pt x="534" y="534"/>
                    </a:lnTo>
                    <a:lnTo>
                      <a:pt x="528" y="522"/>
                    </a:lnTo>
                    <a:lnTo>
                      <a:pt x="528" y="540"/>
                    </a:lnTo>
                    <a:lnTo>
                      <a:pt x="522" y="546"/>
                    </a:lnTo>
                    <a:lnTo>
                      <a:pt x="522" y="540"/>
                    </a:lnTo>
                    <a:lnTo>
                      <a:pt x="504" y="552"/>
                    </a:lnTo>
                    <a:lnTo>
                      <a:pt x="510" y="564"/>
                    </a:lnTo>
                    <a:lnTo>
                      <a:pt x="486" y="564"/>
                    </a:lnTo>
                    <a:lnTo>
                      <a:pt x="498" y="564"/>
                    </a:lnTo>
                    <a:lnTo>
                      <a:pt x="498" y="576"/>
                    </a:lnTo>
                    <a:lnTo>
                      <a:pt x="504" y="576"/>
                    </a:lnTo>
                    <a:lnTo>
                      <a:pt x="492" y="600"/>
                    </a:lnTo>
                    <a:lnTo>
                      <a:pt x="486" y="600"/>
                    </a:lnTo>
                    <a:lnTo>
                      <a:pt x="486" y="594"/>
                    </a:lnTo>
                    <a:lnTo>
                      <a:pt x="480" y="600"/>
                    </a:lnTo>
                    <a:lnTo>
                      <a:pt x="474" y="588"/>
                    </a:lnTo>
                    <a:lnTo>
                      <a:pt x="474" y="600"/>
                    </a:lnTo>
                    <a:lnTo>
                      <a:pt x="492" y="600"/>
                    </a:lnTo>
                    <a:lnTo>
                      <a:pt x="486" y="630"/>
                    </a:lnTo>
                    <a:lnTo>
                      <a:pt x="510" y="684"/>
                    </a:lnTo>
                    <a:lnTo>
                      <a:pt x="450" y="678"/>
                    </a:lnTo>
                    <a:lnTo>
                      <a:pt x="396" y="654"/>
                    </a:lnTo>
                    <a:lnTo>
                      <a:pt x="378" y="612"/>
                    </a:lnTo>
                    <a:lnTo>
                      <a:pt x="372" y="576"/>
                    </a:lnTo>
                    <a:lnTo>
                      <a:pt x="336" y="534"/>
                    </a:lnTo>
                    <a:lnTo>
                      <a:pt x="306" y="468"/>
                    </a:lnTo>
                    <a:lnTo>
                      <a:pt x="276" y="438"/>
                    </a:lnTo>
                    <a:lnTo>
                      <a:pt x="222" y="426"/>
                    </a:lnTo>
                    <a:lnTo>
                      <a:pt x="204" y="432"/>
                    </a:lnTo>
                    <a:lnTo>
                      <a:pt x="192" y="462"/>
                    </a:lnTo>
                    <a:lnTo>
                      <a:pt x="174" y="480"/>
                    </a:lnTo>
                    <a:lnTo>
                      <a:pt x="162" y="474"/>
                    </a:lnTo>
                    <a:lnTo>
                      <a:pt x="102" y="432"/>
                    </a:lnTo>
                    <a:lnTo>
                      <a:pt x="84" y="372"/>
                    </a:lnTo>
                    <a:lnTo>
                      <a:pt x="6" y="282"/>
                    </a:lnTo>
                    <a:lnTo>
                      <a:pt x="0" y="270"/>
                    </a:lnTo>
                    <a:lnTo>
                      <a:pt x="192" y="288"/>
                    </a:lnTo>
                    <a:lnTo>
                      <a:pt x="216" y="0"/>
                    </a:lnTo>
                    <a:lnTo>
                      <a:pt x="372" y="6"/>
                    </a:lnTo>
                    <a:lnTo>
                      <a:pt x="366" y="132"/>
                    </a:lnTo>
                    <a:lnTo>
                      <a:pt x="384" y="144"/>
                    </a:lnTo>
                    <a:lnTo>
                      <a:pt x="402" y="138"/>
                    </a:lnTo>
                    <a:lnTo>
                      <a:pt x="408" y="156"/>
                    </a:lnTo>
                    <a:lnTo>
                      <a:pt x="444" y="168"/>
                    </a:lnTo>
                    <a:lnTo>
                      <a:pt x="462" y="162"/>
                    </a:lnTo>
                    <a:lnTo>
                      <a:pt x="474" y="180"/>
                    </a:lnTo>
                    <a:lnTo>
                      <a:pt x="486" y="174"/>
                    </a:lnTo>
                    <a:lnTo>
                      <a:pt x="504" y="186"/>
                    </a:lnTo>
                    <a:lnTo>
                      <a:pt x="510" y="180"/>
                    </a:lnTo>
                    <a:lnTo>
                      <a:pt x="516" y="192"/>
                    </a:lnTo>
                    <a:lnTo>
                      <a:pt x="528" y="174"/>
                    </a:lnTo>
                    <a:lnTo>
                      <a:pt x="528" y="180"/>
                    </a:lnTo>
                    <a:lnTo>
                      <a:pt x="540" y="180"/>
                    </a:lnTo>
                    <a:lnTo>
                      <a:pt x="558" y="192"/>
                    </a:lnTo>
                    <a:lnTo>
                      <a:pt x="618" y="174"/>
                    </a:lnTo>
                    <a:lnTo>
                      <a:pt x="654" y="192"/>
                    </a:lnTo>
                    <a:lnTo>
                      <a:pt x="654" y="19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09" name="Freeform 237"/>
              <p:cNvSpPr>
                <a:spLocks noChangeAspect="1"/>
              </p:cNvSpPr>
              <p:nvPr/>
            </p:nvSpPr>
            <p:spPr bwMode="auto">
              <a:xfrm>
                <a:off x="3667" y="1330"/>
                <a:ext cx="219" cy="245"/>
              </a:xfrm>
              <a:custGeom>
                <a:avLst/>
                <a:gdLst>
                  <a:gd name="T0" fmla="*/ 111 w 288"/>
                  <a:gd name="T1" fmla="*/ 114 h 360"/>
                  <a:gd name="T2" fmla="*/ 0 w 288"/>
                  <a:gd name="T3" fmla="*/ 100 h 360"/>
                  <a:gd name="T4" fmla="*/ 27 w 288"/>
                  <a:gd name="T5" fmla="*/ 0 h 360"/>
                  <a:gd name="T6" fmla="*/ 47 w 288"/>
                  <a:gd name="T7" fmla="*/ 3 h 360"/>
                  <a:gd name="T8" fmla="*/ 90 w 288"/>
                  <a:gd name="T9" fmla="*/ 10 h 360"/>
                  <a:gd name="T10" fmla="*/ 84 w 288"/>
                  <a:gd name="T11" fmla="*/ 29 h 360"/>
                  <a:gd name="T12" fmla="*/ 127 w 288"/>
                  <a:gd name="T13" fmla="*/ 34 h 360"/>
                  <a:gd name="T14" fmla="*/ 113 w 288"/>
                  <a:gd name="T15" fmla="*/ 100 h 360"/>
                  <a:gd name="T16" fmla="*/ 111 w 288"/>
                  <a:gd name="T17" fmla="*/ 114 h 360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288"/>
                  <a:gd name="T28" fmla="*/ 0 h 360"/>
                  <a:gd name="T29" fmla="*/ 288 w 288"/>
                  <a:gd name="T30" fmla="*/ 360 h 360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288" h="360">
                    <a:moveTo>
                      <a:pt x="252" y="360"/>
                    </a:moveTo>
                    <a:lnTo>
                      <a:pt x="0" y="318"/>
                    </a:lnTo>
                    <a:lnTo>
                      <a:pt x="60" y="0"/>
                    </a:lnTo>
                    <a:lnTo>
                      <a:pt x="108" y="12"/>
                    </a:lnTo>
                    <a:lnTo>
                      <a:pt x="204" y="30"/>
                    </a:lnTo>
                    <a:lnTo>
                      <a:pt x="192" y="90"/>
                    </a:lnTo>
                    <a:lnTo>
                      <a:pt x="288" y="108"/>
                    </a:lnTo>
                    <a:lnTo>
                      <a:pt x="258" y="318"/>
                    </a:lnTo>
                    <a:lnTo>
                      <a:pt x="252" y="36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10" name="Freeform 238"/>
              <p:cNvSpPr>
                <a:spLocks noChangeAspect="1"/>
              </p:cNvSpPr>
              <p:nvPr/>
            </p:nvSpPr>
            <p:spPr bwMode="auto">
              <a:xfrm>
                <a:off x="3667" y="1330"/>
                <a:ext cx="219" cy="249"/>
              </a:xfrm>
              <a:custGeom>
                <a:avLst/>
                <a:gdLst>
                  <a:gd name="T0" fmla="*/ 111 w 288"/>
                  <a:gd name="T1" fmla="*/ 114 h 366"/>
                  <a:gd name="T2" fmla="*/ 0 w 288"/>
                  <a:gd name="T3" fmla="*/ 100 h 366"/>
                  <a:gd name="T4" fmla="*/ 27 w 288"/>
                  <a:gd name="T5" fmla="*/ 0 h 366"/>
                  <a:gd name="T6" fmla="*/ 47 w 288"/>
                  <a:gd name="T7" fmla="*/ 3 h 366"/>
                  <a:gd name="T8" fmla="*/ 90 w 288"/>
                  <a:gd name="T9" fmla="*/ 10 h 366"/>
                  <a:gd name="T10" fmla="*/ 84 w 288"/>
                  <a:gd name="T11" fmla="*/ 28 h 366"/>
                  <a:gd name="T12" fmla="*/ 127 w 288"/>
                  <a:gd name="T13" fmla="*/ 34 h 366"/>
                  <a:gd name="T14" fmla="*/ 113 w 288"/>
                  <a:gd name="T15" fmla="*/ 100 h 366"/>
                  <a:gd name="T16" fmla="*/ 111 w 288"/>
                  <a:gd name="T17" fmla="*/ 114 h 366"/>
                  <a:gd name="T18" fmla="*/ 111 w 288"/>
                  <a:gd name="T19" fmla="*/ 115 h 36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288"/>
                  <a:gd name="T31" fmla="*/ 0 h 366"/>
                  <a:gd name="T32" fmla="*/ 288 w 288"/>
                  <a:gd name="T33" fmla="*/ 366 h 366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288" h="366">
                    <a:moveTo>
                      <a:pt x="252" y="360"/>
                    </a:moveTo>
                    <a:lnTo>
                      <a:pt x="0" y="318"/>
                    </a:lnTo>
                    <a:lnTo>
                      <a:pt x="60" y="0"/>
                    </a:lnTo>
                    <a:lnTo>
                      <a:pt x="108" y="12"/>
                    </a:lnTo>
                    <a:lnTo>
                      <a:pt x="204" y="30"/>
                    </a:lnTo>
                    <a:lnTo>
                      <a:pt x="192" y="90"/>
                    </a:lnTo>
                    <a:lnTo>
                      <a:pt x="288" y="108"/>
                    </a:lnTo>
                    <a:lnTo>
                      <a:pt x="258" y="318"/>
                    </a:lnTo>
                    <a:lnTo>
                      <a:pt x="252" y="360"/>
                    </a:lnTo>
                    <a:lnTo>
                      <a:pt x="252" y="3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11" name="Freeform 239"/>
              <p:cNvSpPr>
                <a:spLocks noChangeAspect="1"/>
              </p:cNvSpPr>
              <p:nvPr/>
            </p:nvSpPr>
            <p:spPr bwMode="auto">
              <a:xfrm>
                <a:off x="5140" y="1163"/>
                <a:ext cx="64" cy="106"/>
              </a:xfrm>
              <a:custGeom>
                <a:avLst/>
                <a:gdLst>
                  <a:gd name="T0" fmla="*/ 32 w 84"/>
                  <a:gd name="T1" fmla="*/ 47 h 156"/>
                  <a:gd name="T2" fmla="*/ 24 w 84"/>
                  <a:gd name="T3" fmla="*/ 49 h 156"/>
                  <a:gd name="T4" fmla="*/ 16 w 84"/>
                  <a:gd name="T5" fmla="*/ 49 h 156"/>
                  <a:gd name="T6" fmla="*/ 11 w 84"/>
                  <a:gd name="T7" fmla="*/ 34 h 156"/>
                  <a:gd name="T8" fmla="*/ 8 w 84"/>
                  <a:gd name="T9" fmla="*/ 34 h 156"/>
                  <a:gd name="T10" fmla="*/ 5 w 84"/>
                  <a:gd name="T11" fmla="*/ 24 h 156"/>
                  <a:gd name="T12" fmla="*/ 0 w 84"/>
                  <a:gd name="T13" fmla="*/ 5 h 156"/>
                  <a:gd name="T14" fmla="*/ 37 w 84"/>
                  <a:gd name="T15" fmla="*/ 0 h 156"/>
                  <a:gd name="T16" fmla="*/ 37 w 84"/>
                  <a:gd name="T17" fmla="*/ 10 h 156"/>
                  <a:gd name="T18" fmla="*/ 32 w 84"/>
                  <a:gd name="T19" fmla="*/ 15 h 156"/>
                  <a:gd name="T20" fmla="*/ 29 w 84"/>
                  <a:gd name="T21" fmla="*/ 30 h 156"/>
                  <a:gd name="T22" fmla="*/ 32 w 84"/>
                  <a:gd name="T23" fmla="*/ 47 h 15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84"/>
                  <a:gd name="T37" fmla="*/ 0 h 156"/>
                  <a:gd name="T38" fmla="*/ 84 w 84"/>
                  <a:gd name="T39" fmla="*/ 156 h 156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84" h="156">
                    <a:moveTo>
                      <a:pt x="72" y="150"/>
                    </a:moveTo>
                    <a:lnTo>
                      <a:pt x="54" y="156"/>
                    </a:lnTo>
                    <a:lnTo>
                      <a:pt x="36" y="156"/>
                    </a:lnTo>
                    <a:lnTo>
                      <a:pt x="24" y="108"/>
                    </a:lnTo>
                    <a:lnTo>
                      <a:pt x="18" y="108"/>
                    </a:lnTo>
                    <a:lnTo>
                      <a:pt x="12" y="78"/>
                    </a:lnTo>
                    <a:lnTo>
                      <a:pt x="0" y="18"/>
                    </a:lnTo>
                    <a:lnTo>
                      <a:pt x="84" y="0"/>
                    </a:lnTo>
                    <a:lnTo>
                      <a:pt x="84" y="30"/>
                    </a:lnTo>
                    <a:lnTo>
                      <a:pt x="72" y="48"/>
                    </a:lnTo>
                    <a:lnTo>
                      <a:pt x="66" y="96"/>
                    </a:lnTo>
                    <a:lnTo>
                      <a:pt x="72" y="150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12" name="Freeform 240"/>
              <p:cNvSpPr>
                <a:spLocks noChangeAspect="1"/>
              </p:cNvSpPr>
              <p:nvPr/>
            </p:nvSpPr>
            <p:spPr bwMode="auto">
              <a:xfrm>
                <a:off x="5140" y="1163"/>
                <a:ext cx="64" cy="106"/>
              </a:xfrm>
              <a:custGeom>
                <a:avLst/>
                <a:gdLst>
                  <a:gd name="T0" fmla="*/ 32 w 84"/>
                  <a:gd name="T1" fmla="*/ 47 h 156"/>
                  <a:gd name="T2" fmla="*/ 24 w 84"/>
                  <a:gd name="T3" fmla="*/ 49 h 156"/>
                  <a:gd name="T4" fmla="*/ 16 w 84"/>
                  <a:gd name="T5" fmla="*/ 49 h 156"/>
                  <a:gd name="T6" fmla="*/ 11 w 84"/>
                  <a:gd name="T7" fmla="*/ 34 h 156"/>
                  <a:gd name="T8" fmla="*/ 8 w 84"/>
                  <a:gd name="T9" fmla="*/ 34 h 156"/>
                  <a:gd name="T10" fmla="*/ 5 w 84"/>
                  <a:gd name="T11" fmla="*/ 24 h 156"/>
                  <a:gd name="T12" fmla="*/ 0 w 84"/>
                  <a:gd name="T13" fmla="*/ 5 h 156"/>
                  <a:gd name="T14" fmla="*/ 37 w 84"/>
                  <a:gd name="T15" fmla="*/ 0 h 156"/>
                  <a:gd name="T16" fmla="*/ 37 w 84"/>
                  <a:gd name="T17" fmla="*/ 10 h 156"/>
                  <a:gd name="T18" fmla="*/ 32 w 84"/>
                  <a:gd name="T19" fmla="*/ 15 h 156"/>
                  <a:gd name="T20" fmla="*/ 29 w 84"/>
                  <a:gd name="T21" fmla="*/ 30 h 156"/>
                  <a:gd name="T22" fmla="*/ 32 w 84"/>
                  <a:gd name="T23" fmla="*/ 47 h 156"/>
                  <a:gd name="T24" fmla="*/ 32 w 84"/>
                  <a:gd name="T25" fmla="*/ 49 h 15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84"/>
                  <a:gd name="T40" fmla="*/ 0 h 156"/>
                  <a:gd name="T41" fmla="*/ 84 w 84"/>
                  <a:gd name="T42" fmla="*/ 156 h 156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84" h="156">
                    <a:moveTo>
                      <a:pt x="72" y="150"/>
                    </a:moveTo>
                    <a:lnTo>
                      <a:pt x="54" y="156"/>
                    </a:lnTo>
                    <a:lnTo>
                      <a:pt x="36" y="156"/>
                    </a:lnTo>
                    <a:lnTo>
                      <a:pt x="24" y="108"/>
                    </a:lnTo>
                    <a:lnTo>
                      <a:pt x="18" y="108"/>
                    </a:lnTo>
                    <a:lnTo>
                      <a:pt x="12" y="78"/>
                    </a:lnTo>
                    <a:lnTo>
                      <a:pt x="0" y="18"/>
                    </a:lnTo>
                    <a:lnTo>
                      <a:pt x="84" y="0"/>
                    </a:lnTo>
                    <a:lnTo>
                      <a:pt x="84" y="30"/>
                    </a:lnTo>
                    <a:lnTo>
                      <a:pt x="72" y="48"/>
                    </a:lnTo>
                    <a:lnTo>
                      <a:pt x="66" y="96"/>
                    </a:lnTo>
                    <a:lnTo>
                      <a:pt x="72" y="150"/>
                    </a:lnTo>
                    <a:lnTo>
                      <a:pt x="72" y="15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13" name="Freeform 241"/>
              <p:cNvSpPr>
                <a:spLocks noChangeAspect="1"/>
              </p:cNvSpPr>
              <p:nvPr/>
            </p:nvSpPr>
            <p:spPr bwMode="auto">
              <a:xfrm>
                <a:off x="5149" y="1485"/>
                <a:ext cx="0" cy="8"/>
              </a:xfrm>
              <a:custGeom>
                <a:avLst/>
                <a:gdLst>
                  <a:gd name="T0" fmla="*/ 0 h 12"/>
                  <a:gd name="T1" fmla="*/ 3 h 12"/>
                  <a:gd name="T2" fmla="*/ 0 h 12"/>
                  <a:gd name="T3" fmla="*/ 2 h 12"/>
                  <a:gd name="T4" fmla="*/ 0 60000 65536"/>
                  <a:gd name="T5" fmla="*/ 0 60000 65536"/>
                  <a:gd name="T6" fmla="*/ 0 60000 65536"/>
                  <a:gd name="T7" fmla="*/ 0 60000 65536"/>
                  <a:gd name="T8" fmla="*/ 0 h 12"/>
                  <a:gd name="T9" fmla="*/ 12 h 12"/>
                </a:gdLst>
                <a:ahLst/>
                <a:cxnLst>
                  <a:cxn ang="T4">
                    <a:pos x="0" y="T0"/>
                  </a:cxn>
                  <a:cxn ang="T5">
                    <a:pos x="0" y="T1"/>
                  </a:cxn>
                  <a:cxn ang="T6">
                    <a:pos x="0" y="T2"/>
                  </a:cxn>
                  <a:cxn ang="T7">
                    <a:pos x="0" y="T3"/>
                  </a:cxn>
                </a:cxnLst>
                <a:rect l="0" t="T8" r="0" b="T9"/>
                <a:pathLst>
                  <a:path h="12">
                    <a:moveTo>
                      <a:pt x="0" y="0"/>
                    </a:moveTo>
                    <a:lnTo>
                      <a:pt x="0" y="12"/>
                    </a:lnTo>
                    <a:lnTo>
                      <a:pt x="0" y="0"/>
                    </a:lnTo>
                    <a:lnTo>
                      <a:pt x="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14" name="Freeform 242"/>
              <p:cNvSpPr>
                <a:spLocks noChangeAspect="1"/>
              </p:cNvSpPr>
              <p:nvPr/>
            </p:nvSpPr>
            <p:spPr bwMode="auto">
              <a:xfrm>
                <a:off x="5131" y="1485"/>
                <a:ext cx="14" cy="45"/>
              </a:xfrm>
              <a:custGeom>
                <a:avLst/>
                <a:gdLst>
                  <a:gd name="T0" fmla="*/ 9 w 18"/>
                  <a:gd name="T1" fmla="*/ 0 h 66"/>
                  <a:gd name="T2" fmla="*/ 3 w 18"/>
                  <a:gd name="T3" fmla="*/ 21 h 66"/>
                  <a:gd name="T4" fmla="*/ 0 w 18"/>
                  <a:gd name="T5" fmla="*/ 16 h 66"/>
                  <a:gd name="T6" fmla="*/ 3 w 18"/>
                  <a:gd name="T7" fmla="*/ 2 h 66"/>
                  <a:gd name="T8" fmla="*/ 9 w 18"/>
                  <a:gd name="T9" fmla="*/ 0 h 66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8"/>
                  <a:gd name="T16" fmla="*/ 0 h 66"/>
                  <a:gd name="T17" fmla="*/ 18 w 18"/>
                  <a:gd name="T18" fmla="*/ 66 h 66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8" h="66">
                    <a:moveTo>
                      <a:pt x="18" y="0"/>
                    </a:moveTo>
                    <a:lnTo>
                      <a:pt x="6" y="66"/>
                    </a:lnTo>
                    <a:lnTo>
                      <a:pt x="0" y="48"/>
                    </a:lnTo>
                    <a:lnTo>
                      <a:pt x="6" y="6"/>
                    </a:lnTo>
                    <a:lnTo>
                      <a:pt x="18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15" name="Freeform 243"/>
              <p:cNvSpPr>
                <a:spLocks noChangeAspect="1"/>
              </p:cNvSpPr>
              <p:nvPr/>
            </p:nvSpPr>
            <p:spPr bwMode="auto">
              <a:xfrm>
                <a:off x="5131" y="1485"/>
                <a:ext cx="14" cy="45"/>
              </a:xfrm>
              <a:custGeom>
                <a:avLst/>
                <a:gdLst>
                  <a:gd name="T0" fmla="*/ 9 w 18"/>
                  <a:gd name="T1" fmla="*/ 0 h 66"/>
                  <a:gd name="T2" fmla="*/ 3 w 18"/>
                  <a:gd name="T3" fmla="*/ 21 h 66"/>
                  <a:gd name="T4" fmla="*/ 0 w 18"/>
                  <a:gd name="T5" fmla="*/ 16 h 66"/>
                  <a:gd name="T6" fmla="*/ 3 w 18"/>
                  <a:gd name="T7" fmla="*/ 2 h 66"/>
                  <a:gd name="T8" fmla="*/ 9 w 18"/>
                  <a:gd name="T9" fmla="*/ 0 h 66"/>
                  <a:gd name="T10" fmla="*/ 9 w 18"/>
                  <a:gd name="T11" fmla="*/ 2 h 66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8"/>
                  <a:gd name="T19" fmla="*/ 0 h 66"/>
                  <a:gd name="T20" fmla="*/ 18 w 18"/>
                  <a:gd name="T21" fmla="*/ 66 h 66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8" h="66">
                    <a:moveTo>
                      <a:pt x="18" y="0"/>
                    </a:moveTo>
                    <a:lnTo>
                      <a:pt x="6" y="66"/>
                    </a:lnTo>
                    <a:lnTo>
                      <a:pt x="0" y="48"/>
                    </a:lnTo>
                    <a:lnTo>
                      <a:pt x="6" y="6"/>
                    </a:lnTo>
                    <a:lnTo>
                      <a:pt x="18" y="0"/>
                    </a:lnTo>
                    <a:lnTo>
                      <a:pt x="18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16" name="Freeform 244"/>
              <p:cNvSpPr>
                <a:spLocks noChangeAspect="1"/>
              </p:cNvSpPr>
              <p:nvPr/>
            </p:nvSpPr>
            <p:spPr bwMode="auto">
              <a:xfrm>
                <a:off x="4843" y="1444"/>
                <a:ext cx="297" cy="151"/>
              </a:xfrm>
              <a:custGeom>
                <a:avLst/>
                <a:gdLst>
                  <a:gd name="T0" fmla="*/ 172 w 390"/>
                  <a:gd name="T1" fmla="*/ 51 h 222"/>
                  <a:gd name="T2" fmla="*/ 169 w 390"/>
                  <a:gd name="T3" fmla="*/ 49 h 222"/>
                  <a:gd name="T4" fmla="*/ 172 w 390"/>
                  <a:gd name="T5" fmla="*/ 51 h 222"/>
                  <a:gd name="T6" fmla="*/ 169 w 390"/>
                  <a:gd name="T7" fmla="*/ 51 h 222"/>
                  <a:gd name="T8" fmla="*/ 45 w 390"/>
                  <a:gd name="T9" fmla="*/ 66 h 222"/>
                  <a:gd name="T10" fmla="*/ 0 w 390"/>
                  <a:gd name="T11" fmla="*/ 70 h 222"/>
                  <a:gd name="T12" fmla="*/ 11 w 390"/>
                  <a:gd name="T13" fmla="*/ 66 h 222"/>
                  <a:gd name="T14" fmla="*/ 34 w 390"/>
                  <a:gd name="T15" fmla="*/ 47 h 222"/>
                  <a:gd name="T16" fmla="*/ 37 w 390"/>
                  <a:gd name="T17" fmla="*/ 53 h 222"/>
                  <a:gd name="T18" fmla="*/ 43 w 390"/>
                  <a:gd name="T19" fmla="*/ 54 h 222"/>
                  <a:gd name="T20" fmla="*/ 69 w 390"/>
                  <a:gd name="T21" fmla="*/ 47 h 222"/>
                  <a:gd name="T22" fmla="*/ 72 w 390"/>
                  <a:gd name="T23" fmla="*/ 41 h 222"/>
                  <a:gd name="T24" fmla="*/ 69 w 390"/>
                  <a:gd name="T25" fmla="*/ 41 h 222"/>
                  <a:gd name="T26" fmla="*/ 79 w 390"/>
                  <a:gd name="T27" fmla="*/ 21 h 222"/>
                  <a:gd name="T28" fmla="*/ 88 w 390"/>
                  <a:gd name="T29" fmla="*/ 22 h 222"/>
                  <a:gd name="T30" fmla="*/ 90 w 390"/>
                  <a:gd name="T31" fmla="*/ 15 h 222"/>
                  <a:gd name="T32" fmla="*/ 95 w 390"/>
                  <a:gd name="T33" fmla="*/ 15 h 222"/>
                  <a:gd name="T34" fmla="*/ 104 w 390"/>
                  <a:gd name="T35" fmla="*/ 5 h 222"/>
                  <a:gd name="T36" fmla="*/ 104 w 390"/>
                  <a:gd name="T37" fmla="*/ 0 h 222"/>
                  <a:gd name="T38" fmla="*/ 117 w 390"/>
                  <a:gd name="T39" fmla="*/ 5 h 222"/>
                  <a:gd name="T40" fmla="*/ 117 w 390"/>
                  <a:gd name="T41" fmla="*/ 2 h 222"/>
                  <a:gd name="T42" fmla="*/ 133 w 390"/>
                  <a:gd name="T43" fmla="*/ 7 h 222"/>
                  <a:gd name="T44" fmla="*/ 135 w 390"/>
                  <a:gd name="T45" fmla="*/ 10 h 222"/>
                  <a:gd name="T46" fmla="*/ 130 w 390"/>
                  <a:gd name="T47" fmla="*/ 17 h 222"/>
                  <a:gd name="T48" fmla="*/ 133 w 390"/>
                  <a:gd name="T49" fmla="*/ 19 h 222"/>
                  <a:gd name="T50" fmla="*/ 135 w 390"/>
                  <a:gd name="T51" fmla="*/ 19 h 222"/>
                  <a:gd name="T52" fmla="*/ 140 w 390"/>
                  <a:gd name="T53" fmla="*/ 21 h 222"/>
                  <a:gd name="T54" fmla="*/ 157 w 390"/>
                  <a:gd name="T55" fmla="*/ 24 h 222"/>
                  <a:gd name="T56" fmla="*/ 157 w 390"/>
                  <a:gd name="T57" fmla="*/ 30 h 222"/>
                  <a:gd name="T58" fmla="*/ 140 w 390"/>
                  <a:gd name="T59" fmla="*/ 24 h 222"/>
                  <a:gd name="T60" fmla="*/ 151 w 390"/>
                  <a:gd name="T61" fmla="*/ 32 h 222"/>
                  <a:gd name="T62" fmla="*/ 159 w 390"/>
                  <a:gd name="T63" fmla="*/ 32 h 222"/>
                  <a:gd name="T64" fmla="*/ 154 w 390"/>
                  <a:gd name="T65" fmla="*/ 34 h 222"/>
                  <a:gd name="T66" fmla="*/ 159 w 390"/>
                  <a:gd name="T67" fmla="*/ 34 h 222"/>
                  <a:gd name="T68" fmla="*/ 159 w 390"/>
                  <a:gd name="T69" fmla="*/ 36 h 222"/>
                  <a:gd name="T70" fmla="*/ 157 w 390"/>
                  <a:gd name="T71" fmla="*/ 36 h 222"/>
                  <a:gd name="T72" fmla="*/ 157 w 390"/>
                  <a:gd name="T73" fmla="*/ 38 h 222"/>
                  <a:gd name="T74" fmla="*/ 145 w 390"/>
                  <a:gd name="T75" fmla="*/ 34 h 222"/>
                  <a:gd name="T76" fmla="*/ 161 w 390"/>
                  <a:gd name="T77" fmla="*/ 44 h 222"/>
                  <a:gd name="T78" fmla="*/ 159 w 390"/>
                  <a:gd name="T79" fmla="*/ 44 h 222"/>
                  <a:gd name="T80" fmla="*/ 145 w 390"/>
                  <a:gd name="T81" fmla="*/ 38 h 222"/>
                  <a:gd name="T82" fmla="*/ 145 w 390"/>
                  <a:gd name="T83" fmla="*/ 39 h 222"/>
                  <a:gd name="T84" fmla="*/ 151 w 390"/>
                  <a:gd name="T85" fmla="*/ 41 h 222"/>
                  <a:gd name="T86" fmla="*/ 159 w 390"/>
                  <a:gd name="T87" fmla="*/ 46 h 222"/>
                  <a:gd name="T88" fmla="*/ 169 w 390"/>
                  <a:gd name="T89" fmla="*/ 44 h 222"/>
                  <a:gd name="T90" fmla="*/ 172 w 390"/>
                  <a:gd name="T91" fmla="*/ 51 h 222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w 390"/>
                  <a:gd name="T139" fmla="*/ 0 h 222"/>
                  <a:gd name="T140" fmla="*/ 390 w 390"/>
                  <a:gd name="T141" fmla="*/ 222 h 222"/>
                </a:gdLst>
                <a:ahLst/>
                <a:cxnLst>
                  <a:cxn ang="T92">
                    <a:pos x="T0" y="T1"/>
                  </a:cxn>
                  <a:cxn ang="T93">
                    <a:pos x="T2" y="T3"/>
                  </a:cxn>
                  <a:cxn ang="T94">
                    <a:pos x="T4" y="T5"/>
                  </a:cxn>
                  <a:cxn ang="T95">
                    <a:pos x="T6" y="T7"/>
                  </a:cxn>
                  <a:cxn ang="T96">
                    <a:pos x="T8" y="T9"/>
                  </a:cxn>
                  <a:cxn ang="T97">
                    <a:pos x="T10" y="T11"/>
                  </a:cxn>
                  <a:cxn ang="T98">
                    <a:pos x="T12" y="T13"/>
                  </a:cxn>
                  <a:cxn ang="T99">
                    <a:pos x="T14" y="T15"/>
                  </a:cxn>
                  <a:cxn ang="T100">
                    <a:pos x="T16" y="T17"/>
                  </a:cxn>
                  <a:cxn ang="T101">
                    <a:pos x="T18" y="T19"/>
                  </a:cxn>
                  <a:cxn ang="T102">
                    <a:pos x="T20" y="T21"/>
                  </a:cxn>
                  <a:cxn ang="T103">
                    <a:pos x="T22" y="T23"/>
                  </a:cxn>
                  <a:cxn ang="T104">
                    <a:pos x="T24" y="T25"/>
                  </a:cxn>
                  <a:cxn ang="T105">
                    <a:pos x="T26" y="T27"/>
                  </a:cxn>
                  <a:cxn ang="T106">
                    <a:pos x="T28" y="T29"/>
                  </a:cxn>
                  <a:cxn ang="T107">
                    <a:pos x="T30" y="T31"/>
                  </a:cxn>
                  <a:cxn ang="T108">
                    <a:pos x="T32" y="T33"/>
                  </a:cxn>
                  <a:cxn ang="T109">
                    <a:pos x="T34" y="T35"/>
                  </a:cxn>
                  <a:cxn ang="T110">
                    <a:pos x="T36" y="T37"/>
                  </a:cxn>
                  <a:cxn ang="T111">
                    <a:pos x="T38" y="T39"/>
                  </a:cxn>
                  <a:cxn ang="T112">
                    <a:pos x="T40" y="T41"/>
                  </a:cxn>
                  <a:cxn ang="T113">
                    <a:pos x="T42" y="T43"/>
                  </a:cxn>
                  <a:cxn ang="T114">
                    <a:pos x="T44" y="T45"/>
                  </a:cxn>
                  <a:cxn ang="T115">
                    <a:pos x="T46" y="T47"/>
                  </a:cxn>
                  <a:cxn ang="T116">
                    <a:pos x="T48" y="T49"/>
                  </a:cxn>
                  <a:cxn ang="T117">
                    <a:pos x="T50" y="T51"/>
                  </a:cxn>
                  <a:cxn ang="T118">
                    <a:pos x="T52" y="T53"/>
                  </a:cxn>
                  <a:cxn ang="T119">
                    <a:pos x="T54" y="T55"/>
                  </a:cxn>
                  <a:cxn ang="T120">
                    <a:pos x="T56" y="T57"/>
                  </a:cxn>
                  <a:cxn ang="T121">
                    <a:pos x="T58" y="T59"/>
                  </a:cxn>
                  <a:cxn ang="T122">
                    <a:pos x="T60" y="T61"/>
                  </a:cxn>
                  <a:cxn ang="T123">
                    <a:pos x="T62" y="T63"/>
                  </a:cxn>
                  <a:cxn ang="T124">
                    <a:pos x="T64" y="T65"/>
                  </a:cxn>
                  <a:cxn ang="T125">
                    <a:pos x="T66" y="T67"/>
                  </a:cxn>
                  <a:cxn ang="T126">
                    <a:pos x="T68" y="T69"/>
                  </a:cxn>
                  <a:cxn ang="T127">
                    <a:pos x="T70" y="T71"/>
                  </a:cxn>
                  <a:cxn ang="T128">
                    <a:pos x="T72" y="T73"/>
                  </a:cxn>
                  <a:cxn ang="T129">
                    <a:pos x="T74" y="T75"/>
                  </a:cxn>
                  <a:cxn ang="T130">
                    <a:pos x="T76" y="T77"/>
                  </a:cxn>
                  <a:cxn ang="T131">
                    <a:pos x="T78" y="T79"/>
                  </a:cxn>
                  <a:cxn ang="T132">
                    <a:pos x="T80" y="T81"/>
                  </a:cxn>
                  <a:cxn ang="T133">
                    <a:pos x="T82" y="T83"/>
                  </a:cxn>
                  <a:cxn ang="T134">
                    <a:pos x="T84" y="T85"/>
                  </a:cxn>
                  <a:cxn ang="T135">
                    <a:pos x="T86" y="T87"/>
                  </a:cxn>
                  <a:cxn ang="T136">
                    <a:pos x="T88" y="T89"/>
                  </a:cxn>
                  <a:cxn ang="T137">
                    <a:pos x="T90" y="T91"/>
                  </a:cxn>
                </a:cxnLst>
                <a:rect l="T138" t="T139" r="T140" b="T141"/>
                <a:pathLst>
                  <a:path w="390" h="222">
                    <a:moveTo>
                      <a:pt x="390" y="162"/>
                    </a:moveTo>
                    <a:lnTo>
                      <a:pt x="384" y="156"/>
                    </a:lnTo>
                    <a:lnTo>
                      <a:pt x="390" y="162"/>
                    </a:lnTo>
                    <a:lnTo>
                      <a:pt x="384" y="162"/>
                    </a:lnTo>
                    <a:lnTo>
                      <a:pt x="102" y="210"/>
                    </a:lnTo>
                    <a:lnTo>
                      <a:pt x="0" y="222"/>
                    </a:lnTo>
                    <a:lnTo>
                      <a:pt x="24" y="210"/>
                    </a:lnTo>
                    <a:lnTo>
                      <a:pt x="78" y="150"/>
                    </a:lnTo>
                    <a:lnTo>
                      <a:pt x="84" y="168"/>
                    </a:lnTo>
                    <a:lnTo>
                      <a:pt x="96" y="174"/>
                    </a:lnTo>
                    <a:lnTo>
                      <a:pt x="156" y="150"/>
                    </a:lnTo>
                    <a:lnTo>
                      <a:pt x="162" y="132"/>
                    </a:lnTo>
                    <a:lnTo>
                      <a:pt x="156" y="132"/>
                    </a:lnTo>
                    <a:lnTo>
                      <a:pt x="180" y="66"/>
                    </a:lnTo>
                    <a:lnTo>
                      <a:pt x="198" y="72"/>
                    </a:lnTo>
                    <a:lnTo>
                      <a:pt x="204" y="48"/>
                    </a:lnTo>
                    <a:lnTo>
                      <a:pt x="216" y="48"/>
                    </a:lnTo>
                    <a:lnTo>
                      <a:pt x="234" y="18"/>
                    </a:lnTo>
                    <a:lnTo>
                      <a:pt x="234" y="0"/>
                    </a:lnTo>
                    <a:lnTo>
                      <a:pt x="264" y="18"/>
                    </a:lnTo>
                    <a:lnTo>
                      <a:pt x="264" y="6"/>
                    </a:lnTo>
                    <a:lnTo>
                      <a:pt x="300" y="24"/>
                    </a:lnTo>
                    <a:lnTo>
                      <a:pt x="306" y="30"/>
                    </a:lnTo>
                    <a:lnTo>
                      <a:pt x="294" y="54"/>
                    </a:lnTo>
                    <a:lnTo>
                      <a:pt x="300" y="60"/>
                    </a:lnTo>
                    <a:lnTo>
                      <a:pt x="306" y="60"/>
                    </a:lnTo>
                    <a:lnTo>
                      <a:pt x="318" y="66"/>
                    </a:lnTo>
                    <a:lnTo>
                      <a:pt x="354" y="78"/>
                    </a:lnTo>
                    <a:lnTo>
                      <a:pt x="354" y="96"/>
                    </a:lnTo>
                    <a:lnTo>
                      <a:pt x="318" y="78"/>
                    </a:lnTo>
                    <a:lnTo>
                      <a:pt x="342" y="102"/>
                    </a:lnTo>
                    <a:lnTo>
                      <a:pt x="360" y="102"/>
                    </a:lnTo>
                    <a:lnTo>
                      <a:pt x="348" y="108"/>
                    </a:lnTo>
                    <a:lnTo>
                      <a:pt x="360" y="108"/>
                    </a:lnTo>
                    <a:lnTo>
                      <a:pt x="360" y="114"/>
                    </a:lnTo>
                    <a:lnTo>
                      <a:pt x="354" y="114"/>
                    </a:lnTo>
                    <a:lnTo>
                      <a:pt x="354" y="120"/>
                    </a:lnTo>
                    <a:lnTo>
                      <a:pt x="330" y="108"/>
                    </a:lnTo>
                    <a:lnTo>
                      <a:pt x="366" y="138"/>
                    </a:lnTo>
                    <a:lnTo>
                      <a:pt x="360" y="138"/>
                    </a:lnTo>
                    <a:lnTo>
                      <a:pt x="330" y="120"/>
                    </a:lnTo>
                    <a:lnTo>
                      <a:pt x="330" y="126"/>
                    </a:lnTo>
                    <a:lnTo>
                      <a:pt x="342" y="132"/>
                    </a:lnTo>
                    <a:lnTo>
                      <a:pt x="360" y="144"/>
                    </a:lnTo>
                    <a:lnTo>
                      <a:pt x="384" y="138"/>
                    </a:lnTo>
                    <a:lnTo>
                      <a:pt x="390" y="16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17" name="Freeform 245"/>
              <p:cNvSpPr>
                <a:spLocks noChangeAspect="1"/>
              </p:cNvSpPr>
              <p:nvPr/>
            </p:nvSpPr>
            <p:spPr bwMode="auto">
              <a:xfrm>
                <a:off x="4843" y="1444"/>
                <a:ext cx="297" cy="151"/>
              </a:xfrm>
              <a:custGeom>
                <a:avLst/>
                <a:gdLst>
                  <a:gd name="T0" fmla="*/ 172 w 390"/>
                  <a:gd name="T1" fmla="*/ 51 h 222"/>
                  <a:gd name="T2" fmla="*/ 169 w 390"/>
                  <a:gd name="T3" fmla="*/ 49 h 222"/>
                  <a:gd name="T4" fmla="*/ 172 w 390"/>
                  <a:gd name="T5" fmla="*/ 51 h 222"/>
                  <a:gd name="T6" fmla="*/ 169 w 390"/>
                  <a:gd name="T7" fmla="*/ 51 h 222"/>
                  <a:gd name="T8" fmla="*/ 45 w 390"/>
                  <a:gd name="T9" fmla="*/ 66 h 222"/>
                  <a:gd name="T10" fmla="*/ 0 w 390"/>
                  <a:gd name="T11" fmla="*/ 70 h 222"/>
                  <a:gd name="T12" fmla="*/ 11 w 390"/>
                  <a:gd name="T13" fmla="*/ 66 h 222"/>
                  <a:gd name="T14" fmla="*/ 34 w 390"/>
                  <a:gd name="T15" fmla="*/ 47 h 222"/>
                  <a:gd name="T16" fmla="*/ 37 w 390"/>
                  <a:gd name="T17" fmla="*/ 53 h 222"/>
                  <a:gd name="T18" fmla="*/ 43 w 390"/>
                  <a:gd name="T19" fmla="*/ 54 h 222"/>
                  <a:gd name="T20" fmla="*/ 69 w 390"/>
                  <a:gd name="T21" fmla="*/ 47 h 222"/>
                  <a:gd name="T22" fmla="*/ 72 w 390"/>
                  <a:gd name="T23" fmla="*/ 41 h 222"/>
                  <a:gd name="T24" fmla="*/ 69 w 390"/>
                  <a:gd name="T25" fmla="*/ 41 h 222"/>
                  <a:gd name="T26" fmla="*/ 79 w 390"/>
                  <a:gd name="T27" fmla="*/ 21 h 222"/>
                  <a:gd name="T28" fmla="*/ 88 w 390"/>
                  <a:gd name="T29" fmla="*/ 22 h 222"/>
                  <a:gd name="T30" fmla="*/ 90 w 390"/>
                  <a:gd name="T31" fmla="*/ 15 h 222"/>
                  <a:gd name="T32" fmla="*/ 95 w 390"/>
                  <a:gd name="T33" fmla="*/ 15 h 222"/>
                  <a:gd name="T34" fmla="*/ 104 w 390"/>
                  <a:gd name="T35" fmla="*/ 5 h 222"/>
                  <a:gd name="T36" fmla="*/ 104 w 390"/>
                  <a:gd name="T37" fmla="*/ 0 h 222"/>
                  <a:gd name="T38" fmla="*/ 117 w 390"/>
                  <a:gd name="T39" fmla="*/ 5 h 222"/>
                  <a:gd name="T40" fmla="*/ 117 w 390"/>
                  <a:gd name="T41" fmla="*/ 2 h 222"/>
                  <a:gd name="T42" fmla="*/ 133 w 390"/>
                  <a:gd name="T43" fmla="*/ 7 h 222"/>
                  <a:gd name="T44" fmla="*/ 135 w 390"/>
                  <a:gd name="T45" fmla="*/ 10 h 222"/>
                  <a:gd name="T46" fmla="*/ 130 w 390"/>
                  <a:gd name="T47" fmla="*/ 17 h 222"/>
                  <a:gd name="T48" fmla="*/ 133 w 390"/>
                  <a:gd name="T49" fmla="*/ 19 h 222"/>
                  <a:gd name="T50" fmla="*/ 135 w 390"/>
                  <a:gd name="T51" fmla="*/ 19 h 222"/>
                  <a:gd name="T52" fmla="*/ 140 w 390"/>
                  <a:gd name="T53" fmla="*/ 21 h 222"/>
                  <a:gd name="T54" fmla="*/ 157 w 390"/>
                  <a:gd name="T55" fmla="*/ 24 h 222"/>
                  <a:gd name="T56" fmla="*/ 157 w 390"/>
                  <a:gd name="T57" fmla="*/ 30 h 222"/>
                  <a:gd name="T58" fmla="*/ 140 w 390"/>
                  <a:gd name="T59" fmla="*/ 24 h 222"/>
                  <a:gd name="T60" fmla="*/ 151 w 390"/>
                  <a:gd name="T61" fmla="*/ 32 h 222"/>
                  <a:gd name="T62" fmla="*/ 159 w 390"/>
                  <a:gd name="T63" fmla="*/ 32 h 222"/>
                  <a:gd name="T64" fmla="*/ 154 w 390"/>
                  <a:gd name="T65" fmla="*/ 34 h 222"/>
                  <a:gd name="T66" fmla="*/ 159 w 390"/>
                  <a:gd name="T67" fmla="*/ 34 h 222"/>
                  <a:gd name="T68" fmla="*/ 159 w 390"/>
                  <a:gd name="T69" fmla="*/ 36 h 222"/>
                  <a:gd name="T70" fmla="*/ 157 w 390"/>
                  <a:gd name="T71" fmla="*/ 36 h 222"/>
                  <a:gd name="T72" fmla="*/ 157 w 390"/>
                  <a:gd name="T73" fmla="*/ 38 h 222"/>
                  <a:gd name="T74" fmla="*/ 145 w 390"/>
                  <a:gd name="T75" fmla="*/ 34 h 222"/>
                  <a:gd name="T76" fmla="*/ 161 w 390"/>
                  <a:gd name="T77" fmla="*/ 44 h 222"/>
                  <a:gd name="T78" fmla="*/ 159 w 390"/>
                  <a:gd name="T79" fmla="*/ 44 h 222"/>
                  <a:gd name="T80" fmla="*/ 145 w 390"/>
                  <a:gd name="T81" fmla="*/ 38 h 222"/>
                  <a:gd name="T82" fmla="*/ 145 w 390"/>
                  <a:gd name="T83" fmla="*/ 39 h 222"/>
                  <a:gd name="T84" fmla="*/ 151 w 390"/>
                  <a:gd name="T85" fmla="*/ 41 h 222"/>
                  <a:gd name="T86" fmla="*/ 159 w 390"/>
                  <a:gd name="T87" fmla="*/ 46 h 222"/>
                  <a:gd name="T88" fmla="*/ 169 w 390"/>
                  <a:gd name="T89" fmla="*/ 44 h 222"/>
                  <a:gd name="T90" fmla="*/ 172 w 390"/>
                  <a:gd name="T91" fmla="*/ 51 h 222"/>
                  <a:gd name="T92" fmla="*/ 172 w 390"/>
                  <a:gd name="T93" fmla="*/ 53 h 222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w 390"/>
                  <a:gd name="T142" fmla="*/ 0 h 222"/>
                  <a:gd name="T143" fmla="*/ 390 w 390"/>
                  <a:gd name="T144" fmla="*/ 222 h 222"/>
                </a:gdLst>
                <a:ahLst/>
                <a:cxnLst>
                  <a:cxn ang="T94">
                    <a:pos x="T0" y="T1"/>
                  </a:cxn>
                  <a:cxn ang="T95">
                    <a:pos x="T2" y="T3"/>
                  </a:cxn>
                  <a:cxn ang="T96">
                    <a:pos x="T4" y="T5"/>
                  </a:cxn>
                  <a:cxn ang="T97">
                    <a:pos x="T6" y="T7"/>
                  </a:cxn>
                  <a:cxn ang="T98">
                    <a:pos x="T8" y="T9"/>
                  </a:cxn>
                  <a:cxn ang="T99">
                    <a:pos x="T10" y="T11"/>
                  </a:cxn>
                  <a:cxn ang="T100">
                    <a:pos x="T12" y="T13"/>
                  </a:cxn>
                  <a:cxn ang="T101">
                    <a:pos x="T14" y="T15"/>
                  </a:cxn>
                  <a:cxn ang="T102">
                    <a:pos x="T16" y="T17"/>
                  </a:cxn>
                  <a:cxn ang="T103">
                    <a:pos x="T18" y="T19"/>
                  </a:cxn>
                  <a:cxn ang="T104">
                    <a:pos x="T20" y="T21"/>
                  </a:cxn>
                  <a:cxn ang="T105">
                    <a:pos x="T22" y="T23"/>
                  </a:cxn>
                  <a:cxn ang="T106">
                    <a:pos x="T24" y="T25"/>
                  </a:cxn>
                  <a:cxn ang="T107">
                    <a:pos x="T26" y="T27"/>
                  </a:cxn>
                  <a:cxn ang="T108">
                    <a:pos x="T28" y="T29"/>
                  </a:cxn>
                  <a:cxn ang="T109">
                    <a:pos x="T30" y="T31"/>
                  </a:cxn>
                  <a:cxn ang="T110">
                    <a:pos x="T32" y="T33"/>
                  </a:cxn>
                  <a:cxn ang="T111">
                    <a:pos x="T34" y="T35"/>
                  </a:cxn>
                  <a:cxn ang="T112">
                    <a:pos x="T36" y="T37"/>
                  </a:cxn>
                  <a:cxn ang="T113">
                    <a:pos x="T38" y="T39"/>
                  </a:cxn>
                  <a:cxn ang="T114">
                    <a:pos x="T40" y="T41"/>
                  </a:cxn>
                  <a:cxn ang="T115">
                    <a:pos x="T42" y="T43"/>
                  </a:cxn>
                  <a:cxn ang="T116">
                    <a:pos x="T44" y="T45"/>
                  </a:cxn>
                  <a:cxn ang="T117">
                    <a:pos x="T46" y="T47"/>
                  </a:cxn>
                  <a:cxn ang="T118">
                    <a:pos x="T48" y="T49"/>
                  </a:cxn>
                  <a:cxn ang="T119">
                    <a:pos x="T50" y="T51"/>
                  </a:cxn>
                  <a:cxn ang="T120">
                    <a:pos x="T52" y="T53"/>
                  </a:cxn>
                  <a:cxn ang="T121">
                    <a:pos x="T54" y="T55"/>
                  </a:cxn>
                  <a:cxn ang="T122">
                    <a:pos x="T56" y="T57"/>
                  </a:cxn>
                  <a:cxn ang="T123">
                    <a:pos x="T58" y="T59"/>
                  </a:cxn>
                  <a:cxn ang="T124">
                    <a:pos x="T60" y="T61"/>
                  </a:cxn>
                  <a:cxn ang="T125">
                    <a:pos x="T62" y="T63"/>
                  </a:cxn>
                  <a:cxn ang="T126">
                    <a:pos x="T64" y="T65"/>
                  </a:cxn>
                  <a:cxn ang="T127">
                    <a:pos x="T66" y="T67"/>
                  </a:cxn>
                  <a:cxn ang="T128">
                    <a:pos x="T68" y="T69"/>
                  </a:cxn>
                  <a:cxn ang="T129">
                    <a:pos x="T70" y="T71"/>
                  </a:cxn>
                  <a:cxn ang="T130">
                    <a:pos x="T72" y="T73"/>
                  </a:cxn>
                  <a:cxn ang="T131">
                    <a:pos x="T74" y="T75"/>
                  </a:cxn>
                  <a:cxn ang="T132">
                    <a:pos x="T76" y="T77"/>
                  </a:cxn>
                  <a:cxn ang="T133">
                    <a:pos x="T78" y="T79"/>
                  </a:cxn>
                  <a:cxn ang="T134">
                    <a:pos x="T80" y="T81"/>
                  </a:cxn>
                  <a:cxn ang="T135">
                    <a:pos x="T82" y="T83"/>
                  </a:cxn>
                  <a:cxn ang="T136">
                    <a:pos x="T84" y="T85"/>
                  </a:cxn>
                  <a:cxn ang="T137">
                    <a:pos x="T86" y="T87"/>
                  </a:cxn>
                  <a:cxn ang="T138">
                    <a:pos x="T88" y="T89"/>
                  </a:cxn>
                  <a:cxn ang="T139">
                    <a:pos x="T90" y="T91"/>
                  </a:cxn>
                  <a:cxn ang="T140">
                    <a:pos x="T92" y="T93"/>
                  </a:cxn>
                </a:cxnLst>
                <a:rect l="T141" t="T142" r="T143" b="T144"/>
                <a:pathLst>
                  <a:path w="390" h="222">
                    <a:moveTo>
                      <a:pt x="390" y="162"/>
                    </a:moveTo>
                    <a:lnTo>
                      <a:pt x="384" y="156"/>
                    </a:lnTo>
                    <a:lnTo>
                      <a:pt x="390" y="162"/>
                    </a:lnTo>
                    <a:lnTo>
                      <a:pt x="384" y="162"/>
                    </a:lnTo>
                    <a:lnTo>
                      <a:pt x="102" y="210"/>
                    </a:lnTo>
                    <a:lnTo>
                      <a:pt x="0" y="222"/>
                    </a:lnTo>
                    <a:lnTo>
                      <a:pt x="24" y="210"/>
                    </a:lnTo>
                    <a:lnTo>
                      <a:pt x="78" y="150"/>
                    </a:lnTo>
                    <a:lnTo>
                      <a:pt x="84" y="168"/>
                    </a:lnTo>
                    <a:lnTo>
                      <a:pt x="96" y="174"/>
                    </a:lnTo>
                    <a:lnTo>
                      <a:pt x="156" y="150"/>
                    </a:lnTo>
                    <a:lnTo>
                      <a:pt x="162" y="132"/>
                    </a:lnTo>
                    <a:lnTo>
                      <a:pt x="156" y="132"/>
                    </a:lnTo>
                    <a:lnTo>
                      <a:pt x="180" y="66"/>
                    </a:lnTo>
                    <a:lnTo>
                      <a:pt x="198" y="72"/>
                    </a:lnTo>
                    <a:lnTo>
                      <a:pt x="204" y="48"/>
                    </a:lnTo>
                    <a:lnTo>
                      <a:pt x="216" y="48"/>
                    </a:lnTo>
                    <a:lnTo>
                      <a:pt x="234" y="18"/>
                    </a:lnTo>
                    <a:lnTo>
                      <a:pt x="234" y="0"/>
                    </a:lnTo>
                    <a:lnTo>
                      <a:pt x="264" y="18"/>
                    </a:lnTo>
                    <a:lnTo>
                      <a:pt x="264" y="6"/>
                    </a:lnTo>
                    <a:lnTo>
                      <a:pt x="300" y="24"/>
                    </a:lnTo>
                    <a:lnTo>
                      <a:pt x="306" y="30"/>
                    </a:lnTo>
                    <a:lnTo>
                      <a:pt x="294" y="54"/>
                    </a:lnTo>
                    <a:lnTo>
                      <a:pt x="300" y="60"/>
                    </a:lnTo>
                    <a:lnTo>
                      <a:pt x="306" y="60"/>
                    </a:lnTo>
                    <a:lnTo>
                      <a:pt x="318" y="66"/>
                    </a:lnTo>
                    <a:lnTo>
                      <a:pt x="354" y="78"/>
                    </a:lnTo>
                    <a:lnTo>
                      <a:pt x="354" y="96"/>
                    </a:lnTo>
                    <a:lnTo>
                      <a:pt x="318" y="78"/>
                    </a:lnTo>
                    <a:lnTo>
                      <a:pt x="342" y="102"/>
                    </a:lnTo>
                    <a:lnTo>
                      <a:pt x="360" y="102"/>
                    </a:lnTo>
                    <a:lnTo>
                      <a:pt x="348" y="108"/>
                    </a:lnTo>
                    <a:lnTo>
                      <a:pt x="360" y="108"/>
                    </a:lnTo>
                    <a:lnTo>
                      <a:pt x="360" y="114"/>
                    </a:lnTo>
                    <a:lnTo>
                      <a:pt x="354" y="114"/>
                    </a:lnTo>
                    <a:lnTo>
                      <a:pt x="354" y="120"/>
                    </a:lnTo>
                    <a:lnTo>
                      <a:pt x="330" y="108"/>
                    </a:lnTo>
                    <a:lnTo>
                      <a:pt x="366" y="138"/>
                    </a:lnTo>
                    <a:lnTo>
                      <a:pt x="360" y="138"/>
                    </a:lnTo>
                    <a:lnTo>
                      <a:pt x="330" y="120"/>
                    </a:lnTo>
                    <a:lnTo>
                      <a:pt x="330" y="126"/>
                    </a:lnTo>
                    <a:lnTo>
                      <a:pt x="342" y="132"/>
                    </a:lnTo>
                    <a:lnTo>
                      <a:pt x="360" y="144"/>
                    </a:lnTo>
                    <a:lnTo>
                      <a:pt x="384" y="138"/>
                    </a:lnTo>
                    <a:lnTo>
                      <a:pt x="390" y="162"/>
                    </a:lnTo>
                    <a:lnTo>
                      <a:pt x="390" y="16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18" name="Freeform 246"/>
              <p:cNvSpPr>
                <a:spLocks noChangeAspect="1"/>
              </p:cNvSpPr>
              <p:nvPr/>
            </p:nvSpPr>
            <p:spPr bwMode="auto">
              <a:xfrm>
                <a:off x="3424" y="976"/>
                <a:ext cx="261" cy="167"/>
              </a:xfrm>
              <a:custGeom>
                <a:avLst/>
                <a:gdLst>
                  <a:gd name="T0" fmla="*/ 11 w 342"/>
                  <a:gd name="T1" fmla="*/ 51 h 246"/>
                  <a:gd name="T2" fmla="*/ 0 w 342"/>
                  <a:gd name="T3" fmla="*/ 47 h 246"/>
                  <a:gd name="T4" fmla="*/ 3 w 342"/>
                  <a:gd name="T5" fmla="*/ 39 h 246"/>
                  <a:gd name="T6" fmla="*/ 3 w 342"/>
                  <a:gd name="T7" fmla="*/ 45 h 246"/>
                  <a:gd name="T8" fmla="*/ 8 w 342"/>
                  <a:gd name="T9" fmla="*/ 39 h 246"/>
                  <a:gd name="T10" fmla="*/ 3 w 342"/>
                  <a:gd name="T11" fmla="*/ 39 h 246"/>
                  <a:gd name="T12" fmla="*/ 5 w 342"/>
                  <a:gd name="T13" fmla="*/ 34 h 246"/>
                  <a:gd name="T14" fmla="*/ 5 w 342"/>
                  <a:gd name="T15" fmla="*/ 34 h 246"/>
                  <a:gd name="T16" fmla="*/ 5 w 342"/>
                  <a:gd name="T17" fmla="*/ 17 h 246"/>
                  <a:gd name="T18" fmla="*/ 3 w 342"/>
                  <a:gd name="T19" fmla="*/ 11 h 246"/>
                  <a:gd name="T20" fmla="*/ 5 w 342"/>
                  <a:gd name="T21" fmla="*/ 3 h 246"/>
                  <a:gd name="T22" fmla="*/ 18 w 342"/>
                  <a:gd name="T23" fmla="*/ 11 h 246"/>
                  <a:gd name="T24" fmla="*/ 32 w 342"/>
                  <a:gd name="T25" fmla="*/ 15 h 246"/>
                  <a:gd name="T26" fmla="*/ 37 w 342"/>
                  <a:gd name="T27" fmla="*/ 19 h 246"/>
                  <a:gd name="T28" fmla="*/ 37 w 342"/>
                  <a:gd name="T29" fmla="*/ 17 h 246"/>
                  <a:gd name="T30" fmla="*/ 40 w 342"/>
                  <a:gd name="T31" fmla="*/ 19 h 246"/>
                  <a:gd name="T32" fmla="*/ 40 w 342"/>
                  <a:gd name="T33" fmla="*/ 22 h 246"/>
                  <a:gd name="T34" fmla="*/ 35 w 342"/>
                  <a:gd name="T35" fmla="*/ 22 h 246"/>
                  <a:gd name="T36" fmla="*/ 27 w 342"/>
                  <a:gd name="T37" fmla="*/ 30 h 246"/>
                  <a:gd name="T38" fmla="*/ 27 w 342"/>
                  <a:gd name="T39" fmla="*/ 30 h 246"/>
                  <a:gd name="T40" fmla="*/ 40 w 342"/>
                  <a:gd name="T41" fmla="*/ 22 h 246"/>
                  <a:gd name="T42" fmla="*/ 40 w 342"/>
                  <a:gd name="T43" fmla="*/ 21 h 246"/>
                  <a:gd name="T44" fmla="*/ 43 w 342"/>
                  <a:gd name="T45" fmla="*/ 22 h 246"/>
                  <a:gd name="T46" fmla="*/ 43 w 342"/>
                  <a:gd name="T47" fmla="*/ 24 h 246"/>
                  <a:gd name="T48" fmla="*/ 37 w 342"/>
                  <a:gd name="T49" fmla="*/ 26 h 246"/>
                  <a:gd name="T50" fmla="*/ 40 w 342"/>
                  <a:gd name="T51" fmla="*/ 30 h 246"/>
                  <a:gd name="T52" fmla="*/ 37 w 342"/>
                  <a:gd name="T53" fmla="*/ 34 h 246"/>
                  <a:gd name="T54" fmla="*/ 37 w 342"/>
                  <a:gd name="T55" fmla="*/ 32 h 246"/>
                  <a:gd name="T56" fmla="*/ 32 w 342"/>
                  <a:gd name="T57" fmla="*/ 35 h 246"/>
                  <a:gd name="T58" fmla="*/ 32 w 342"/>
                  <a:gd name="T59" fmla="*/ 30 h 246"/>
                  <a:gd name="T60" fmla="*/ 27 w 342"/>
                  <a:gd name="T61" fmla="*/ 34 h 246"/>
                  <a:gd name="T62" fmla="*/ 29 w 342"/>
                  <a:gd name="T63" fmla="*/ 37 h 246"/>
                  <a:gd name="T64" fmla="*/ 43 w 342"/>
                  <a:gd name="T65" fmla="*/ 34 h 246"/>
                  <a:gd name="T66" fmla="*/ 43 w 342"/>
                  <a:gd name="T67" fmla="*/ 26 h 246"/>
                  <a:gd name="T68" fmla="*/ 48 w 342"/>
                  <a:gd name="T69" fmla="*/ 21 h 246"/>
                  <a:gd name="T70" fmla="*/ 43 w 342"/>
                  <a:gd name="T71" fmla="*/ 11 h 246"/>
                  <a:gd name="T72" fmla="*/ 48 w 342"/>
                  <a:gd name="T73" fmla="*/ 10 h 246"/>
                  <a:gd name="T74" fmla="*/ 46 w 342"/>
                  <a:gd name="T75" fmla="*/ 0 h 246"/>
                  <a:gd name="T76" fmla="*/ 152 w 342"/>
                  <a:gd name="T77" fmla="*/ 19 h 246"/>
                  <a:gd name="T78" fmla="*/ 134 w 342"/>
                  <a:gd name="T79" fmla="*/ 77 h 246"/>
                  <a:gd name="T80" fmla="*/ 96 w 342"/>
                  <a:gd name="T81" fmla="*/ 71 h 246"/>
                  <a:gd name="T82" fmla="*/ 50 w 342"/>
                  <a:gd name="T83" fmla="*/ 71 h 246"/>
                  <a:gd name="T84" fmla="*/ 37 w 342"/>
                  <a:gd name="T85" fmla="*/ 66 h 246"/>
                  <a:gd name="T86" fmla="*/ 27 w 342"/>
                  <a:gd name="T87" fmla="*/ 68 h 246"/>
                  <a:gd name="T88" fmla="*/ 18 w 342"/>
                  <a:gd name="T89" fmla="*/ 64 h 246"/>
                  <a:gd name="T90" fmla="*/ 18 w 342"/>
                  <a:gd name="T91" fmla="*/ 54 h 246"/>
                  <a:gd name="T92" fmla="*/ 11 w 342"/>
                  <a:gd name="T93" fmla="*/ 51 h 24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w 342"/>
                  <a:gd name="T142" fmla="*/ 0 h 246"/>
                  <a:gd name="T143" fmla="*/ 342 w 342"/>
                  <a:gd name="T144" fmla="*/ 246 h 246"/>
                </a:gdLst>
                <a:ahLst/>
                <a:cxnLst>
                  <a:cxn ang="T94">
                    <a:pos x="T0" y="T1"/>
                  </a:cxn>
                  <a:cxn ang="T95">
                    <a:pos x="T2" y="T3"/>
                  </a:cxn>
                  <a:cxn ang="T96">
                    <a:pos x="T4" y="T5"/>
                  </a:cxn>
                  <a:cxn ang="T97">
                    <a:pos x="T6" y="T7"/>
                  </a:cxn>
                  <a:cxn ang="T98">
                    <a:pos x="T8" y="T9"/>
                  </a:cxn>
                  <a:cxn ang="T99">
                    <a:pos x="T10" y="T11"/>
                  </a:cxn>
                  <a:cxn ang="T100">
                    <a:pos x="T12" y="T13"/>
                  </a:cxn>
                  <a:cxn ang="T101">
                    <a:pos x="T14" y="T15"/>
                  </a:cxn>
                  <a:cxn ang="T102">
                    <a:pos x="T16" y="T17"/>
                  </a:cxn>
                  <a:cxn ang="T103">
                    <a:pos x="T18" y="T19"/>
                  </a:cxn>
                  <a:cxn ang="T104">
                    <a:pos x="T20" y="T21"/>
                  </a:cxn>
                  <a:cxn ang="T105">
                    <a:pos x="T22" y="T23"/>
                  </a:cxn>
                  <a:cxn ang="T106">
                    <a:pos x="T24" y="T25"/>
                  </a:cxn>
                  <a:cxn ang="T107">
                    <a:pos x="T26" y="T27"/>
                  </a:cxn>
                  <a:cxn ang="T108">
                    <a:pos x="T28" y="T29"/>
                  </a:cxn>
                  <a:cxn ang="T109">
                    <a:pos x="T30" y="T31"/>
                  </a:cxn>
                  <a:cxn ang="T110">
                    <a:pos x="T32" y="T33"/>
                  </a:cxn>
                  <a:cxn ang="T111">
                    <a:pos x="T34" y="T35"/>
                  </a:cxn>
                  <a:cxn ang="T112">
                    <a:pos x="T36" y="T37"/>
                  </a:cxn>
                  <a:cxn ang="T113">
                    <a:pos x="T38" y="T39"/>
                  </a:cxn>
                  <a:cxn ang="T114">
                    <a:pos x="T40" y="T41"/>
                  </a:cxn>
                  <a:cxn ang="T115">
                    <a:pos x="T42" y="T43"/>
                  </a:cxn>
                  <a:cxn ang="T116">
                    <a:pos x="T44" y="T45"/>
                  </a:cxn>
                  <a:cxn ang="T117">
                    <a:pos x="T46" y="T47"/>
                  </a:cxn>
                  <a:cxn ang="T118">
                    <a:pos x="T48" y="T49"/>
                  </a:cxn>
                  <a:cxn ang="T119">
                    <a:pos x="T50" y="T51"/>
                  </a:cxn>
                  <a:cxn ang="T120">
                    <a:pos x="T52" y="T53"/>
                  </a:cxn>
                  <a:cxn ang="T121">
                    <a:pos x="T54" y="T55"/>
                  </a:cxn>
                  <a:cxn ang="T122">
                    <a:pos x="T56" y="T57"/>
                  </a:cxn>
                  <a:cxn ang="T123">
                    <a:pos x="T58" y="T59"/>
                  </a:cxn>
                  <a:cxn ang="T124">
                    <a:pos x="T60" y="T61"/>
                  </a:cxn>
                  <a:cxn ang="T125">
                    <a:pos x="T62" y="T63"/>
                  </a:cxn>
                  <a:cxn ang="T126">
                    <a:pos x="T64" y="T65"/>
                  </a:cxn>
                  <a:cxn ang="T127">
                    <a:pos x="T66" y="T67"/>
                  </a:cxn>
                  <a:cxn ang="T128">
                    <a:pos x="T68" y="T69"/>
                  </a:cxn>
                  <a:cxn ang="T129">
                    <a:pos x="T70" y="T71"/>
                  </a:cxn>
                  <a:cxn ang="T130">
                    <a:pos x="T72" y="T73"/>
                  </a:cxn>
                  <a:cxn ang="T131">
                    <a:pos x="T74" y="T75"/>
                  </a:cxn>
                  <a:cxn ang="T132">
                    <a:pos x="T76" y="T77"/>
                  </a:cxn>
                  <a:cxn ang="T133">
                    <a:pos x="T78" y="T79"/>
                  </a:cxn>
                  <a:cxn ang="T134">
                    <a:pos x="T80" y="T81"/>
                  </a:cxn>
                  <a:cxn ang="T135">
                    <a:pos x="T82" y="T83"/>
                  </a:cxn>
                  <a:cxn ang="T136">
                    <a:pos x="T84" y="T85"/>
                  </a:cxn>
                  <a:cxn ang="T137">
                    <a:pos x="T86" y="T87"/>
                  </a:cxn>
                  <a:cxn ang="T138">
                    <a:pos x="T88" y="T89"/>
                  </a:cxn>
                  <a:cxn ang="T139">
                    <a:pos x="T90" y="T91"/>
                  </a:cxn>
                  <a:cxn ang="T140">
                    <a:pos x="T92" y="T93"/>
                  </a:cxn>
                </a:cxnLst>
                <a:rect l="T141" t="T142" r="T143" b="T144"/>
                <a:pathLst>
                  <a:path w="342" h="246">
                    <a:moveTo>
                      <a:pt x="24" y="162"/>
                    </a:moveTo>
                    <a:lnTo>
                      <a:pt x="0" y="150"/>
                    </a:lnTo>
                    <a:lnTo>
                      <a:pt x="6" y="126"/>
                    </a:lnTo>
                    <a:lnTo>
                      <a:pt x="6" y="144"/>
                    </a:lnTo>
                    <a:lnTo>
                      <a:pt x="18" y="126"/>
                    </a:lnTo>
                    <a:lnTo>
                      <a:pt x="6" y="126"/>
                    </a:lnTo>
                    <a:lnTo>
                      <a:pt x="12" y="108"/>
                    </a:lnTo>
                    <a:lnTo>
                      <a:pt x="12" y="54"/>
                    </a:lnTo>
                    <a:lnTo>
                      <a:pt x="6" y="36"/>
                    </a:lnTo>
                    <a:lnTo>
                      <a:pt x="12" y="12"/>
                    </a:lnTo>
                    <a:lnTo>
                      <a:pt x="42" y="36"/>
                    </a:lnTo>
                    <a:lnTo>
                      <a:pt x="72" y="48"/>
                    </a:lnTo>
                    <a:lnTo>
                      <a:pt x="84" y="60"/>
                    </a:lnTo>
                    <a:lnTo>
                      <a:pt x="84" y="54"/>
                    </a:lnTo>
                    <a:lnTo>
                      <a:pt x="90" y="60"/>
                    </a:lnTo>
                    <a:lnTo>
                      <a:pt x="90" y="72"/>
                    </a:lnTo>
                    <a:lnTo>
                      <a:pt x="78" y="72"/>
                    </a:lnTo>
                    <a:lnTo>
                      <a:pt x="60" y="96"/>
                    </a:lnTo>
                    <a:lnTo>
                      <a:pt x="90" y="72"/>
                    </a:lnTo>
                    <a:lnTo>
                      <a:pt x="90" y="66"/>
                    </a:lnTo>
                    <a:lnTo>
                      <a:pt x="96" y="72"/>
                    </a:lnTo>
                    <a:lnTo>
                      <a:pt x="96" y="78"/>
                    </a:lnTo>
                    <a:lnTo>
                      <a:pt x="84" y="84"/>
                    </a:lnTo>
                    <a:lnTo>
                      <a:pt x="90" y="96"/>
                    </a:lnTo>
                    <a:lnTo>
                      <a:pt x="84" y="108"/>
                    </a:lnTo>
                    <a:lnTo>
                      <a:pt x="84" y="102"/>
                    </a:lnTo>
                    <a:lnTo>
                      <a:pt x="72" y="114"/>
                    </a:lnTo>
                    <a:lnTo>
                      <a:pt x="72" y="96"/>
                    </a:lnTo>
                    <a:lnTo>
                      <a:pt x="60" y="108"/>
                    </a:lnTo>
                    <a:lnTo>
                      <a:pt x="66" y="120"/>
                    </a:lnTo>
                    <a:lnTo>
                      <a:pt x="96" y="108"/>
                    </a:lnTo>
                    <a:lnTo>
                      <a:pt x="96" y="84"/>
                    </a:lnTo>
                    <a:lnTo>
                      <a:pt x="108" y="66"/>
                    </a:lnTo>
                    <a:lnTo>
                      <a:pt x="96" y="36"/>
                    </a:lnTo>
                    <a:lnTo>
                      <a:pt x="108" y="30"/>
                    </a:lnTo>
                    <a:lnTo>
                      <a:pt x="102" y="0"/>
                    </a:lnTo>
                    <a:lnTo>
                      <a:pt x="342" y="60"/>
                    </a:lnTo>
                    <a:lnTo>
                      <a:pt x="300" y="246"/>
                    </a:lnTo>
                    <a:lnTo>
                      <a:pt x="216" y="228"/>
                    </a:lnTo>
                    <a:lnTo>
                      <a:pt x="114" y="228"/>
                    </a:lnTo>
                    <a:lnTo>
                      <a:pt x="84" y="210"/>
                    </a:lnTo>
                    <a:lnTo>
                      <a:pt x="60" y="216"/>
                    </a:lnTo>
                    <a:lnTo>
                      <a:pt x="42" y="204"/>
                    </a:lnTo>
                    <a:lnTo>
                      <a:pt x="42" y="174"/>
                    </a:lnTo>
                    <a:lnTo>
                      <a:pt x="24" y="162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19" name="Freeform 247"/>
              <p:cNvSpPr>
                <a:spLocks noChangeAspect="1"/>
              </p:cNvSpPr>
              <p:nvPr/>
            </p:nvSpPr>
            <p:spPr bwMode="auto">
              <a:xfrm>
                <a:off x="3424" y="976"/>
                <a:ext cx="261" cy="167"/>
              </a:xfrm>
              <a:custGeom>
                <a:avLst/>
                <a:gdLst>
                  <a:gd name="T0" fmla="*/ 11 w 342"/>
                  <a:gd name="T1" fmla="*/ 51 h 246"/>
                  <a:gd name="T2" fmla="*/ 0 w 342"/>
                  <a:gd name="T3" fmla="*/ 47 h 246"/>
                  <a:gd name="T4" fmla="*/ 3 w 342"/>
                  <a:gd name="T5" fmla="*/ 39 h 246"/>
                  <a:gd name="T6" fmla="*/ 3 w 342"/>
                  <a:gd name="T7" fmla="*/ 45 h 246"/>
                  <a:gd name="T8" fmla="*/ 8 w 342"/>
                  <a:gd name="T9" fmla="*/ 39 h 246"/>
                  <a:gd name="T10" fmla="*/ 3 w 342"/>
                  <a:gd name="T11" fmla="*/ 39 h 246"/>
                  <a:gd name="T12" fmla="*/ 5 w 342"/>
                  <a:gd name="T13" fmla="*/ 34 h 246"/>
                  <a:gd name="T14" fmla="*/ 11 w 342"/>
                  <a:gd name="T15" fmla="*/ 34 h 246"/>
                  <a:gd name="T16" fmla="*/ 5 w 342"/>
                  <a:gd name="T17" fmla="*/ 34 h 246"/>
                  <a:gd name="T18" fmla="*/ 5 w 342"/>
                  <a:gd name="T19" fmla="*/ 17 h 246"/>
                  <a:gd name="T20" fmla="*/ 3 w 342"/>
                  <a:gd name="T21" fmla="*/ 11 h 246"/>
                  <a:gd name="T22" fmla="*/ 5 w 342"/>
                  <a:gd name="T23" fmla="*/ 3 h 246"/>
                  <a:gd name="T24" fmla="*/ 18 w 342"/>
                  <a:gd name="T25" fmla="*/ 11 h 246"/>
                  <a:gd name="T26" fmla="*/ 32 w 342"/>
                  <a:gd name="T27" fmla="*/ 15 h 246"/>
                  <a:gd name="T28" fmla="*/ 37 w 342"/>
                  <a:gd name="T29" fmla="*/ 19 h 246"/>
                  <a:gd name="T30" fmla="*/ 37 w 342"/>
                  <a:gd name="T31" fmla="*/ 17 h 246"/>
                  <a:gd name="T32" fmla="*/ 40 w 342"/>
                  <a:gd name="T33" fmla="*/ 19 h 246"/>
                  <a:gd name="T34" fmla="*/ 40 w 342"/>
                  <a:gd name="T35" fmla="*/ 22 h 246"/>
                  <a:gd name="T36" fmla="*/ 35 w 342"/>
                  <a:gd name="T37" fmla="*/ 22 h 246"/>
                  <a:gd name="T38" fmla="*/ 27 w 342"/>
                  <a:gd name="T39" fmla="*/ 30 h 246"/>
                  <a:gd name="T40" fmla="*/ 32 w 342"/>
                  <a:gd name="T41" fmla="*/ 30 h 246"/>
                  <a:gd name="T42" fmla="*/ 27 w 342"/>
                  <a:gd name="T43" fmla="*/ 30 h 246"/>
                  <a:gd name="T44" fmla="*/ 40 w 342"/>
                  <a:gd name="T45" fmla="*/ 22 h 246"/>
                  <a:gd name="T46" fmla="*/ 40 w 342"/>
                  <a:gd name="T47" fmla="*/ 21 h 246"/>
                  <a:gd name="T48" fmla="*/ 43 w 342"/>
                  <a:gd name="T49" fmla="*/ 22 h 246"/>
                  <a:gd name="T50" fmla="*/ 43 w 342"/>
                  <a:gd name="T51" fmla="*/ 24 h 246"/>
                  <a:gd name="T52" fmla="*/ 37 w 342"/>
                  <a:gd name="T53" fmla="*/ 26 h 246"/>
                  <a:gd name="T54" fmla="*/ 40 w 342"/>
                  <a:gd name="T55" fmla="*/ 30 h 246"/>
                  <a:gd name="T56" fmla="*/ 37 w 342"/>
                  <a:gd name="T57" fmla="*/ 34 h 246"/>
                  <a:gd name="T58" fmla="*/ 37 w 342"/>
                  <a:gd name="T59" fmla="*/ 32 h 246"/>
                  <a:gd name="T60" fmla="*/ 32 w 342"/>
                  <a:gd name="T61" fmla="*/ 35 h 246"/>
                  <a:gd name="T62" fmla="*/ 32 w 342"/>
                  <a:gd name="T63" fmla="*/ 30 h 246"/>
                  <a:gd name="T64" fmla="*/ 27 w 342"/>
                  <a:gd name="T65" fmla="*/ 34 h 246"/>
                  <a:gd name="T66" fmla="*/ 29 w 342"/>
                  <a:gd name="T67" fmla="*/ 37 h 246"/>
                  <a:gd name="T68" fmla="*/ 43 w 342"/>
                  <a:gd name="T69" fmla="*/ 34 h 246"/>
                  <a:gd name="T70" fmla="*/ 43 w 342"/>
                  <a:gd name="T71" fmla="*/ 26 h 246"/>
                  <a:gd name="T72" fmla="*/ 48 w 342"/>
                  <a:gd name="T73" fmla="*/ 21 h 246"/>
                  <a:gd name="T74" fmla="*/ 43 w 342"/>
                  <a:gd name="T75" fmla="*/ 11 h 246"/>
                  <a:gd name="T76" fmla="*/ 48 w 342"/>
                  <a:gd name="T77" fmla="*/ 10 h 246"/>
                  <a:gd name="T78" fmla="*/ 46 w 342"/>
                  <a:gd name="T79" fmla="*/ 0 h 246"/>
                  <a:gd name="T80" fmla="*/ 152 w 342"/>
                  <a:gd name="T81" fmla="*/ 19 h 246"/>
                  <a:gd name="T82" fmla="*/ 134 w 342"/>
                  <a:gd name="T83" fmla="*/ 77 h 246"/>
                  <a:gd name="T84" fmla="*/ 96 w 342"/>
                  <a:gd name="T85" fmla="*/ 71 h 246"/>
                  <a:gd name="T86" fmla="*/ 50 w 342"/>
                  <a:gd name="T87" fmla="*/ 71 h 246"/>
                  <a:gd name="T88" fmla="*/ 37 w 342"/>
                  <a:gd name="T89" fmla="*/ 66 h 246"/>
                  <a:gd name="T90" fmla="*/ 27 w 342"/>
                  <a:gd name="T91" fmla="*/ 68 h 246"/>
                  <a:gd name="T92" fmla="*/ 18 w 342"/>
                  <a:gd name="T93" fmla="*/ 64 h 246"/>
                  <a:gd name="T94" fmla="*/ 18 w 342"/>
                  <a:gd name="T95" fmla="*/ 54 h 246"/>
                  <a:gd name="T96" fmla="*/ 11 w 342"/>
                  <a:gd name="T97" fmla="*/ 51 h 246"/>
                  <a:gd name="T98" fmla="*/ 11 w 342"/>
                  <a:gd name="T99" fmla="*/ 52 h 24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w 342"/>
                  <a:gd name="T151" fmla="*/ 0 h 246"/>
                  <a:gd name="T152" fmla="*/ 342 w 342"/>
                  <a:gd name="T153" fmla="*/ 246 h 246"/>
                </a:gdLst>
                <a:ahLst/>
                <a:cxnLst>
                  <a:cxn ang="T100">
                    <a:pos x="T0" y="T1"/>
                  </a:cxn>
                  <a:cxn ang="T101">
                    <a:pos x="T2" y="T3"/>
                  </a:cxn>
                  <a:cxn ang="T102">
                    <a:pos x="T4" y="T5"/>
                  </a:cxn>
                  <a:cxn ang="T103">
                    <a:pos x="T6" y="T7"/>
                  </a:cxn>
                  <a:cxn ang="T104">
                    <a:pos x="T8" y="T9"/>
                  </a:cxn>
                  <a:cxn ang="T105">
                    <a:pos x="T10" y="T11"/>
                  </a:cxn>
                  <a:cxn ang="T106">
                    <a:pos x="T12" y="T13"/>
                  </a:cxn>
                  <a:cxn ang="T107">
                    <a:pos x="T14" y="T15"/>
                  </a:cxn>
                  <a:cxn ang="T108">
                    <a:pos x="T16" y="T17"/>
                  </a:cxn>
                  <a:cxn ang="T109">
                    <a:pos x="T18" y="T19"/>
                  </a:cxn>
                  <a:cxn ang="T110">
                    <a:pos x="T20" y="T21"/>
                  </a:cxn>
                  <a:cxn ang="T111">
                    <a:pos x="T22" y="T23"/>
                  </a:cxn>
                  <a:cxn ang="T112">
                    <a:pos x="T24" y="T25"/>
                  </a:cxn>
                  <a:cxn ang="T113">
                    <a:pos x="T26" y="T27"/>
                  </a:cxn>
                  <a:cxn ang="T114">
                    <a:pos x="T28" y="T29"/>
                  </a:cxn>
                  <a:cxn ang="T115">
                    <a:pos x="T30" y="T31"/>
                  </a:cxn>
                  <a:cxn ang="T116">
                    <a:pos x="T32" y="T33"/>
                  </a:cxn>
                  <a:cxn ang="T117">
                    <a:pos x="T34" y="T35"/>
                  </a:cxn>
                  <a:cxn ang="T118">
                    <a:pos x="T36" y="T37"/>
                  </a:cxn>
                  <a:cxn ang="T119">
                    <a:pos x="T38" y="T39"/>
                  </a:cxn>
                  <a:cxn ang="T120">
                    <a:pos x="T40" y="T41"/>
                  </a:cxn>
                  <a:cxn ang="T121">
                    <a:pos x="T42" y="T43"/>
                  </a:cxn>
                  <a:cxn ang="T122">
                    <a:pos x="T44" y="T45"/>
                  </a:cxn>
                  <a:cxn ang="T123">
                    <a:pos x="T46" y="T47"/>
                  </a:cxn>
                  <a:cxn ang="T124">
                    <a:pos x="T48" y="T49"/>
                  </a:cxn>
                  <a:cxn ang="T125">
                    <a:pos x="T50" y="T51"/>
                  </a:cxn>
                  <a:cxn ang="T126">
                    <a:pos x="T52" y="T53"/>
                  </a:cxn>
                  <a:cxn ang="T127">
                    <a:pos x="T54" y="T55"/>
                  </a:cxn>
                  <a:cxn ang="T128">
                    <a:pos x="T56" y="T57"/>
                  </a:cxn>
                  <a:cxn ang="T129">
                    <a:pos x="T58" y="T59"/>
                  </a:cxn>
                  <a:cxn ang="T130">
                    <a:pos x="T60" y="T61"/>
                  </a:cxn>
                  <a:cxn ang="T131">
                    <a:pos x="T62" y="T63"/>
                  </a:cxn>
                  <a:cxn ang="T132">
                    <a:pos x="T64" y="T65"/>
                  </a:cxn>
                  <a:cxn ang="T133">
                    <a:pos x="T66" y="T67"/>
                  </a:cxn>
                  <a:cxn ang="T134">
                    <a:pos x="T68" y="T69"/>
                  </a:cxn>
                  <a:cxn ang="T135">
                    <a:pos x="T70" y="T71"/>
                  </a:cxn>
                  <a:cxn ang="T136">
                    <a:pos x="T72" y="T73"/>
                  </a:cxn>
                  <a:cxn ang="T137">
                    <a:pos x="T74" y="T75"/>
                  </a:cxn>
                  <a:cxn ang="T138">
                    <a:pos x="T76" y="T77"/>
                  </a:cxn>
                  <a:cxn ang="T139">
                    <a:pos x="T78" y="T79"/>
                  </a:cxn>
                  <a:cxn ang="T140">
                    <a:pos x="T80" y="T81"/>
                  </a:cxn>
                  <a:cxn ang="T141">
                    <a:pos x="T82" y="T83"/>
                  </a:cxn>
                  <a:cxn ang="T142">
                    <a:pos x="T84" y="T85"/>
                  </a:cxn>
                  <a:cxn ang="T143">
                    <a:pos x="T86" y="T87"/>
                  </a:cxn>
                  <a:cxn ang="T144">
                    <a:pos x="T88" y="T89"/>
                  </a:cxn>
                  <a:cxn ang="T145">
                    <a:pos x="T90" y="T91"/>
                  </a:cxn>
                  <a:cxn ang="T146">
                    <a:pos x="T92" y="T93"/>
                  </a:cxn>
                  <a:cxn ang="T147">
                    <a:pos x="T94" y="T95"/>
                  </a:cxn>
                  <a:cxn ang="T148">
                    <a:pos x="T96" y="T97"/>
                  </a:cxn>
                  <a:cxn ang="T149">
                    <a:pos x="T98" y="T99"/>
                  </a:cxn>
                </a:cxnLst>
                <a:rect l="T150" t="T151" r="T152" b="T153"/>
                <a:pathLst>
                  <a:path w="342" h="246">
                    <a:moveTo>
                      <a:pt x="24" y="162"/>
                    </a:moveTo>
                    <a:lnTo>
                      <a:pt x="0" y="150"/>
                    </a:lnTo>
                    <a:lnTo>
                      <a:pt x="6" y="126"/>
                    </a:lnTo>
                    <a:lnTo>
                      <a:pt x="6" y="144"/>
                    </a:lnTo>
                    <a:lnTo>
                      <a:pt x="18" y="126"/>
                    </a:lnTo>
                    <a:lnTo>
                      <a:pt x="6" y="126"/>
                    </a:lnTo>
                    <a:lnTo>
                      <a:pt x="12" y="108"/>
                    </a:lnTo>
                    <a:lnTo>
                      <a:pt x="24" y="108"/>
                    </a:lnTo>
                    <a:lnTo>
                      <a:pt x="12" y="108"/>
                    </a:lnTo>
                    <a:lnTo>
                      <a:pt x="12" y="54"/>
                    </a:lnTo>
                    <a:lnTo>
                      <a:pt x="6" y="36"/>
                    </a:lnTo>
                    <a:lnTo>
                      <a:pt x="12" y="12"/>
                    </a:lnTo>
                    <a:lnTo>
                      <a:pt x="42" y="36"/>
                    </a:lnTo>
                    <a:lnTo>
                      <a:pt x="72" y="48"/>
                    </a:lnTo>
                    <a:lnTo>
                      <a:pt x="84" y="60"/>
                    </a:lnTo>
                    <a:lnTo>
                      <a:pt x="84" y="54"/>
                    </a:lnTo>
                    <a:lnTo>
                      <a:pt x="90" y="60"/>
                    </a:lnTo>
                    <a:lnTo>
                      <a:pt x="90" y="72"/>
                    </a:lnTo>
                    <a:lnTo>
                      <a:pt x="78" y="72"/>
                    </a:lnTo>
                    <a:lnTo>
                      <a:pt x="60" y="96"/>
                    </a:lnTo>
                    <a:lnTo>
                      <a:pt x="72" y="96"/>
                    </a:lnTo>
                    <a:lnTo>
                      <a:pt x="60" y="96"/>
                    </a:lnTo>
                    <a:lnTo>
                      <a:pt x="90" y="72"/>
                    </a:lnTo>
                    <a:lnTo>
                      <a:pt x="90" y="66"/>
                    </a:lnTo>
                    <a:lnTo>
                      <a:pt x="96" y="72"/>
                    </a:lnTo>
                    <a:lnTo>
                      <a:pt x="96" y="78"/>
                    </a:lnTo>
                    <a:lnTo>
                      <a:pt x="84" y="84"/>
                    </a:lnTo>
                    <a:lnTo>
                      <a:pt x="90" y="96"/>
                    </a:lnTo>
                    <a:lnTo>
                      <a:pt x="84" y="108"/>
                    </a:lnTo>
                    <a:lnTo>
                      <a:pt x="84" y="102"/>
                    </a:lnTo>
                    <a:lnTo>
                      <a:pt x="72" y="114"/>
                    </a:lnTo>
                    <a:lnTo>
                      <a:pt x="72" y="96"/>
                    </a:lnTo>
                    <a:lnTo>
                      <a:pt x="60" y="108"/>
                    </a:lnTo>
                    <a:lnTo>
                      <a:pt x="66" y="120"/>
                    </a:lnTo>
                    <a:lnTo>
                      <a:pt x="96" y="108"/>
                    </a:lnTo>
                    <a:lnTo>
                      <a:pt x="96" y="84"/>
                    </a:lnTo>
                    <a:lnTo>
                      <a:pt x="108" y="66"/>
                    </a:lnTo>
                    <a:lnTo>
                      <a:pt x="96" y="36"/>
                    </a:lnTo>
                    <a:lnTo>
                      <a:pt x="108" y="30"/>
                    </a:lnTo>
                    <a:lnTo>
                      <a:pt x="102" y="0"/>
                    </a:lnTo>
                    <a:lnTo>
                      <a:pt x="342" y="60"/>
                    </a:lnTo>
                    <a:lnTo>
                      <a:pt x="300" y="246"/>
                    </a:lnTo>
                    <a:lnTo>
                      <a:pt x="216" y="228"/>
                    </a:lnTo>
                    <a:lnTo>
                      <a:pt x="114" y="228"/>
                    </a:lnTo>
                    <a:lnTo>
                      <a:pt x="84" y="210"/>
                    </a:lnTo>
                    <a:lnTo>
                      <a:pt x="60" y="216"/>
                    </a:lnTo>
                    <a:lnTo>
                      <a:pt x="42" y="204"/>
                    </a:lnTo>
                    <a:lnTo>
                      <a:pt x="42" y="174"/>
                    </a:lnTo>
                    <a:lnTo>
                      <a:pt x="24" y="162"/>
                    </a:lnTo>
                    <a:lnTo>
                      <a:pt x="24" y="16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20" name="Freeform 248"/>
              <p:cNvSpPr>
                <a:spLocks noChangeAspect="1"/>
              </p:cNvSpPr>
              <p:nvPr/>
            </p:nvSpPr>
            <p:spPr bwMode="auto">
              <a:xfrm>
                <a:off x="4870" y="1408"/>
                <a:ext cx="174" cy="154"/>
              </a:xfrm>
              <a:custGeom>
                <a:avLst/>
                <a:gdLst>
                  <a:gd name="T0" fmla="*/ 61 w 228"/>
                  <a:gd name="T1" fmla="*/ 15 h 228"/>
                  <a:gd name="T2" fmla="*/ 64 w 228"/>
                  <a:gd name="T3" fmla="*/ 24 h 228"/>
                  <a:gd name="T4" fmla="*/ 78 w 228"/>
                  <a:gd name="T5" fmla="*/ 15 h 228"/>
                  <a:gd name="T6" fmla="*/ 85 w 228"/>
                  <a:gd name="T7" fmla="*/ 16 h 228"/>
                  <a:gd name="T8" fmla="*/ 91 w 228"/>
                  <a:gd name="T9" fmla="*/ 13 h 228"/>
                  <a:gd name="T10" fmla="*/ 98 w 228"/>
                  <a:gd name="T11" fmla="*/ 13 h 228"/>
                  <a:gd name="T12" fmla="*/ 102 w 228"/>
                  <a:gd name="T13" fmla="*/ 19 h 228"/>
                  <a:gd name="T14" fmla="*/ 102 w 228"/>
                  <a:gd name="T15" fmla="*/ 22 h 228"/>
                  <a:gd name="T16" fmla="*/ 88 w 228"/>
                  <a:gd name="T17" fmla="*/ 16 h 228"/>
                  <a:gd name="T18" fmla="*/ 88 w 228"/>
                  <a:gd name="T19" fmla="*/ 22 h 228"/>
                  <a:gd name="T20" fmla="*/ 80 w 228"/>
                  <a:gd name="T21" fmla="*/ 32 h 228"/>
                  <a:gd name="T22" fmla="*/ 75 w 228"/>
                  <a:gd name="T23" fmla="*/ 32 h 228"/>
                  <a:gd name="T24" fmla="*/ 73 w 228"/>
                  <a:gd name="T25" fmla="*/ 39 h 228"/>
                  <a:gd name="T26" fmla="*/ 64 w 228"/>
                  <a:gd name="T27" fmla="*/ 37 h 228"/>
                  <a:gd name="T28" fmla="*/ 53 w 228"/>
                  <a:gd name="T29" fmla="*/ 57 h 228"/>
                  <a:gd name="T30" fmla="*/ 56 w 228"/>
                  <a:gd name="T31" fmla="*/ 57 h 228"/>
                  <a:gd name="T32" fmla="*/ 53 w 228"/>
                  <a:gd name="T33" fmla="*/ 63 h 228"/>
                  <a:gd name="T34" fmla="*/ 27 w 228"/>
                  <a:gd name="T35" fmla="*/ 70 h 228"/>
                  <a:gd name="T36" fmla="*/ 21 w 228"/>
                  <a:gd name="T37" fmla="*/ 68 h 228"/>
                  <a:gd name="T38" fmla="*/ 18 w 228"/>
                  <a:gd name="T39" fmla="*/ 63 h 228"/>
                  <a:gd name="T40" fmla="*/ 5 w 228"/>
                  <a:gd name="T41" fmla="*/ 57 h 228"/>
                  <a:gd name="T42" fmla="*/ 0 w 228"/>
                  <a:gd name="T43" fmla="*/ 48 h 228"/>
                  <a:gd name="T44" fmla="*/ 8 w 228"/>
                  <a:gd name="T45" fmla="*/ 43 h 228"/>
                  <a:gd name="T46" fmla="*/ 11 w 228"/>
                  <a:gd name="T47" fmla="*/ 35 h 228"/>
                  <a:gd name="T48" fmla="*/ 16 w 228"/>
                  <a:gd name="T49" fmla="*/ 35 h 228"/>
                  <a:gd name="T50" fmla="*/ 16 w 228"/>
                  <a:gd name="T51" fmla="*/ 30 h 228"/>
                  <a:gd name="T52" fmla="*/ 32 w 228"/>
                  <a:gd name="T53" fmla="*/ 20 h 228"/>
                  <a:gd name="T54" fmla="*/ 35 w 228"/>
                  <a:gd name="T55" fmla="*/ 5 h 228"/>
                  <a:gd name="T56" fmla="*/ 32 w 228"/>
                  <a:gd name="T57" fmla="*/ 2 h 228"/>
                  <a:gd name="T58" fmla="*/ 35 w 228"/>
                  <a:gd name="T59" fmla="*/ 0 h 228"/>
                  <a:gd name="T60" fmla="*/ 40 w 228"/>
                  <a:gd name="T61" fmla="*/ 16 h 228"/>
                  <a:gd name="T62" fmla="*/ 56 w 228"/>
                  <a:gd name="T63" fmla="*/ 15 h 228"/>
                  <a:gd name="T64" fmla="*/ 61 w 228"/>
                  <a:gd name="T65" fmla="*/ 15 h 228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228"/>
                  <a:gd name="T100" fmla="*/ 0 h 228"/>
                  <a:gd name="T101" fmla="*/ 228 w 228"/>
                  <a:gd name="T102" fmla="*/ 228 h 228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228" h="228">
                    <a:moveTo>
                      <a:pt x="138" y="48"/>
                    </a:moveTo>
                    <a:lnTo>
                      <a:pt x="144" y="78"/>
                    </a:lnTo>
                    <a:lnTo>
                      <a:pt x="174" y="48"/>
                    </a:lnTo>
                    <a:lnTo>
                      <a:pt x="192" y="54"/>
                    </a:lnTo>
                    <a:lnTo>
                      <a:pt x="204" y="42"/>
                    </a:lnTo>
                    <a:lnTo>
                      <a:pt x="222" y="42"/>
                    </a:lnTo>
                    <a:lnTo>
                      <a:pt x="228" y="60"/>
                    </a:lnTo>
                    <a:lnTo>
                      <a:pt x="228" y="72"/>
                    </a:lnTo>
                    <a:lnTo>
                      <a:pt x="198" y="54"/>
                    </a:lnTo>
                    <a:lnTo>
                      <a:pt x="198" y="72"/>
                    </a:lnTo>
                    <a:lnTo>
                      <a:pt x="180" y="102"/>
                    </a:lnTo>
                    <a:lnTo>
                      <a:pt x="168" y="102"/>
                    </a:lnTo>
                    <a:lnTo>
                      <a:pt x="162" y="126"/>
                    </a:lnTo>
                    <a:lnTo>
                      <a:pt x="144" y="120"/>
                    </a:lnTo>
                    <a:lnTo>
                      <a:pt x="120" y="186"/>
                    </a:lnTo>
                    <a:lnTo>
                      <a:pt x="126" y="186"/>
                    </a:lnTo>
                    <a:lnTo>
                      <a:pt x="120" y="204"/>
                    </a:lnTo>
                    <a:lnTo>
                      <a:pt x="60" y="228"/>
                    </a:lnTo>
                    <a:lnTo>
                      <a:pt x="48" y="222"/>
                    </a:lnTo>
                    <a:lnTo>
                      <a:pt x="42" y="204"/>
                    </a:lnTo>
                    <a:lnTo>
                      <a:pt x="12" y="186"/>
                    </a:lnTo>
                    <a:lnTo>
                      <a:pt x="0" y="156"/>
                    </a:lnTo>
                    <a:lnTo>
                      <a:pt x="18" y="138"/>
                    </a:lnTo>
                    <a:lnTo>
                      <a:pt x="24" y="114"/>
                    </a:lnTo>
                    <a:lnTo>
                      <a:pt x="36" y="114"/>
                    </a:lnTo>
                    <a:lnTo>
                      <a:pt x="36" y="96"/>
                    </a:lnTo>
                    <a:lnTo>
                      <a:pt x="72" y="66"/>
                    </a:lnTo>
                    <a:lnTo>
                      <a:pt x="78" y="18"/>
                    </a:lnTo>
                    <a:lnTo>
                      <a:pt x="72" y="6"/>
                    </a:lnTo>
                    <a:lnTo>
                      <a:pt x="78" y="0"/>
                    </a:lnTo>
                    <a:lnTo>
                      <a:pt x="90" y="54"/>
                    </a:lnTo>
                    <a:lnTo>
                      <a:pt x="126" y="48"/>
                    </a:lnTo>
                    <a:lnTo>
                      <a:pt x="138" y="4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21" name="Freeform 249"/>
              <p:cNvSpPr>
                <a:spLocks noChangeAspect="1"/>
              </p:cNvSpPr>
              <p:nvPr/>
            </p:nvSpPr>
            <p:spPr bwMode="auto">
              <a:xfrm>
                <a:off x="4870" y="1408"/>
                <a:ext cx="174" cy="154"/>
              </a:xfrm>
              <a:custGeom>
                <a:avLst/>
                <a:gdLst>
                  <a:gd name="T0" fmla="*/ 61 w 228"/>
                  <a:gd name="T1" fmla="*/ 15 h 228"/>
                  <a:gd name="T2" fmla="*/ 64 w 228"/>
                  <a:gd name="T3" fmla="*/ 24 h 228"/>
                  <a:gd name="T4" fmla="*/ 78 w 228"/>
                  <a:gd name="T5" fmla="*/ 15 h 228"/>
                  <a:gd name="T6" fmla="*/ 85 w 228"/>
                  <a:gd name="T7" fmla="*/ 16 h 228"/>
                  <a:gd name="T8" fmla="*/ 91 w 228"/>
                  <a:gd name="T9" fmla="*/ 13 h 228"/>
                  <a:gd name="T10" fmla="*/ 98 w 228"/>
                  <a:gd name="T11" fmla="*/ 13 h 228"/>
                  <a:gd name="T12" fmla="*/ 102 w 228"/>
                  <a:gd name="T13" fmla="*/ 19 h 228"/>
                  <a:gd name="T14" fmla="*/ 102 w 228"/>
                  <a:gd name="T15" fmla="*/ 22 h 228"/>
                  <a:gd name="T16" fmla="*/ 88 w 228"/>
                  <a:gd name="T17" fmla="*/ 16 h 228"/>
                  <a:gd name="T18" fmla="*/ 88 w 228"/>
                  <a:gd name="T19" fmla="*/ 22 h 228"/>
                  <a:gd name="T20" fmla="*/ 80 w 228"/>
                  <a:gd name="T21" fmla="*/ 32 h 228"/>
                  <a:gd name="T22" fmla="*/ 75 w 228"/>
                  <a:gd name="T23" fmla="*/ 32 h 228"/>
                  <a:gd name="T24" fmla="*/ 73 w 228"/>
                  <a:gd name="T25" fmla="*/ 39 h 228"/>
                  <a:gd name="T26" fmla="*/ 64 w 228"/>
                  <a:gd name="T27" fmla="*/ 37 h 228"/>
                  <a:gd name="T28" fmla="*/ 53 w 228"/>
                  <a:gd name="T29" fmla="*/ 57 h 228"/>
                  <a:gd name="T30" fmla="*/ 56 w 228"/>
                  <a:gd name="T31" fmla="*/ 57 h 228"/>
                  <a:gd name="T32" fmla="*/ 53 w 228"/>
                  <a:gd name="T33" fmla="*/ 63 h 228"/>
                  <a:gd name="T34" fmla="*/ 27 w 228"/>
                  <a:gd name="T35" fmla="*/ 70 h 228"/>
                  <a:gd name="T36" fmla="*/ 21 w 228"/>
                  <a:gd name="T37" fmla="*/ 68 h 228"/>
                  <a:gd name="T38" fmla="*/ 18 w 228"/>
                  <a:gd name="T39" fmla="*/ 63 h 228"/>
                  <a:gd name="T40" fmla="*/ 5 w 228"/>
                  <a:gd name="T41" fmla="*/ 57 h 228"/>
                  <a:gd name="T42" fmla="*/ 0 w 228"/>
                  <a:gd name="T43" fmla="*/ 48 h 228"/>
                  <a:gd name="T44" fmla="*/ 8 w 228"/>
                  <a:gd name="T45" fmla="*/ 43 h 228"/>
                  <a:gd name="T46" fmla="*/ 11 w 228"/>
                  <a:gd name="T47" fmla="*/ 35 h 228"/>
                  <a:gd name="T48" fmla="*/ 16 w 228"/>
                  <a:gd name="T49" fmla="*/ 35 h 228"/>
                  <a:gd name="T50" fmla="*/ 16 w 228"/>
                  <a:gd name="T51" fmla="*/ 30 h 228"/>
                  <a:gd name="T52" fmla="*/ 32 w 228"/>
                  <a:gd name="T53" fmla="*/ 20 h 228"/>
                  <a:gd name="T54" fmla="*/ 35 w 228"/>
                  <a:gd name="T55" fmla="*/ 5 h 228"/>
                  <a:gd name="T56" fmla="*/ 32 w 228"/>
                  <a:gd name="T57" fmla="*/ 2 h 228"/>
                  <a:gd name="T58" fmla="*/ 35 w 228"/>
                  <a:gd name="T59" fmla="*/ 0 h 228"/>
                  <a:gd name="T60" fmla="*/ 40 w 228"/>
                  <a:gd name="T61" fmla="*/ 16 h 228"/>
                  <a:gd name="T62" fmla="*/ 56 w 228"/>
                  <a:gd name="T63" fmla="*/ 15 h 228"/>
                  <a:gd name="T64" fmla="*/ 61 w 228"/>
                  <a:gd name="T65" fmla="*/ 15 h 228"/>
                  <a:gd name="T66" fmla="*/ 61 w 228"/>
                  <a:gd name="T67" fmla="*/ 16 h 228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w 228"/>
                  <a:gd name="T103" fmla="*/ 0 h 228"/>
                  <a:gd name="T104" fmla="*/ 228 w 228"/>
                  <a:gd name="T105" fmla="*/ 228 h 228"/>
                </a:gdLst>
                <a:ahLst/>
                <a:cxnLst>
                  <a:cxn ang="T68">
                    <a:pos x="T0" y="T1"/>
                  </a:cxn>
                  <a:cxn ang="T69">
                    <a:pos x="T2" y="T3"/>
                  </a:cxn>
                  <a:cxn ang="T70">
                    <a:pos x="T4" y="T5"/>
                  </a:cxn>
                  <a:cxn ang="T71">
                    <a:pos x="T6" y="T7"/>
                  </a:cxn>
                  <a:cxn ang="T72">
                    <a:pos x="T8" y="T9"/>
                  </a:cxn>
                  <a:cxn ang="T73">
                    <a:pos x="T10" y="T11"/>
                  </a:cxn>
                  <a:cxn ang="T74">
                    <a:pos x="T12" y="T13"/>
                  </a:cxn>
                  <a:cxn ang="T75">
                    <a:pos x="T14" y="T15"/>
                  </a:cxn>
                  <a:cxn ang="T76">
                    <a:pos x="T16" y="T17"/>
                  </a:cxn>
                  <a:cxn ang="T77">
                    <a:pos x="T18" y="T19"/>
                  </a:cxn>
                  <a:cxn ang="T78">
                    <a:pos x="T20" y="T21"/>
                  </a:cxn>
                  <a:cxn ang="T79">
                    <a:pos x="T22" y="T23"/>
                  </a:cxn>
                  <a:cxn ang="T80">
                    <a:pos x="T24" y="T25"/>
                  </a:cxn>
                  <a:cxn ang="T81">
                    <a:pos x="T26" y="T27"/>
                  </a:cxn>
                  <a:cxn ang="T82">
                    <a:pos x="T28" y="T29"/>
                  </a:cxn>
                  <a:cxn ang="T83">
                    <a:pos x="T30" y="T31"/>
                  </a:cxn>
                  <a:cxn ang="T84">
                    <a:pos x="T32" y="T33"/>
                  </a:cxn>
                  <a:cxn ang="T85">
                    <a:pos x="T34" y="T35"/>
                  </a:cxn>
                  <a:cxn ang="T86">
                    <a:pos x="T36" y="T37"/>
                  </a:cxn>
                  <a:cxn ang="T87">
                    <a:pos x="T38" y="T39"/>
                  </a:cxn>
                  <a:cxn ang="T88">
                    <a:pos x="T40" y="T41"/>
                  </a:cxn>
                  <a:cxn ang="T89">
                    <a:pos x="T42" y="T43"/>
                  </a:cxn>
                  <a:cxn ang="T90">
                    <a:pos x="T44" y="T45"/>
                  </a:cxn>
                  <a:cxn ang="T91">
                    <a:pos x="T46" y="T47"/>
                  </a:cxn>
                  <a:cxn ang="T92">
                    <a:pos x="T48" y="T49"/>
                  </a:cxn>
                  <a:cxn ang="T93">
                    <a:pos x="T50" y="T51"/>
                  </a:cxn>
                  <a:cxn ang="T94">
                    <a:pos x="T52" y="T53"/>
                  </a:cxn>
                  <a:cxn ang="T95">
                    <a:pos x="T54" y="T55"/>
                  </a:cxn>
                  <a:cxn ang="T96">
                    <a:pos x="T56" y="T57"/>
                  </a:cxn>
                  <a:cxn ang="T97">
                    <a:pos x="T58" y="T59"/>
                  </a:cxn>
                  <a:cxn ang="T98">
                    <a:pos x="T60" y="T61"/>
                  </a:cxn>
                  <a:cxn ang="T99">
                    <a:pos x="T62" y="T63"/>
                  </a:cxn>
                  <a:cxn ang="T100">
                    <a:pos x="T64" y="T65"/>
                  </a:cxn>
                  <a:cxn ang="T101">
                    <a:pos x="T66" y="T67"/>
                  </a:cxn>
                </a:cxnLst>
                <a:rect l="T102" t="T103" r="T104" b="T105"/>
                <a:pathLst>
                  <a:path w="228" h="228">
                    <a:moveTo>
                      <a:pt x="138" y="48"/>
                    </a:moveTo>
                    <a:lnTo>
                      <a:pt x="144" y="78"/>
                    </a:lnTo>
                    <a:lnTo>
                      <a:pt x="174" y="48"/>
                    </a:lnTo>
                    <a:lnTo>
                      <a:pt x="192" y="54"/>
                    </a:lnTo>
                    <a:lnTo>
                      <a:pt x="204" y="42"/>
                    </a:lnTo>
                    <a:lnTo>
                      <a:pt x="222" y="42"/>
                    </a:lnTo>
                    <a:lnTo>
                      <a:pt x="228" y="60"/>
                    </a:lnTo>
                    <a:lnTo>
                      <a:pt x="228" y="72"/>
                    </a:lnTo>
                    <a:lnTo>
                      <a:pt x="198" y="54"/>
                    </a:lnTo>
                    <a:lnTo>
                      <a:pt x="198" y="72"/>
                    </a:lnTo>
                    <a:lnTo>
                      <a:pt x="180" y="102"/>
                    </a:lnTo>
                    <a:lnTo>
                      <a:pt x="168" y="102"/>
                    </a:lnTo>
                    <a:lnTo>
                      <a:pt x="162" y="126"/>
                    </a:lnTo>
                    <a:lnTo>
                      <a:pt x="144" y="120"/>
                    </a:lnTo>
                    <a:lnTo>
                      <a:pt x="120" y="186"/>
                    </a:lnTo>
                    <a:lnTo>
                      <a:pt x="126" y="186"/>
                    </a:lnTo>
                    <a:lnTo>
                      <a:pt x="120" y="204"/>
                    </a:lnTo>
                    <a:lnTo>
                      <a:pt x="60" y="228"/>
                    </a:lnTo>
                    <a:lnTo>
                      <a:pt x="48" y="222"/>
                    </a:lnTo>
                    <a:lnTo>
                      <a:pt x="42" y="204"/>
                    </a:lnTo>
                    <a:lnTo>
                      <a:pt x="12" y="186"/>
                    </a:lnTo>
                    <a:lnTo>
                      <a:pt x="0" y="156"/>
                    </a:lnTo>
                    <a:lnTo>
                      <a:pt x="18" y="138"/>
                    </a:lnTo>
                    <a:lnTo>
                      <a:pt x="24" y="114"/>
                    </a:lnTo>
                    <a:lnTo>
                      <a:pt x="36" y="114"/>
                    </a:lnTo>
                    <a:lnTo>
                      <a:pt x="36" y="96"/>
                    </a:lnTo>
                    <a:lnTo>
                      <a:pt x="72" y="66"/>
                    </a:lnTo>
                    <a:lnTo>
                      <a:pt x="78" y="18"/>
                    </a:lnTo>
                    <a:lnTo>
                      <a:pt x="72" y="6"/>
                    </a:lnTo>
                    <a:lnTo>
                      <a:pt x="78" y="0"/>
                    </a:lnTo>
                    <a:lnTo>
                      <a:pt x="90" y="54"/>
                    </a:lnTo>
                    <a:lnTo>
                      <a:pt x="126" y="48"/>
                    </a:lnTo>
                    <a:lnTo>
                      <a:pt x="138" y="48"/>
                    </a:lnTo>
                    <a:lnTo>
                      <a:pt x="138" y="5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22" name="Freeform 250"/>
              <p:cNvSpPr>
                <a:spLocks noChangeAspect="1"/>
              </p:cNvSpPr>
              <p:nvPr/>
            </p:nvSpPr>
            <p:spPr bwMode="auto">
              <a:xfrm>
                <a:off x="4468" y="1171"/>
                <a:ext cx="205" cy="192"/>
              </a:xfrm>
              <a:custGeom>
                <a:avLst/>
                <a:gdLst>
                  <a:gd name="T0" fmla="*/ 50 w 270"/>
                  <a:gd name="T1" fmla="*/ 89 h 282"/>
                  <a:gd name="T2" fmla="*/ 42 w 270"/>
                  <a:gd name="T3" fmla="*/ 84 h 282"/>
                  <a:gd name="T4" fmla="*/ 39 w 270"/>
                  <a:gd name="T5" fmla="*/ 78 h 282"/>
                  <a:gd name="T6" fmla="*/ 42 w 270"/>
                  <a:gd name="T7" fmla="*/ 74 h 282"/>
                  <a:gd name="T8" fmla="*/ 37 w 270"/>
                  <a:gd name="T9" fmla="*/ 68 h 282"/>
                  <a:gd name="T10" fmla="*/ 34 w 270"/>
                  <a:gd name="T11" fmla="*/ 59 h 282"/>
                  <a:gd name="T12" fmla="*/ 5 w 270"/>
                  <a:gd name="T13" fmla="*/ 44 h 282"/>
                  <a:gd name="T14" fmla="*/ 5 w 270"/>
                  <a:gd name="T15" fmla="*/ 30 h 282"/>
                  <a:gd name="T16" fmla="*/ 0 w 270"/>
                  <a:gd name="T17" fmla="*/ 27 h 282"/>
                  <a:gd name="T18" fmla="*/ 5 w 270"/>
                  <a:gd name="T19" fmla="*/ 21 h 282"/>
                  <a:gd name="T20" fmla="*/ 13 w 270"/>
                  <a:gd name="T21" fmla="*/ 17 h 282"/>
                  <a:gd name="T22" fmla="*/ 13 w 270"/>
                  <a:gd name="T23" fmla="*/ 5 h 282"/>
                  <a:gd name="T24" fmla="*/ 15 w 270"/>
                  <a:gd name="T25" fmla="*/ 3 h 282"/>
                  <a:gd name="T26" fmla="*/ 20 w 270"/>
                  <a:gd name="T27" fmla="*/ 5 h 282"/>
                  <a:gd name="T28" fmla="*/ 39 w 270"/>
                  <a:gd name="T29" fmla="*/ 0 h 282"/>
                  <a:gd name="T30" fmla="*/ 39 w 270"/>
                  <a:gd name="T31" fmla="*/ 5 h 282"/>
                  <a:gd name="T32" fmla="*/ 50 w 270"/>
                  <a:gd name="T33" fmla="*/ 7 h 282"/>
                  <a:gd name="T34" fmla="*/ 55 w 270"/>
                  <a:gd name="T35" fmla="*/ 12 h 282"/>
                  <a:gd name="T36" fmla="*/ 95 w 270"/>
                  <a:gd name="T37" fmla="*/ 17 h 282"/>
                  <a:gd name="T38" fmla="*/ 103 w 270"/>
                  <a:gd name="T39" fmla="*/ 21 h 282"/>
                  <a:gd name="T40" fmla="*/ 99 w 270"/>
                  <a:gd name="T41" fmla="*/ 29 h 282"/>
                  <a:gd name="T42" fmla="*/ 105 w 270"/>
                  <a:gd name="T43" fmla="*/ 29 h 282"/>
                  <a:gd name="T44" fmla="*/ 103 w 270"/>
                  <a:gd name="T45" fmla="*/ 32 h 282"/>
                  <a:gd name="T46" fmla="*/ 108 w 270"/>
                  <a:gd name="T47" fmla="*/ 32 h 282"/>
                  <a:gd name="T48" fmla="*/ 99 w 270"/>
                  <a:gd name="T49" fmla="*/ 42 h 282"/>
                  <a:gd name="T50" fmla="*/ 103 w 270"/>
                  <a:gd name="T51" fmla="*/ 46 h 282"/>
                  <a:gd name="T52" fmla="*/ 118 w 270"/>
                  <a:gd name="T53" fmla="*/ 29 h 282"/>
                  <a:gd name="T54" fmla="*/ 108 w 270"/>
                  <a:gd name="T55" fmla="*/ 54 h 282"/>
                  <a:gd name="T56" fmla="*/ 105 w 270"/>
                  <a:gd name="T57" fmla="*/ 70 h 282"/>
                  <a:gd name="T58" fmla="*/ 110 w 270"/>
                  <a:gd name="T59" fmla="*/ 85 h 282"/>
                  <a:gd name="T60" fmla="*/ 55 w 270"/>
                  <a:gd name="T61" fmla="*/ 87 h 282"/>
                  <a:gd name="T62" fmla="*/ 50 w 270"/>
                  <a:gd name="T63" fmla="*/ 89 h 282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270"/>
                  <a:gd name="T97" fmla="*/ 0 h 282"/>
                  <a:gd name="T98" fmla="*/ 270 w 270"/>
                  <a:gd name="T99" fmla="*/ 282 h 282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270" h="282">
                    <a:moveTo>
                      <a:pt x="114" y="282"/>
                    </a:moveTo>
                    <a:lnTo>
                      <a:pt x="96" y="264"/>
                    </a:lnTo>
                    <a:lnTo>
                      <a:pt x="90" y="246"/>
                    </a:lnTo>
                    <a:lnTo>
                      <a:pt x="96" y="234"/>
                    </a:lnTo>
                    <a:lnTo>
                      <a:pt x="84" y="216"/>
                    </a:lnTo>
                    <a:lnTo>
                      <a:pt x="78" y="186"/>
                    </a:lnTo>
                    <a:lnTo>
                      <a:pt x="12" y="138"/>
                    </a:lnTo>
                    <a:lnTo>
                      <a:pt x="12" y="96"/>
                    </a:lnTo>
                    <a:lnTo>
                      <a:pt x="0" y="84"/>
                    </a:lnTo>
                    <a:lnTo>
                      <a:pt x="12" y="66"/>
                    </a:lnTo>
                    <a:lnTo>
                      <a:pt x="30" y="54"/>
                    </a:lnTo>
                    <a:lnTo>
                      <a:pt x="30" y="18"/>
                    </a:lnTo>
                    <a:lnTo>
                      <a:pt x="36" y="12"/>
                    </a:lnTo>
                    <a:lnTo>
                      <a:pt x="48" y="18"/>
                    </a:lnTo>
                    <a:lnTo>
                      <a:pt x="90" y="0"/>
                    </a:lnTo>
                    <a:lnTo>
                      <a:pt x="90" y="18"/>
                    </a:lnTo>
                    <a:lnTo>
                      <a:pt x="114" y="24"/>
                    </a:lnTo>
                    <a:lnTo>
                      <a:pt x="126" y="36"/>
                    </a:lnTo>
                    <a:lnTo>
                      <a:pt x="216" y="54"/>
                    </a:lnTo>
                    <a:lnTo>
                      <a:pt x="234" y="66"/>
                    </a:lnTo>
                    <a:lnTo>
                      <a:pt x="228" y="90"/>
                    </a:lnTo>
                    <a:lnTo>
                      <a:pt x="240" y="90"/>
                    </a:lnTo>
                    <a:lnTo>
                      <a:pt x="234" y="102"/>
                    </a:lnTo>
                    <a:lnTo>
                      <a:pt x="246" y="102"/>
                    </a:lnTo>
                    <a:lnTo>
                      <a:pt x="228" y="132"/>
                    </a:lnTo>
                    <a:lnTo>
                      <a:pt x="234" y="144"/>
                    </a:lnTo>
                    <a:lnTo>
                      <a:pt x="270" y="90"/>
                    </a:lnTo>
                    <a:lnTo>
                      <a:pt x="246" y="174"/>
                    </a:lnTo>
                    <a:lnTo>
                      <a:pt x="240" y="222"/>
                    </a:lnTo>
                    <a:lnTo>
                      <a:pt x="252" y="270"/>
                    </a:lnTo>
                    <a:lnTo>
                      <a:pt x="126" y="276"/>
                    </a:lnTo>
                    <a:lnTo>
                      <a:pt x="114" y="282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23" name="Freeform 251"/>
              <p:cNvSpPr>
                <a:spLocks noChangeAspect="1"/>
              </p:cNvSpPr>
              <p:nvPr/>
            </p:nvSpPr>
            <p:spPr bwMode="auto">
              <a:xfrm>
                <a:off x="4468" y="1171"/>
                <a:ext cx="205" cy="196"/>
              </a:xfrm>
              <a:custGeom>
                <a:avLst/>
                <a:gdLst>
                  <a:gd name="T0" fmla="*/ 50 w 270"/>
                  <a:gd name="T1" fmla="*/ 89 h 288"/>
                  <a:gd name="T2" fmla="*/ 42 w 270"/>
                  <a:gd name="T3" fmla="*/ 83 h 288"/>
                  <a:gd name="T4" fmla="*/ 39 w 270"/>
                  <a:gd name="T5" fmla="*/ 78 h 288"/>
                  <a:gd name="T6" fmla="*/ 42 w 270"/>
                  <a:gd name="T7" fmla="*/ 73 h 288"/>
                  <a:gd name="T8" fmla="*/ 37 w 270"/>
                  <a:gd name="T9" fmla="*/ 68 h 288"/>
                  <a:gd name="T10" fmla="*/ 34 w 270"/>
                  <a:gd name="T11" fmla="*/ 59 h 288"/>
                  <a:gd name="T12" fmla="*/ 5 w 270"/>
                  <a:gd name="T13" fmla="*/ 44 h 288"/>
                  <a:gd name="T14" fmla="*/ 5 w 270"/>
                  <a:gd name="T15" fmla="*/ 30 h 288"/>
                  <a:gd name="T16" fmla="*/ 0 w 270"/>
                  <a:gd name="T17" fmla="*/ 27 h 288"/>
                  <a:gd name="T18" fmla="*/ 5 w 270"/>
                  <a:gd name="T19" fmla="*/ 21 h 288"/>
                  <a:gd name="T20" fmla="*/ 13 w 270"/>
                  <a:gd name="T21" fmla="*/ 17 h 288"/>
                  <a:gd name="T22" fmla="*/ 13 w 270"/>
                  <a:gd name="T23" fmla="*/ 5 h 288"/>
                  <a:gd name="T24" fmla="*/ 15 w 270"/>
                  <a:gd name="T25" fmla="*/ 3 h 288"/>
                  <a:gd name="T26" fmla="*/ 20 w 270"/>
                  <a:gd name="T27" fmla="*/ 5 h 288"/>
                  <a:gd name="T28" fmla="*/ 39 w 270"/>
                  <a:gd name="T29" fmla="*/ 0 h 288"/>
                  <a:gd name="T30" fmla="*/ 39 w 270"/>
                  <a:gd name="T31" fmla="*/ 5 h 288"/>
                  <a:gd name="T32" fmla="*/ 50 w 270"/>
                  <a:gd name="T33" fmla="*/ 7 h 288"/>
                  <a:gd name="T34" fmla="*/ 55 w 270"/>
                  <a:gd name="T35" fmla="*/ 12 h 288"/>
                  <a:gd name="T36" fmla="*/ 95 w 270"/>
                  <a:gd name="T37" fmla="*/ 17 h 288"/>
                  <a:gd name="T38" fmla="*/ 103 w 270"/>
                  <a:gd name="T39" fmla="*/ 21 h 288"/>
                  <a:gd name="T40" fmla="*/ 99 w 270"/>
                  <a:gd name="T41" fmla="*/ 29 h 288"/>
                  <a:gd name="T42" fmla="*/ 105 w 270"/>
                  <a:gd name="T43" fmla="*/ 29 h 288"/>
                  <a:gd name="T44" fmla="*/ 103 w 270"/>
                  <a:gd name="T45" fmla="*/ 32 h 288"/>
                  <a:gd name="T46" fmla="*/ 108 w 270"/>
                  <a:gd name="T47" fmla="*/ 32 h 288"/>
                  <a:gd name="T48" fmla="*/ 99 w 270"/>
                  <a:gd name="T49" fmla="*/ 42 h 288"/>
                  <a:gd name="T50" fmla="*/ 103 w 270"/>
                  <a:gd name="T51" fmla="*/ 46 h 288"/>
                  <a:gd name="T52" fmla="*/ 118 w 270"/>
                  <a:gd name="T53" fmla="*/ 29 h 288"/>
                  <a:gd name="T54" fmla="*/ 108 w 270"/>
                  <a:gd name="T55" fmla="*/ 54 h 288"/>
                  <a:gd name="T56" fmla="*/ 105 w 270"/>
                  <a:gd name="T57" fmla="*/ 70 h 288"/>
                  <a:gd name="T58" fmla="*/ 110 w 270"/>
                  <a:gd name="T59" fmla="*/ 85 h 288"/>
                  <a:gd name="T60" fmla="*/ 55 w 270"/>
                  <a:gd name="T61" fmla="*/ 87 h 288"/>
                  <a:gd name="T62" fmla="*/ 50 w 270"/>
                  <a:gd name="T63" fmla="*/ 89 h 288"/>
                  <a:gd name="T64" fmla="*/ 50 w 270"/>
                  <a:gd name="T65" fmla="*/ 91 h 288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270"/>
                  <a:gd name="T100" fmla="*/ 0 h 288"/>
                  <a:gd name="T101" fmla="*/ 270 w 270"/>
                  <a:gd name="T102" fmla="*/ 288 h 288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270" h="288">
                    <a:moveTo>
                      <a:pt x="114" y="282"/>
                    </a:moveTo>
                    <a:lnTo>
                      <a:pt x="96" y="264"/>
                    </a:lnTo>
                    <a:lnTo>
                      <a:pt x="90" y="246"/>
                    </a:lnTo>
                    <a:lnTo>
                      <a:pt x="96" y="234"/>
                    </a:lnTo>
                    <a:lnTo>
                      <a:pt x="84" y="216"/>
                    </a:lnTo>
                    <a:lnTo>
                      <a:pt x="78" y="186"/>
                    </a:lnTo>
                    <a:lnTo>
                      <a:pt x="12" y="138"/>
                    </a:lnTo>
                    <a:lnTo>
                      <a:pt x="12" y="96"/>
                    </a:lnTo>
                    <a:lnTo>
                      <a:pt x="0" y="84"/>
                    </a:lnTo>
                    <a:lnTo>
                      <a:pt x="12" y="66"/>
                    </a:lnTo>
                    <a:lnTo>
                      <a:pt x="30" y="54"/>
                    </a:lnTo>
                    <a:lnTo>
                      <a:pt x="30" y="18"/>
                    </a:lnTo>
                    <a:lnTo>
                      <a:pt x="36" y="12"/>
                    </a:lnTo>
                    <a:lnTo>
                      <a:pt x="48" y="18"/>
                    </a:lnTo>
                    <a:lnTo>
                      <a:pt x="90" y="0"/>
                    </a:lnTo>
                    <a:lnTo>
                      <a:pt x="90" y="18"/>
                    </a:lnTo>
                    <a:lnTo>
                      <a:pt x="114" y="24"/>
                    </a:lnTo>
                    <a:lnTo>
                      <a:pt x="126" y="36"/>
                    </a:lnTo>
                    <a:lnTo>
                      <a:pt x="216" y="54"/>
                    </a:lnTo>
                    <a:lnTo>
                      <a:pt x="234" y="66"/>
                    </a:lnTo>
                    <a:lnTo>
                      <a:pt x="228" y="90"/>
                    </a:lnTo>
                    <a:lnTo>
                      <a:pt x="240" y="90"/>
                    </a:lnTo>
                    <a:lnTo>
                      <a:pt x="234" y="102"/>
                    </a:lnTo>
                    <a:lnTo>
                      <a:pt x="246" y="102"/>
                    </a:lnTo>
                    <a:lnTo>
                      <a:pt x="228" y="132"/>
                    </a:lnTo>
                    <a:lnTo>
                      <a:pt x="234" y="144"/>
                    </a:lnTo>
                    <a:lnTo>
                      <a:pt x="270" y="90"/>
                    </a:lnTo>
                    <a:lnTo>
                      <a:pt x="246" y="174"/>
                    </a:lnTo>
                    <a:lnTo>
                      <a:pt x="240" y="222"/>
                    </a:lnTo>
                    <a:lnTo>
                      <a:pt x="252" y="270"/>
                    </a:lnTo>
                    <a:lnTo>
                      <a:pt x="126" y="276"/>
                    </a:lnTo>
                    <a:lnTo>
                      <a:pt x="114" y="282"/>
                    </a:lnTo>
                    <a:lnTo>
                      <a:pt x="114" y="28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24" name="Freeform 252"/>
              <p:cNvSpPr>
                <a:spLocks noChangeAspect="1"/>
              </p:cNvSpPr>
              <p:nvPr/>
            </p:nvSpPr>
            <p:spPr bwMode="auto">
              <a:xfrm>
                <a:off x="3813" y="1220"/>
                <a:ext cx="270" cy="200"/>
              </a:xfrm>
              <a:custGeom>
                <a:avLst/>
                <a:gdLst>
                  <a:gd name="T0" fmla="*/ 152 w 354"/>
                  <a:gd name="T1" fmla="*/ 53 h 294"/>
                  <a:gd name="T2" fmla="*/ 149 w 354"/>
                  <a:gd name="T3" fmla="*/ 93 h 294"/>
                  <a:gd name="T4" fmla="*/ 43 w 354"/>
                  <a:gd name="T5" fmla="*/ 85 h 294"/>
                  <a:gd name="T6" fmla="*/ 0 w 354"/>
                  <a:gd name="T7" fmla="*/ 79 h 294"/>
                  <a:gd name="T8" fmla="*/ 5 w 354"/>
                  <a:gd name="T9" fmla="*/ 61 h 294"/>
                  <a:gd name="T10" fmla="*/ 16 w 354"/>
                  <a:gd name="T11" fmla="*/ 10 h 294"/>
                  <a:gd name="T12" fmla="*/ 18 w 354"/>
                  <a:gd name="T13" fmla="*/ 0 h 294"/>
                  <a:gd name="T14" fmla="*/ 157 w 354"/>
                  <a:gd name="T15" fmla="*/ 11 h 294"/>
                  <a:gd name="T16" fmla="*/ 154 w 354"/>
                  <a:gd name="T17" fmla="*/ 44 h 294"/>
                  <a:gd name="T18" fmla="*/ 152 w 354"/>
                  <a:gd name="T19" fmla="*/ 53 h 294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54"/>
                  <a:gd name="T31" fmla="*/ 0 h 294"/>
                  <a:gd name="T32" fmla="*/ 354 w 354"/>
                  <a:gd name="T33" fmla="*/ 294 h 294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54" h="294">
                    <a:moveTo>
                      <a:pt x="342" y="168"/>
                    </a:moveTo>
                    <a:lnTo>
                      <a:pt x="336" y="294"/>
                    </a:lnTo>
                    <a:lnTo>
                      <a:pt x="96" y="270"/>
                    </a:lnTo>
                    <a:lnTo>
                      <a:pt x="0" y="252"/>
                    </a:lnTo>
                    <a:lnTo>
                      <a:pt x="12" y="192"/>
                    </a:lnTo>
                    <a:lnTo>
                      <a:pt x="36" y="30"/>
                    </a:lnTo>
                    <a:lnTo>
                      <a:pt x="42" y="0"/>
                    </a:lnTo>
                    <a:lnTo>
                      <a:pt x="354" y="36"/>
                    </a:lnTo>
                    <a:lnTo>
                      <a:pt x="348" y="138"/>
                    </a:lnTo>
                    <a:lnTo>
                      <a:pt x="342" y="168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125" name="Freeform 253"/>
              <p:cNvSpPr>
                <a:spLocks noChangeAspect="1"/>
              </p:cNvSpPr>
              <p:nvPr/>
            </p:nvSpPr>
            <p:spPr bwMode="auto">
              <a:xfrm>
                <a:off x="3813" y="1220"/>
                <a:ext cx="270" cy="200"/>
              </a:xfrm>
              <a:custGeom>
                <a:avLst/>
                <a:gdLst>
                  <a:gd name="T0" fmla="*/ 152 w 354"/>
                  <a:gd name="T1" fmla="*/ 53 h 294"/>
                  <a:gd name="T2" fmla="*/ 149 w 354"/>
                  <a:gd name="T3" fmla="*/ 93 h 294"/>
                  <a:gd name="T4" fmla="*/ 43 w 354"/>
                  <a:gd name="T5" fmla="*/ 85 h 294"/>
                  <a:gd name="T6" fmla="*/ 0 w 354"/>
                  <a:gd name="T7" fmla="*/ 79 h 294"/>
                  <a:gd name="T8" fmla="*/ 5 w 354"/>
                  <a:gd name="T9" fmla="*/ 61 h 294"/>
                  <a:gd name="T10" fmla="*/ 16 w 354"/>
                  <a:gd name="T11" fmla="*/ 10 h 294"/>
                  <a:gd name="T12" fmla="*/ 18 w 354"/>
                  <a:gd name="T13" fmla="*/ 0 h 294"/>
                  <a:gd name="T14" fmla="*/ 157 w 354"/>
                  <a:gd name="T15" fmla="*/ 11 h 294"/>
                  <a:gd name="T16" fmla="*/ 154 w 354"/>
                  <a:gd name="T17" fmla="*/ 44 h 294"/>
                  <a:gd name="T18" fmla="*/ 152 w 354"/>
                  <a:gd name="T19" fmla="*/ 53 h 294"/>
                  <a:gd name="T20" fmla="*/ 152 w 354"/>
                  <a:gd name="T21" fmla="*/ 54 h 29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54"/>
                  <a:gd name="T34" fmla="*/ 0 h 294"/>
                  <a:gd name="T35" fmla="*/ 354 w 354"/>
                  <a:gd name="T36" fmla="*/ 294 h 29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54" h="294">
                    <a:moveTo>
                      <a:pt x="342" y="168"/>
                    </a:moveTo>
                    <a:lnTo>
                      <a:pt x="336" y="294"/>
                    </a:lnTo>
                    <a:lnTo>
                      <a:pt x="96" y="270"/>
                    </a:lnTo>
                    <a:lnTo>
                      <a:pt x="0" y="252"/>
                    </a:lnTo>
                    <a:lnTo>
                      <a:pt x="12" y="192"/>
                    </a:lnTo>
                    <a:lnTo>
                      <a:pt x="36" y="30"/>
                    </a:lnTo>
                    <a:lnTo>
                      <a:pt x="42" y="0"/>
                    </a:lnTo>
                    <a:lnTo>
                      <a:pt x="354" y="36"/>
                    </a:lnTo>
                    <a:lnTo>
                      <a:pt x="348" y="138"/>
                    </a:lnTo>
                    <a:lnTo>
                      <a:pt x="342" y="168"/>
                    </a:lnTo>
                    <a:lnTo>
                      <a:pt x="342" y="17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20003" name="Rectangle 254"/>
            <p:cNvSpPr>
              <a:spLocks noChangeArrowheads="1"/>
            </p:cNvSpPr>
            <p:nvPr/>
          </p:nvSpPr>
          <p:spPr bwMode="auto">
            <a:xfrm>
              <a:off x="916" y="2592"/>
              <a:ext cx="576" cy="24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anchor="ctr"/>
            <a:lstStyle/>
            <a:p>
              <a:pPr algn="ctr"/>
              <a:r>
                <a:rPr lang="en-US" sz="1600" b="1" dirty="0"/>
                <a:t>1994</a:t>
              </a:r>
            </a:p>
          </p:txBody>
        </p:sp>
      </p:grpSp>
      <p:grpSp>
        <p:nvGrpSpPr>
          <p:cNvPr id="6" name="Group 255"/>
          <p:cNvGrpSpPr>
            <a:grpSpLocks/>
          </p:cNvGrpSpPr>
          <p:nvPr/>
        </p:nvGrpSpPr>
        <p:grpSpPr bwMode="auto">
          <a:xfrm>
            <a:off x="3562350" y="1371600"/>
            <a:ext cx="2100263" cy="1981200"/>
            <a:chOff x="2244" y="912"/>
            <a:chExt cx="1323" cy="1248"/>
          </a:xfrm>
        </p:grpSpPr>
        <p:grpSp>
          <p:nvGrpSpPr>
            <p:cNvPr id="19878" name="Group 256"/>
            <p:cNvGrpSpPr>
              <a:grpSpLocks noChangeAspect="1"/>
            </p:cNvGrpSpPr>
            <p:nvPr/>
          </p:nvGrpSpPr>
          <p:grpSpPr bwMode="auto">
            <a:xfrm>
              <a:off x="2244" y="980"/>
              <a:ext cx="1323" cy="1180"/>
              <a:chOff x="0" y="1152"/>
              <a:chExt cx="2832" cy="2262"/>
            </a:xfrm>
          </p:grpSpPr>
          <p:sp>
            <p:nvSpPr>
              <p:cNvPr id="19880" name="AutoShape 257"/>
              <p:cNvSpPr>
                <a:spLocks noChangeAspect="1" noChangeArrowheads="1"/>
              </p:cNvSpPr>
              <p:nvPr/>
            </p:nvSpPr>
            <p:spPr bwMode="auto">
              <a:xfrm>
                <a:off x="0" y="1152"/>
                <a:ext cx="2826" cy="2256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81" name="Rectangle 258"/>
              <p:cNvSpPr>
                <a:spLocks noChangeAspect="1" noChangeArrowheads="1"/>
              </p:cNvSpPr>
              <p:nvPr/>
            </p:nvSpPr>
            <p:spPr bwMode="auto">
              <a:xfrm>
                <a:off x="0" y="1152"/>
                <a:ext cx="2832" cy="2262"/>
              </a:xfrm>
              <a:prstGeom prst="rect">
                <a:avLst/>
              </a:prstGeom>
              <a:solidFill>
                <a:srgbClr val="FFFFFF">
                  <a:alpha val="0"/>
                </a:srgbClr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82" name="Rectangle 259"/>
              <p:cNvSpPr>
                <a:spLocks noChangeAspect="1" noChangeArrowheads="1"/>
              </p:cNvSpPr>
              <p:nvPr/>
            </p:nvSpPr>
            <p:spPr bwMode="auto">
              <a:xfrm>
                <a:off x="36" y="1188"/>
                <a:ext cx="2760" cy="2184"/>
              </a:xfrm>
              <a:prstGeom prst="rect">
                <a:avLst/>
              </a:prstGeom>
              <a:solidFill>
                <a:srgbClr val="FFFFFF">
                  <a:alpha val="0"/>
                </a:srgbClr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83" name="Freeform 260"/>
              <p:cNvSpPr>
                <a:spLocks noChangeAspect="1"/>
              </p:cNvSpPr>
              <p:nvPr/>
            </p:nvSpPr>
            <p:spPr bwMode="auto">
              <a:xfrm>
                <a:off x="1848" y="2490"/>
                <a:ext cx="192" cy="312"/>
              </a:xfrm>
              <a:custGeom>
                <a:avLst/>
                <a:gdLst>
                  <a:gd name="T0" fmla="*/ 192 w 192"/>
                  <a:gd name="T1" fmla="*/ 246 h 312"/>
                  <a:gd name="T2" fmla="*/ 54 w 192"/>
                  <a:gd name="T3" fmla="*/ 258 h 312"/>
                  <a:gd name="T4" fmla="*/ 54 w 192"/>
                  <a:gd name="T5" fmla="*/ 270 h 312"/>
                  <a:gd name="T6" fmla="*/ 66 w 192"/>
                  <a:gd name="T7" fmla="*/ 282 h 312"/>
                  <a:gd name="T8" fmla="*/ 66 w 192"/>
                  <a:gd name="T9" fmla="*/ 300 h 312"/>
                  <a:gd name="T10" fmla="*/ 36 w 192"/>
                  <a:gd name="T11" fmla="*/ 312 h 312"/>
                  <a:gd name="T12" fmla="*/ 48 w 192"/>
                  <a:gd name="T13" fmla="*/ 306 h 312"/>
                  <a:gd name="T14" fmla="*/ 30 w 192"/>
                  <a:gd name="T15" fmla="*/ 276 h 312"/>
                  <a:gd name="T16" fmla="*/ 24 w 192"/>
                  <a:gd name="T17" fmla="*/ 306 h 312"/>
                  <a:gd name="T18" fmla="*/ 12 w 192"/>
                  <a:gd name="T19" fmla="*/ 300 h 312"/>
                  <a:gd name="T20" fmla="*/ 12 w 192"/>
                  <a:gd name="T21" fmla="*/ 282 h 312"/>
                  <a:gd name="T22" fmla="*/ 0 w 192"/>
                  <a:gd name="T23" fmla="*/ 210 h 312"/>
                  <a:gd name="T24" fmla="*/ 0 w 192"/>
                  <a:gd name="T25" fmla="*/ 6 h 312"/>
                  <a:gd name="T26" fmla="*/ 132 w 192"/>
                  <a:gd name="T27" fmla="*/ 0 h 312"/>
                  <a:gd name="T28" fmla="*/ 168 w 192"/>
                  <a:gd name="T29" fmla="*/ 132 h 312"/>
                  <a:gd name="T30" fmla="*/ 192 w 192"/>
                  <a:gd name="T31" fmla="*/ 168 h 312"/>
                  <a:gd name="T32" fmla="*/ 180 w 192"/>
                  <a:gd name="T33" fmla="*/ 192 h 312"/>
                  <a:gd name="T34" fmla="*/ 192 w 192"/>
                  <a:gd name="T35" fmla="*/ 246 h 312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192"/>
                  <a:gd name="T55" fmla="*/ 0 h 312"/>
                  <a:gd name="T56" fmla="*/ 192 w 192"/>
                  <a:gd name="T57" fmla="*/ 312 h 312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192" h="312">
                    <a:moveTo>
                      <a:pt x="192" y="246"/>
                    </a:moveTo>
                    <a:lnTo>
                      <a:pt x="54" y="258"/>
                    </a:lnTo>
                    <a:lnTo>
                      <a:pt x="54" y="270"/>
                    </a:lnTo>
                    <a:lnTo>
                      <a:pt x="66" y="282"/>
                    </a:lnTo>
                    <a:lnTo>
                      <a:pt x="66" y="300"/>
                    </a:lnTo>
                    <a:lnTo>
                      <a:pt x="36" y="312"/>
                    </a:lnTo>
                    <a:lnTo>
                      <a:pt x="48" y="306"/>
                    </a:lnTo>
                    <a:lnTo>
                      <a:pt x="30" y="276"/>
                    </a:lnTo>
                    <a:lnTo>
                      <a:pt x="24" y="306"/>
                    </a:lnTo>
                    <a:lnTo>
                      <a:pt x="12" y="300"/>
                    </a:lnTo>
                    <a:lnTo>
                      <a:pt x="12" y="282"/>
                    </a:lnTo>
                    <a:lnTo>
                      <a:pt x="0" y="210"/>
                    </a:lnTo>
                    <a:lnTo>
                      <a:pt x="0" y="6"/>
                    </a:lnTo>
                    <a:lnTo>
                      <a:pt x="132" y="0"/>
                    </a:lnTo>
                    <a:lnTo>
                      <a:pt x="168" y="132"/>
                    </a:lnTo>
                    <a:lnTo>
                      <a:pt x="192" y="168"/>
                    </a:lnTo>
                    <a:lnTo>
                      <a:pt x="180" y="192"/>
                    </a:lnTo>
                    <a:lnTo>
                      <a:pt x="192" y="246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84" name="Freeform 261"/>
              <p:cNvSpPr>
                <a:spLocks noChangeAspect="1"/>
              </p:cNvSpPr>
              <p:nvPr/>
            </p:nvSpPr>
            <p:spPr bwMode="auto">
              <a:xfrm>
                <a:off x="1848" y="2490"/>
                <a:ext cx="192" cy="312"/>
              </a:xfrm>
              <a:custGeom>
                <a:avLst/>
                <a:gdLst>
                  <a:gd name="T0" fmla="*/ 192 w 192"/>
                  <a:gd name="T1" fmla="*/ 246 h 312"/>
                  <a:gd name="T2" fmla="*/ 54 w 192"/>
                  <a:gd name="T3" fmla="*/ 258 h 312"/>
                  <a:gd name="T4" fmla="*/ 54 w 192"/>
                  <a:gd name="T5" fmla="*/ 270 h 312"/>
                  <a:gd name="T6" fmla="*/ 66 w 192"/>
                  <a:gd name="T7" fmla="*/ 282 h 312"/>
                  <a:gd name="T8" fmla="*/ 66 w 192"/>
                  <a:gd name="T9" fmla="*/ 300 h 312"/>
                  <a:gd name="T10" fmla="*/ 36 w 192"/>
                  <a:gd name="T11" fmla="*/ 312 h 312"/>
                  <a:gd name="T12" fmla="*/ 48 w 192"/>
                  <a:gd name="T13" fmla="*/ 306 h 312"/>
                  <a:gd name="T14" fmla="*/ 30 w 192"/>
                  <a:gd name="T15" fmla="*/ 276 h 312"/>
                  <a:gd name="T16" fmla="*/ 24 w 192"/>
                  <a:gd name="T17" fmla="*/ 306 h 312"/>
                  <a:gd name="T18" fmla="*/ 12 w 192"/>
                  <a:gd name="T19" fmla="*/ 300 h 312"/>
                  <a:gd name="T20" fmla="*/ 12 w 192"/>
                  <a:gd name="T21" fmla="*/ 282 h 312"/>
                  <a:gd name="T22" fmla="*/ 0 w 192"/>
                  <a:gd name="T23" fmla="*/ 210 h 312"/>
                  <a:gd name="T24" fmla="*/ 0 w 192"/>
                  <a:gd name="T25" fmla="*/ 6 h 312"/>
                  <a:gd name="T26" fmla="*/ 132 w 192"/>
                  <a:gd name="T27" fmla="*/ 0 h 312"/>
                  <a:gd name="T28" fmla="*/ 168 w 192"/>
                  <a:gd name="T29" fmla="*/ 132 h 312"/>
                  <a:gd name="T30" fmla="*/ 192 w 192"/>
                  <a:gd name="T31" fmla="*/ 168 h 312"/>
                  <a:gd name="T32" fmla="*/ 180 w 192"/>
                  <a:gd name="T33" fmla="*/ 192 h 312"/>
                  <a:gd name="T34" fmla="*/ 192 w 192"/>
                  <a:gd name="T35" fmla="*/ 246 h 312"/>
                  <a:gd name="T36" fmla="*/ 192 w 192"/>
                  <a:gd name="T37" fmla="*/ 252 h 312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192"/>
                  <a:gd name="T58" fmla="*/ 0 h 312"/>
                  <a:gd name="T59" fmla="*/ 192 w 192"/>
                  <a:gd name="T60" fmla="*/ 312 h 312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192" h="312">
                    <a:moveTo>
                      <a:pt x="192" y="246"/>
                    </a:moveTo>
                    <a:lnTo>
                      <a:pt x="54" y="258"/>
                    </a:lnTo>
                    <a:lnTo>
                      <a:pt x="54" y="270"/>
                    </a:lnTo>
                    <a:lnTo>
                      <a:pt x="66" y="282"/>
                    </a:lnTo>
                    <a:lnTo>
                      <a:pt x="66" y="300"/>
                    </a:lnTo>
                    <a:lnTo>
                      <a:pt x="36" y="312"/>
                    </a:lnTo>
                    <a:lnTo>
                      <a:pt x="48" y="306"/>
                    </a:lnTo>
                    <a:lnTo>
                      <a:pt x="30" y="276"/>
                    </a:lnTo>
                    <a:lnTo>
                      <a:pt x="24" y="306"/>
                    </a:lnTo>
                    <a:lnTo>
                      <a:pt x="12" y="300"/>
                    </a:lnTo>
                    <a:lnTo>
                      <a:pt x="12" y="282"/>
                    </a:lnTo>
                    <a:lnTo>
                      <a:pt x="0" y="210"/>
                    </a:lnTo>
                    <a:lnTo>
                      <a:pt x="0" y="6"/>
                    </a:lnTo>
                    <a:lnTo>
                      <a:pt x="132" y="0"/>
                    </a:lnTo>
                    <a:lnTo>
                      <a:pt x="168" y="132"/>
                    </a:lnTo>
                    <a:lnTo>
                      <a:pt x="192" y="168"/>
                    </a:lnTo>
                    <a:lnTo>
                      <a:pt x="180" y="192"/>
                    </a:lnTo>
                    <a:lnTo>
                      <a:pt x="192" y="246"/>
                    </a:lnTo>
                    <a:lnTo>
                      <a:pt x="192" y="25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85" name="Freeform 262"/>
              <p:cNvSpPr>
                <a:spLocks noChangeAspect="1"/>
              </p:cNvSpPr>
              <p:nvPr/>
            </p:nvSpPr>
            <p:spPr bwMode="auto">
              <a:xfrm>
                <a:off x="84" y="2628"/>
                <a:ext cx="534" cy="468"/>
              </a:xfrm>
              <a:custGeom>
                <a:avLst/>
                <a:gdLst>
                  <a:gd name="T0" fmla="*/ 6 w 534"/>
                  <a:gd name="T1" fmla="*/ 264 h 468"/>
                  <a:gd name="T2" fmla="*/ 6 w 534"/>
                  <a:gd name="T3" fmla="*/ 270 h 468"/>
                  <a:gd name="T4" fmla="*/ 30 w 534"/>
                  <a:gd name="T5" fmla="*/ 294 h 468"/>
                  <a:gd name="T6" fmla="*/ 24 w 534"/>
                  <a:gd name="T7" fmla="*/ 324 h 468"/>
                  <a:gd name="T8" fmla="*/ 60 w 534"/>
                  <a:gd name="T9" fmla="*/ 300 h 468"/>
                  <a:gd name="T10" fmla="*/ 42 w 534"/>
                  <a:gd name="T11" fmla="*/ 360 h 468"/>
                  <a:gd name="T12" fmla="*/ 84 w 534"/>
                  <a:gd name="T13" fmla="*/ 378 h 468"/>
                  <a:gd name="T14" fmla="*/ 96 w 534"/>
                  <a:gd name="T15" fmla="*/ 372 h 468"/>
                  <a:gd name="T16" fmla="*/ 96 w 534"/>
                  <a:gd name="T17" fmla="*/ 408 h 468"/>
                  <a:gd name="T18" fmla="*/ 54 w 534"/>
                  <a:gd name="T19" fmla="*/ 450 h 468"/>
                  <a:gd name="T20" fmla="*/ 0 w 534"/>
                  <a:gd name="T21" fmla="*/ 468 h 468"/>
                  <a:gd name="T22" fmla="*/ 60 w 534"/>
                  <a:gd name="T23" fmla="*/ 450 h 468"/>
                  <a:gd name="T24" fmla="*/ 78 w 534"/>
                  <a:gd name="T25" fmla="*/ 444 h 468"/>
                  <a:gd name="T26" fmla="*/ 90 w 534"/>
                  <a:gd name="T27" fmla="*/ 438 h 468"/>
                  <a:gd name="T28" fmla="*/ 168 w 534"/>
                  <a:gd name="T29" fmla="*/ 372 h 468"/>
                  <a:gd name="T30" fmla="*/ 204 w 534"/>
                  <a:gd name="T31" fmla="*/ 306 h 468"/>
                  <a:gd name="T32" fmla="*/ 210 w 534"/>
                  <a:gd name="T33" fmla="*/ 300 h 468"/>
                  <a:gd name="T34" fmla="*/ 216 w 534"/>
                  <a:gd name="T35" fmla="*/ 306 h 468"/>
                  <a:gd name="T36" fmla="*/ 198 w 534"/>
                  <a:gd name="T37" fmla="*/ 318 h 468"/>
                  <a:gd name="T38" fmla="*/ 204 w 534"/>
                  <a:gd name="T39" fmla="*/ 348 h 468"/>
                  <a:gd name="T40" fmla="*/ 210 w 534"/>
                  <a:gd name="T41" fmla="*/ 360 h 468"/>
                  <a:gd name="T42" fmla="*/ 234 w 534"/>
                  <a:gd name="T43" fmla="*/ 342 h 468"/>
                  <a:gd name="T44" fmla="*/ 246 w 534"/>
                  <a:gd name="T45" fmla="*/ 318 h 468"/>
                  <a:gd name="T46" fmla="*/ 258 w 534"/>
                  <a:gd name="T47" fmla="*/ 318 h 468"/>
                  <a:gd name="T48" fmla="*/ 354 w 534"/>
                  <a:gd name="T49" fmla="*/ 342 h 468"/>
                  <a:gd name="T50" fmla="*/ 372 w 534"/>
                  <a:gd name="T51" fmla="*/ 336 h 468"/>
                  <a:gd name="T52" fmla="*/ 378 w 534"/>
                  <a:gd name="T53" fmla="*/ 354 h 468"/>
                  <a:gd name="T54" fmla="*/ 384 w 534"/>
                  <a:gd name="T55" fmla="*/ 360 h 468"/>
                  <a:gd name="T56" fmla="*/ 420 w 534"/>
                  <a:gd name="T57" fmla="*/ 366 h 468"/>
                  <a:gd name="T58" fmla="*/ 432 w 534"/>
                  <a:gd name="T59" fmla="*/ 372 h 468"/>
                  <a:gd name="T60" fmla="*/ 438 w 534"/>
                  <a:gd name="T61" fmla="*/ 366 h 468"/>
                  <a:gd name="T62" fmla="*/ 498 w 534"/>
                  <a:gd name="T63" fmla="*/ 414 h 468"/>
                  <a:gd name="T64" fmla="*/ 510 w 534"/>
                  <a:gd name="T65" fmla="*/ 414 h 468"/>
                  <a:gd name="T66" fmla="*/ 534 w 534"/>
                  <a:gd name="T67" fmla="*/ 444 h 468"/>
                  <a:gd name="T68" fmla="*/ 492 w 534"/>
                  <a:gd name="T69" fmla="*/ 408 h 468"/>
                  <a:gd name="T70" fmla="*/ 396 w 534"/>
                  <a:gd name="T71" fmla="*/ 360 h 468"/>
                  <a:gd name="T72" fmla="*/ 378 w 534"/>
                  <a:gd name="T73" fmla="*/ 336 h 468"/>
                  <a:gd name="T74" fmla="*/ 342 w 534"/>
                  <a:gd name="T75" fmla="*/ 324 h 468"/>
                  <a:gd name="T76" fmla="*/ 204 w 534"/>
                  <a:gd name="T77" fmla="*/ 30 h 468"/>
                  <a:gd name="T78" fmla="*/ 174 w 534"/>
                  <a:gd name="T79" fmla="*/ 18 h 468"/>
                  <a:gd name="T80" fmla="*/ 48 w 534"/>
                  <a:gd name="T81" fmla="*/ 66 h 468"/>
                  <a:gd name="T82" fmla="*/ 96 w 534"/>
                  <a:gd name="T83" fmla="*/ 120 h 468"/>
                  <a:gd name="T84" fmla="*/ 90 w 534"/>
                  <a:gd name="T85" fmla="*/ 126 h 468"/>
                  <a:gd name="T86" fmla="*/ 84 w 534"/>
                  <a:gd name="T87" fmla="*/ 150 h 468"/>
                  <a:gd name="T88" fmla="*/ 72 w 534"/>
                  <a:gd name="T89" fmla="*/ 126 h 468"/>
                  <a:gd name="T90" fmla="*/ 12 w 534"/>
                  <a:gd name="T91" fmla="*/ 138 h 468"/>
                  <a:gd name="T92" fmla="*/ 24 w 534"/>
                  <a:gd name="T93" fmla="*/ 156 h 468"/>
                  <a:gd name="T94" fmla="*/ 66 w 534"/>
                  <a:gd name="T95" fmla="*/ 186 h 468"/>
                  <a:gd name="T96" fmla="*/ 90 w 534"/>
                  <a:gd name="T97" fmla="*/ 186 h 468"/>
                  <a:gd name="T98" fmla="*/ 84 w 534"/>
                  <a:gd name="T99" fmla="*/ 222 h 468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w 534"/>
                  <a:gd name="T151" fmla="*/ 0 h 468"/>
                  <a:gd name="T152" fmla="*/ 534 w 534"/>
                  <a:gd name="T153" fmla="*/ 468 h 468"/>
                </a:gdLst>
                <a:ahLst/>
                <a:cxnLst>
                  <a:cxn ang="T100">
                    <a:pos x="T0" y="T1"/>
                  </a:cxn>
                  <a:cxn ang="T101">
                    <a:pos x="T2" y="T3"/>
                  </a:cxn>
                  <a:cxn ang="T102">
                    <a:pos x="T4" y="T5"/>
                  </a:cxn>
                  <a:cxn ang="T103">
                    <a:pos x="T6" y="T7"/>
                  </a:cxn>
                  <a:cxn ang="T104">
                    <a:pos x="T8" y="T9"/>
                  </a:cxn>
                  <a:cxn ang="T105">
                    <a:pos x="T10" y="T11"/>
                  </a:cxn>
                  <a:cxn ang="T106">
                    <a:pos x="T12" y="T13"/>
                  </a:cxn>
                  <a:cxn ang="T107">
                    <a:pos x="T14" y="T15"/>
                  </a:cxn>
                  <a:cxn ang="T108">
                    <a:pos x="T16" y="T17"/>
                  </a:cxn>
                  <a:cxn ang="T109">
                    <a:pos x="T18" y="T19"/>
                  </a:cxn>
                  <a:cxn ang="T110">
                    <a:pos x="T20" y="T21"/>
                  </a:cxn>
                  <a:cxn ang="T111">
                    <a:pos x="T22" y="T23"/>
                  </a:cxn>
                  <a:cxn ang="T112">
                    <a:pos x="T24" y="T25"/>
                  </a:cxn>
                  <a:cxn ang="T113">
                    <a:pos x="T26" y="T27"/>
                  </a:cxn>
                  <a:cxn ang="T114">
                    <a:pos x="T28" y="T29"/>
                  </a:cxn>
                  <a:cxn ang="T115">
                    <a:pos x="T30" y="T31"/>
                  </a:cxn>
                  <a:cxn ang="T116">
                    <a:pos x="T32" y="T33"/>
                  </a:cxn>
                  <a:cxn ang="T117">
                    <a:pos x="T34" y="T35"/>
                  </a:cxn>
                  <a:cxn ang="T118">
                    <a:pos x="T36" y="T37"/>
                  </a:cxn>
                  <a:cxn ang="T119">
                    <a:pos x="T38" y="T39"/>
                  </a:cxn>
                  <a:cxn ang="T120">
                    <a:pos x="T40" y="T41"/>
                  </a:cxn>
                  <a:cxn ang="T121">
                    <a:pos x="T42" y="T43"/>
                  </a:cxn>
                  <a:cxn ang="T122">
                    <a:pos x="T44" y="T45"/>
                  </a:cxn>
                  <a:cxn ang="T123">
                    <a:pos x="T46" y="T47"/>
                  </a:cxn>
                  <a:cxn ang="T124">
                    <a:pos x="T48" y="T49"/>
                  </a:cxn>
                  <a:cxn ang="T125">
                    <a:pos x="T50" y="T51"/>
                  </a:cxn>
                  <a:cxn ang="T126">
                    <a:pos x="T52" y="T53"/>
                  </a:cxn>
                  <a:cxn ang="T127">
                    <a:pos x="T54" y="T55"/>
                  </a:cxn>
                  <a:cxn ang="T128">
                    <a:pos x="T56" y="T57"/>
                  </a:cxn>
                  <a:cxn ang="T129">
                    <a:pos x="T58" y="T59"/>
                  </a:cxn>
                  <a:cxn ang="T130">
                    <a:pos x="T60" y="T61"/>
                  </a:cxn>
                  <a:cxn ang="T131">
                    <a:pos x="T62" y="T63"/>
                  </a:cxn>
                  <a:cxn ang="T132">
                    <a:pos x="T64" y="T65"/>
                  </a:cxn>
                  <a:cxn ang="T133">
                    <a:pos x="T66" y="T67"/>
                  </a:cxn>
                  <a:cxn ang="T134">
                    <a:pos x="T68" y="T69"/>
                  </a:cxn>
                  <a:cxn ang="T135">
                    <a:pos x="T70" y="T71"/>
                  </a:cxn>
                  <a:cxn ang="T136">
                    <a:pos x="T72" y="T73"/>
                  </a:cxn>
                  <a:cxn ang="T137">
                    <a:pos x="T74" y="T75"/>
                  </a:cxn>
                  <a:cxn ang="T138">
                    <a:pos x="T76" y="T77"/>
                  </a:cxn>
                  <a:cxn ang="T139">
                    <a:pos x="T78" y="T79"/>
                  </a:cxn>
                  <a:cxn ang="T140">
                    <a:pos x="T80" y="T81"/>
                  </a:cxn>
                  <a:cxn ang="T141">
                    <a:pos x="T82" y="T83"/>
                  </a:cxn>
                  <a:cxn ang="T142">
                    <a:pos x="T84" y="T85"/>
                  </a:cxn>
                  <a:cxn ang="T143">
                    <a:pos x="T86" y="T87"/>
                  </a:cxn>
                  <a:cxn ang="T144">
                    <a:pos x="T88" y="T89"/>
                  </a:cxn>
                  <a:cxn ang="T145">
                    <a:pos x="T90" y="T91"/>
                  </a:cxn>
                  <a:cxn ang="T146">
                    <a:pos x="T92" y="T93"/>
                  </a:cxn>
                  <a:cxn ang="T147">
                    <a:pos x="T94" y="T95"/>
                  </a:cxn>
                  <a:cxn ang="T148">
                    <a:pos x="T96" y="T97"/>
                  </a:cxn>
                  <a:cxn ang="T149">
                    <a:pos x="T98" y="T99"/>
                  </a:cxn>
                </a:cxnLst>
                <a:rect l="T150" t="T151" r="T152" b="T153"/>
                <a:pathLst>
                  <a:path w="534" h="468">
                    <a:moveTo>
                      <a:pt x="48" y="228"/>
                    </a:moveTo>
                    <a:lnTo>
                      <a:pt x="6" y="264"/>
                    </a:lnTo>
                    <a:lnTo>
                      <a:pt x="18" y="264"/>
                    </a:lnTo>
                    <a:lnTo>
                      <a:pt x="6" y="270"/>
                    </a:lnTo>
                    <a:lnTo>
                      <a:pt x="12" y="282"/>
                    </a:lnTo>
                    <a:lnTo>
                      <a:pt x="30" y="294"/>
                    </a:lnTo>
                    <a:lnTo>
                      <a:pt x="18" y="306"/>
                    </a:lnTo>
                    <a:lnTo>
                      <a:pt x="24" y="324"/>
                    </a:lnTo>
                    <a:lnTo>
                      <a:pt x="36" y="330"/>
                    </a:lnTo>
                    <a:lnTo>
                      <a:pt x="60" y="300"/>
                    </a:lnTo>
                    <a:lnTo>
                      <a:pt x="54" y="348"/>
                    </a:lnTo>
                    <a:lnTo>
                      <a:pt x="42" y="360"/>
                    </a:lnTo>
                    <a:lnTo>
                      <a:pt x="72" y="348"/>
                    </a:lnTo>
                    <a:lnTo>
                      <a:pt x="84" y="378"/>
                    </a:lnTo>
                    <a:lnTo>
                      <a:pt x="96" y="360"/>
                    </a:lnTo>
                    <a:lnTo>
                      <a:pt x="96" y="372"/>
                    </a:lnTo>
                    <a:lnTo>
                      <a:pt x="120" y="360"/>
                    </a:lnTo>
                    <a:lnTo>
                      <a:pt x="96" y="408"/>
                    </a:lnTo>
                    <a:lnTo>
                      <a:pt x="60" y="432"/>
                    </a:lnTo>
                    <a:lnTo>
                      <a:pt x="54" y="450"/>
                    </a:lnTo>
                    <a:lnTo>
                      <a:pt x="30" y="444"/>
                    </a:lnTo>
                    <a:lnTo>
                      <a:pt x="0" y="468"/>
                    </a:lnTo>
                    <a:lnTo>
                      <a:pt x="30" y="450"/>
                    </a:lnTo>
                    <a:lnTo>
                      <a:pt x="60" y="450"/>
                    </a:lnTo>
                    <a:lnTo>
                      <a:pt x="60" y="456"/>
                    </a:lnTo>
                    <a:lnTo>
                      <a:pt x="78" y="444"/>
                    </a:lnTo>
                    <a:lnTo>
                      <a:pt x="72" y="432"/>
                    </a:lnTo>
                    <a:lnTo>
                      <a:pt x="90" y="438"/>
                    </a:lnTo>
                    <a:lnTo>
                      <a:pt x="156" y="390"/>
                    </a:lnTo>
                    <a:lnTo>
                      <a:pt x="168" y="372"/>
                    </a:lnTo>
                    <a:lnTo>
                      <a:pt x="156" y="354"/>
                    </a:lnTo>
                    <a:lnTo>
                      <a:pt x="204" y="306"/>
                    </a:lnTo>
                    <a:lnTo>
                      <a:pt x="216" y="276"/>
                    </a:lnTo>
                    <a:lnTo>
                      <a:pt x="210" y="300"/>
                    </a:lnTo>
                    <a:lnTo>
                      <a:pt x="228" y="294"/>
                    </a:lnTo>
                    <a:lnTo>
                      <a:pt x="216" y="306"/>
                    </a:lnTo>
                    <a:lnTo>
                      <a:pt x="228" y="318"/>
                    </a:lnTo>
                    <a:lnTo>
                      <a:pt x="198" y="318"/>
                    </a:lnTo>
                    <a:lnTo>
                      <a:pt x="192" y="348"/>
                    </a:lnTo>
                    <a:lnTo>
                      <a:pt x="204" y="348"/>
                    </a:lnTo>
                    <a:lnTo>
                      <a:pt x="192" y="366"/>
                    </a:lnTo>
                    <a:lnTo>
                      <a:pt x="210" y="360"/>
                    </a:lnTo>
                    <a:lnTo>
                      <a:pt x="222" y="336"/>
                    </a:lnTo>
                    <a:lnTo>
                      <a:pt x="234" y="342"/>
                    </a:lnTo>
                    <a:lnTo>
                      <a:pt x="246" y="306"/>
                    </a:lnTo>
                    <a:lnTo>
                      <a:pt x="246" y="318"/>
                    </a:lnTo>
                    <a:lnTo>
                      <a:pt x="264" y="306"/>
                    </a:lnTo>
                    <a:lnTo>
                      <a:pt x="258" y="318"/>
                    </a:lnTo>
                    <a:lnTo>
                      <a:pt x="300" y="342"/>
                    </a:lnTo>
                    <a:lnTo>
                      <a:pt x="354" y="342"/>
                    </a:lnTo>
                    <a:lnTo>
                      <a:pt x="360" y="330"/>
                    </a:lnTo>
                    <a:lnTo>
                      <a:pt x="372" y="336"/>
                    </a:lnTo>
                    <a:lnTo>
                      <a:pt x="360" y="348"/>
                    </a:lnTo>
                    <a:lnTo>
                      <a:pt x="378" y="354"/>
                    </a:lnTo>
                    <a:lnTo>
                      <a:pt x="384" y="336"/>
                    </a:lnTo>
                    <a:lnTo>
                      <a:pt x="384" y="360"/>
                    </a:lnTo>
                    <a:lnTo>
                      <a:pt x="408" y="378"/>
                    </a:lnTo>
                    <a:lnTo>
                      <a:pt x="420" y="366"/>
                    </a:lnTo>
                    <a:lnTo>
                      <a:pt x="402" y="354"/>
                    </a:lnTo>
                    <a:lnTo>
                      <a:pt x="432" y="372"/>
                    </a:lnTo>
                    <a:lnTo>
                      <a:pt x="420" y="336"/>
                    </a:lnTo>
                    <a:lnTo>
                      <a:pt x="438" y="366"/>
                    </a:lnTo>
                    <a:lnTo>
                      <a:pt x="462" y="396"/>
                    </a:lnTo>
                    <a:lnTo>
                      <a:pt x="498" y="414"/>
                    </a:lnTo>
                    <a:lnTo>
                      <a:pt x="498" y="438"/>
                    </a:lnTo>
                    <a:lnTo>
                      <a:pt x="510" y="414"/>
                    </a:lnTo>
                    <a:lnTo>
                      <a:pt x="522" y="450"/>
                    </a:lnTo>
                    <a:lnTo>
                      <a:pt x="534" y="444"/>
                    </a:lnTo>
                    <a:lnTo>
                      <a:pt x="528" y="414"/>
                    </a:lnTo>
                    <a:lnTo>
                      <a:pt x="492" y="408"/>
                    </a:lnTo>
                    <a:lnTo>
                      <a:pt x="420" y="330"/>
                    </a:lnTo>
                    <a:lnTo>
                      <a:pt x="396" y="360"/>
                    </a:lnTo>
                    <a:lnTo>
                      <a:pt x="390" y="336"/>
                    </a:lnTo>
                    <a:lnTo>
                      <a:pt x="378" y="336"/>
                    </a:lnTo>
                    <a:lnTo>
                      <a:pt x="366" y="324"/>
                    </a:lnTo>
                    <a:lnTo>
                      <a:pt x="342" y="324"/>
                    </a:lnTo>
                    <a:lnTo>
                      <a:pt x="306" y="48"/>
                    </a:lnTo>
                    <a:lnTo>
                      <a:pt x="204" y="30"/>
                    </a:lnTo>
                    <a:lnTo>
                      <a:pt x="174" y="6"/>
                    </a:lnTo>
                    <a:lnTo>
                      <a:pt x="174" y="18"/>
                    </a:lnTo>
                    <a:lnTo>
                      <a:pt x="162" y="0"/>
                    </a:lnTo>
                    <a:lnTo>
                      <a:pt x="48" y="66"/>
                    </a:lnTo>
                    <a:lnTo>
                      <a:pt x="72" y="114"/>
                    </a:lnTo>
                    <a:lnTo>
                      <a:pt x="96" y="120"/>
                    </a:lnTo>
                    <a:lnTo>
                      <a:pt x="114" y="138"/>
                    </a:lnTo>
                    <a:lnTo>
                      <a:pt x="90" y="126"/>
                    </a:lnTo>
                    <a:lnTo>
                      <a:pt x="96" y="144"/>
                    </a:lnTo>
                    <a:lnTo>
                      <a:pt x="84" y="150"/>
                    </a:lnTo>
                    <a:lnTo>
                      <a:pt x="66" y="144"/>
                    </a:lnTo>
                    <a:lnTo>
                      <a:pt x="72" y="126"/>
                    </a:lnTo>
                    <a:lnTo>
                      <a:pt x="60" y="126"/>
                    </a:lnTo>
                    <a:lnTo>
                      <a:pt x="12" y="138"/>
                    </a:lnTo>
                    <a:lnTo>
                      <a:pt x="36" y="156"/>
                    </a:lnTo>
                    <a:lnTo>
                      <a:pt x="24" y="156"/>
                    </a:lnTo>
                    <a:lnTo>
                      <a:pt x="30" y="174"/>
                    </a:lnTo>
                    <a:lnTo>
                      <a:pt x="66" y="186"/>
                    </a:lnTo>
                    <a:lnTo>
                      <a:pt x="66" y="198"/>
                    </a:lnTo>
                    <a:lnTo>
                      <a:pt x="90" y="186"/>
                    </a:lnTo>
                    <a:lnTo>
                      <a:pt x="84" y="192"/>
                    </a:lnTo>
                    <a:lnTo>
                      <a:pt x="84" y="222"/>
                    </a:lnTo>
                    <a:lnTo>
                      <a:pt x="48" y="228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86" name="Freeform 263"/>
              <p:cNvSpPr>
                <a:spLocks noChangeAspect="1"/>
              </p:cNvSpPr>
              <p:nvPr/>
            </p:nvSpPr>
            <p:spPr bwMode="auto">
              <a:xfrm>
                <a:off x="84" y="2628"/>
                <a:ext cx="534" cy="468"/>
              </a:xfrm>
              <a:custGeom>
                <a:avLst/>
                <a:gdLst>
                  <a:gd name="T0" fmla="*/ 6 w 534"/>
                  <a:gd name="T1" fmla="*/ 264 h 468"/>
                  <a:gd name="T2" fmla="*/ 6 w 534"/>
                  <a:gd name="T3" fmla="*/ 270 h 468"/>
                  <a:gd name="T4" fmla="*/ 30 w 534"/>
                  <a:gd name="T5" fmla="*/ 294 h 468"/>
                  <a:gd name="T6" fmla="*/ 24 w 534"/>
                  <a:gd name="T7" fmla="*/ 324 h 468"/>
                  <a:gd name="T8" fmla="*/ 60 w 534"/>
                  <a:gd name="T9" fmla="*/ 300 h 468"/>
                  <a:gd name="T10" fmla="*/ 42 w 534"/>
                  <a:gd name="T11" fmla="*/ 360 h 468"/>
                  <a:gd name="T12" fmla="*/ 84 w 534"/>
                  <a:gd name="T13" fmla="*/ 378 h 468"/>
                  <a:gd name="T14" fmla="*/ 96 w 534"/>
                  <a:gd name="T15" fmla="*/ 372 h 468"/>
                  <a:gd name="T16" fmla="*/ 96 w 534"/>
                  <a:gd name="T17" fmla="*/ 408 h 468"/>
                  <a:gd name="T18" fmla="*/ 54 w 534"/>
                  <a:gd name="T19" fmla="*/ 450 h 468"/>
                  <a:gd name="T20" fmla="*/ 0 w 534"/>
                  <a:gd name="T21" fmla="*/ 468 h 468"/>
                  <a:gd name="T22" fmla="*/ 60 w 534"/>
                  <a:gd name="T23" fmla="*/ 450 h 468"/>
                  <a:gd name="T24" fmla="*/ 78 w 534"/>
                  <a:gd name="T25" fmla="*/ 444 h 468"/>
                  <a:gd name="T26" fmla="*/ 90 w 534"/>
                  <a:gd name="T27" fmla="*/ 438 h 468"/>
                  <a:gd name="T28" fmla="*/ 168 w 534"/>
                  <a:gd name="T29" fmla="*/ 372 h 468"/>
                  <a:gd name="T30" fmla="*/ 204 w 534"/>
                  <a:gd name="T31" fmla="*/ 306 h 468"/>
                  <a:gd name="T32" fmla="*/ 210 w 534"/>
                  <a:gd name="T33" fmla="*/ 300 h 468"/>
                  <a:gd name="T34" fmla="*/ 216 w 534"/>
                  <a:gd name="T35" fmla="*/ 306 h 468"/>
                  <a:gd name="T36" fmla="*/ 198 w 534"/>
                  <a:gd name="T37" fmla="*/ 318 h 468"/>
                  <a:gd name="T38" fmla="*/ 204 w 534"/>
                  <a:gd name="T39" fmla="*/ 348 h 468"/>
                  <a:gd name="T40" fmla="*/ 210 w 534"/>
                  <a:gd name="T41" fmla="*/ 360 h 468"/>
                  <a:gd name="T42" fmla="*/ 234 w 534"/>
                  <a:gd name="T43" fmla="*/ 342 h 468"/>
                  <a:gd name="T44" fmla="*/ 246 w 534"/>
                  <a:gd name="T45" fmla="*/ 318 h 468"/>
                  <a:gd name="T46" fmla="*/ 258 w 534"/>
                  <a:gd name="T47" fmla="*/ 318 h 468"/>
                  <a:gd name="T48" fmla="*/ 354 w 534"/>
                  <a:gd name="T49" fmla="*/ 342 h 468"/>
                  <a:gd name="T50" fmla="*/ 372 w 534"/>
                  <a:gd name="T51" fmla="*/ 336 h 468"/>
                  <a:gd name="T52" fmla="*/ 378 w 534"/>
                  <a:gd name="T53" fmla="*/ 354 h 468"/>
                  <a:gd name="T54" fmla="*/ 384 w 534"/>
                  <a:gd name="T55" fmla="*/ 360 h 468"/>
                  <a:gd name="T56" fmla="*/ 420 w 534"/>
                  <a:gd name="T57" fmla="*/ 366 h 468"/>
                  <a:gd name="T58" fmla="*/ 432 w 534"/>
                  <a:gd name="T59" fmla="*/ 372 h 468"/>
                  <a:gd name="T60" fmla="*/ 438 w 534"/>
                  <a:gd name="T61" fmla="*/ 366 h 468"/>
                  <a:gd name="T62" fmla="*/ 498 w 534"/>
                  <a:gd name="T63" fmla="*/ 414 h 468"/>
                  <a:gd name="T64" fmla="*/ 510 w 534"/>
                  <a:gd name="T65" fmla="*/ 414 h 468"/>
                  <a:gd name="T66" fmla="*/ 534 w 534"/>
                  <a:gd name="T67" fmla="*/ 444 h 468"/>
                  <a:gd name="T68" fmla="*/ 492 w 534"/>
                  <a:gd name="T69" fmla="*/ 408 h 468"/>
                  <a:gd name="T70" fmla="*/ 396 w 534"/>
                  <a:gd name="T71" fmla="*/ 360 h 468"/>
                  <a:gd name="T72" fmla="*/ 378 w 534"/>
                  <a:gd name="T73" fmla="*/ 336 h 468"/>
                  <a:gd name="T74" fmla="*/ 342 w 534"/>
                  <a:gd name="T75" fmla="*/ 324 h 468"/>
                  <a:gd name="T76" fmla="*/ 204 w 534"/>
                  <a:gd name="T77" fmla="*/ 30 h 468"/>
                  <a:gd name="T78" fmla="*/ 174 w 534"/>
                  <a:gd name="T79" fmla="*/ 18 h 468"/>
                  <a:gd name="T80" fmla="*/ 48 w 534"/>
                  <a:gd name="T81" fmla="*/ 66 h 468"/>
                  <a:gd name="T82" fmla="*/ 96 w 534"/>
                  <a:gd name="T83" fmla="*/ 120 h 468"/>
                  <a:gd name="T84" fmla="*/ 90 w 534"/>
                  <a:gd name="T85" fmla="*/ 126 h 468"/>
                  <a:gd name="T86" fmla="*/ 84 w 534"/>
                  <a:gd name="T87" fmla="*/ 150 h 468"/>
                  <a:gd name="T88" fmla="*/ 72 w 534"/>
                  <a:gd name="T89" fmla="*/ 126 h 468"/>
                  <a:gd name="T90" fmla="*/ 12 w 534"/>
                  <a:gd name="T91" fmla="*/ 138 h 468"/>
                  <a:gd name="T92" fmla="*/ 24 w 534"/>
                  <a:gd name="T93" fmla="*/ 156 h 468"/>
                  <a:gd name="T94" fmla="*/ 66 w 534"/>
                  <a:gd name="T95" fmla="*/ 186 h 468"/>
                  <a:gd name="T96" fmla="*/ 90 w 534"/>
                  <a:gd name="T97" fmla="*/ 186 h 468"/>
                  <a:gd name="T98" fmla="*/ 84 w 534"/>
                  <a:gd name="T99" fmla="*/ 222 h 468"/>
                  <a:gd name="T100" fmla="*/ 48 w 534"/>
                  <a:gd name="T101" fmla="*/ 234 h 468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w 534"/>
                  <a:gd name="T154" fmla="*/ 0 h 468"/>
                  <a:gd name="T155" fmla="*/ 534 w 534"/>
                  <a:gd name="T156" fmla="*/ 468 h 468"/>
                </a:gdLst>
                <a:ahLst/>
                <a:cxnLst>
                  <a:cxn ang="T102">
                    <a:pos x="T0" y="T1"/>
                  </a:cxn>
                  <a:cxn ang="T103">
                    <a:pos x="T2" y="T3"/>
                  </a:cxn>
                  <a:cxn ang="T104">
                    <a:pos x="T4" y="T5"/>
                  </a:cxn>
                  <a:cxn ang="T105">
                    <a:pos x="T6" y="T7"/>
                  </a:cxn>
                  <a:cxn ang="T106">
                    <a:pos x="T8" y="T9"/>
                  </a:cxn>
                  <a:cxn ang="T107">
                    <a:pos x="T10" y="T11"/>
                  </a:cxn>
                  <a:cxn ang="T108">
                    <a:pos x="T12" y="T13"/>
                  </a:cxn>
                  <a:cxn ang="T109">
                    <a:pos x="T14" y="T15"/>
                  </a:cxn>
                  <a:cxn ang="T110">
                    <a:pos x="T16" y="T17"/>
                  </a:cxn>
                  <a:cxn ang="T111">
                    <a:pos x="T18" y="T19"/>
                  </a:cxn>
                  <a:cxn ang="T112">
                    <a:pos x="T20" y="T21"/>
                  </a:cxn>
                  <a:cxn ang="T113">
                    <a:pos x="T22" y="T23"/>
                  </a:cxn>
                  <a:cxn ang="T114">
                    <a:pos x="T24" y="T25"/>
                  </a:cxn>
                  <a:cxn ang="T115">
                    <a:pos x="T26" y="T27"/>
                  </a:cxn>
                  <a:cxn ang="T116">
                    <a:pos x="T28" y="T29"/>
                  </a:cxn>
                  <a:cxn ang="T117">
                    <a:pos x="T30" y="T31"/>
                  </a:cxn>
                  <a:cxn ang="T118">
                    <a:pos x="T32" y="T33"/>
                  </a:cxn>
                  <a:cxn ang="T119">
                    <a:pos x="T34" y="T35"/>
                  </a:cxn>
                  <a:cxn ang="T120">
                    <a:pos x="T36" y="T37"/>
                  </a:cxn>
                  <a:cxn ang="T121">
                    <a:pos x="T38" y="T39"/>
                  </a:cxn>
                  <a:cxn ang="T122">
                    <a:pos x="T40" y="T41"/>
                  </a:cxn>
                  <a:cxn ang="T123">
                    <a:pos x="T42" y="T43"/>
                  </a:cxn>
                  <a:cxn ang="T124">
                    <a:pos x="T44" y="T45"/>
                  </a:cxn>
                  <a:cxn ang="T125">
                    <a:pos x="T46" y="T47"/>
                  </a:cxn>
                  <a:cxn ang="T126">
                    <a:pos x="T48" y="T49"/>
                  </a:cxn>
                  <a:cxn ang="T127">
                    <a:pos x="T50" y="T51"/>
                  </a:cxn>
                  <a:cxn ang="T128">
                    <a:pos x="T52" y="T53"/>
                  </a:cxn>
                  <a:cxn ang="T129">
                    <a:pos x="T54" y="T55"/>
                  </a:cxn>
                  <a:cxn ang="T130">
                    <a:pos x="T56" y="T57"/>
                  </a:cxn>
                  <a:cxn ang="T131">
                    <a:pos x="T58" y="T59"/>
                  </a:cxn>
                  <a:cxn ang="T132">
                    <a:pos x="T60" y="T61"/>
                  </a:cxn>
                  <a:cxn ang="T133">
                    <a:pos x="T62" y="T63"/>
                  </a:cxn>
                  <a:cxn ang="T134">
                    <a:pos x="T64" y="T65"/>
                  </a:cxn>
                  <a:cxn ang="T135">
                    <a:pos x="T66" y="T67"/>
                  </a:cxn>
                  <a:cxn ang="T136">
                    <a:pos x="T68" y="T69"/>
                  </a:cxn>
                  <a:cxn ang="T137">
                    <a:pos x="T70" y="T71"/>
                  </a:cxn>
                  <a:cxn ang="T138">
                    <a:pos x="T72" y="T73"/>
                  </a:cxn>
                  <a:cxn ang="T139">
                    <a:pos x="T74" y="T75"/>
                  </a:cxn>
                  <a:cxn ang="T140">
                    <a:pos x="T76" y="T77"/>
                  </a:cxn>
                  <a:cxn ang="T141">
                    <a:pos x="T78" y="T79"/>
                  </a:cxn>
                  <a:cxn ang="T142">
                    <a:pos x="T80" y="T81"/>
                  </a:cxn>
                  <a:cxn ang="T143">
                    <a:pos x="T82" y="T83"/>
                  </a:cxn>
                  <a:cxn ang="T144">
                    <a:pos x="T84" y="T85"/>
                  </a:cxn>
                  <a:cxn ang="T145">
                    <a:pos x="T86" y="T87"/>
                  </a:cxn>
                  <a:cxn ang="T146">
                    <a:pos x="T88" y="T89"/>
                  </a:cxn>
                  <a:cxn ang="T147">
                    <a:pos x="T90" y="T91"/>
                  </a:cxn>
                  <a:cxn ang="T148">
                    <a:pos x="T92" y="T93"/>
                  </a:cxn>
                  <a:cxn ang="T149">
                    <a:pos x="T94" y="T95"/>
                  </a:cxn>
                  <a:cxn ang="T150">
                    <a:pos x="T96" y="T97"/>
                  </a:cxn>
                  <a:cxn ang="T151">
                    <a:pos x="T98" y="T99"/>
                  </a:cxn>
                  <a:cxn ang="T152">
                    <a:pos x="T100" y="T101"/>
                  </a:cxn>
                </a:cxnLst>
                <a:rect l="T153" t="T154" r="T155" b="T156"/>
                <a:pathLst>
                  <a:path w="534" h="468">
                    <a:moveTo>
                      <a:pt x="48" y="228"/>
                    </a:moveTo>
                    <a:lnTo>
                      <a:pt x="6" y="264"/>
                    </a:lnTo>
                    <a:lnTo>
                      <a:pt x="18" y="264"/>
                    </a:lnTo>
                    <a:lnTo>
                      <a:pt x="6" y="270"/>
                    </a:lnTo>
                    <a:lnTo>
                      <a:pt x="12" y="282"/>
                    </a:lnTo>
                    <a:lnTo>
                      <a:pt x="30" y="294"/>
                    </a:lnTo>
                    <a:lnTo>
                      <a:pt x="18" y="306"/>
                    </a:lnTo>
                    <a:lnTo>
                      <a:pt x="24" y="324"/>
                    </a:lnTo>
                    <a:lnTo>
                      <a:pt x="36" y="330"/>
                    </a:lnTo>
                    <a:lnTo>
                      <a:pt x="60" y="300"/>
                    </a:lnTo>
                    <a:lnTo>
                      <a:pt x="54" y="348"/>
                    </a:lnTo>
                    <a:lnTo>
                      <a:pt x="42" y="360"/>
                    </a:lnTo>
                    <a:lnTo>
                      <a:pt x="72" y="348"/>
                    </a:lnTo>
                    <a:lnTo>
                      <a:pt x="84" y="378"/>
                    </a:lnTo>
                    <a:lnTo>
                      <a:pt x="96" y="360"/>
                    </a:lnTo>
                    <a:lnTo>
                      <a:pt x="96" y="372"/>
                    </a:lnTo>
                    <a:lnTo>
                      <a:pt x="120" y="360"/>
                    </a:lnTo>
                    <a:lnTo>
                      <a:pt x="96" y="408"/>
                    </a:lnTo>
                    <a:lnTo>
                      <a:pt x="60" y="432"/>
                    </a:lnTo>
                    <a:lnTo>
                      <a:pt x="54" y="450"/>
                    </a:lnTo>
                    <a:lnTo>
                      <a:pt x="30" y="444"/>
                    </a:lnTo>
                    <a:lnTo>
                      <a:pt x="0" y="468"/>
                    </a:lnTo>
                    <a:lnTo>
                      <a:pt x="30" y="450"/>
                    </a:lnTo>
                    <a:lnTo>
                      <a:pt x="60" y="450"/>
                    </a:lnTo>
                    <a:lnTo>
                      <a:pt x="60" y="456"/>
                    </a:lnTo>
                    <a:lnTo>
                      <a:pt x="78" y="444"/>
                    </a:lnTo>
                    <a:lnTo>
                      <a:pt x="72" y="432"/>
                    </a:lnTo>
                    <a:lnTo>
                      <a:pt x="90" y="438"/>
                    </a:lnTo>
                    <a:lnTo>
                      <a:pt x="156" y="390"/>
                    </a:lnTo>
                    <a:lnTo>
                      <a:pt x="168" y="372"/>
                    </a:lnTo>
                    <a:lnTo>
                      <a:pt x="156" y="354"/>
                    </a:lnTo>
                    <a:lnTo>
                      <a:pt x="204" y="306"/>
                    </a:lnTo>
                    <a:lnTo>
                      <a:pt x="216" y="276"/>
                    </a:lnTo>
                    <a:lnTo>
                      <a:pt x="210" y="300"/>
                    </a:lnTo>
                    <a:lnTo>
                      <a:pt x="228" y="294"/>
                    </a:lnTo>
                    <a:lnTo>
                      <a:pt x="216" y="306"/>
                    </a:lnTo>
                    <a:lnTo>
                      <a:pt x="228" y="318"/>
                    </a:lnTo>
                    <a:lnTo>
                      <a:pt x="198" y="318"/>
                    </a:lnTo>
                    <a:lnTo>
                      <a:pt x="192" y="348"/>
                    </a:lnTo>
                    <a:lnTo>
                      <a:pt x="204" y="348"/>
                    </a:lnTo>
                    <a:lnTo>
                      <a:pt x="192" y="366"/>
                    </a:lnTo>
                    <a:lnTo>
                      <a:pt x="210" y="360"/>
                    </a:lnTo>
                    <a:lnTo>
                      <a:pt x="222" y="336"/>
                    </a:lnTo>
                    <a:lnTo>
                      <a:pt x="234" y="342"/>
                    </a:lnTo>
                    <a:lnTo>
                      <a:pt x="246" y="306"/>
                    </a:lnTo>
                    <a:lnTo>
                      <a:pt x="246" y="318"/>
                    </a:lnTo>
                    <a:lnTo>
                      <a:pt x="264" y="306"/>
                    </a:lnTo>
                    <a:lnTo>
                      <a:pt x="258" y="318"/>
                    </a:lnTo>
                    <a:lnTo>
                      <a:pt x="300" y="342"/>
                    </a:lnTo>
                    <a:lnTo>
                      <a:pt x="354" y="342"/>
                    </a:lnTo>
                    <a:lnTo>
                      <a:pt x="360" y="330"/>
                    </a:lnTo>
                    <a:lnTo>
                      <a:pt x="372" y="336"/>
                    </a:lnTo>
                    <a:lnTo>
                      <a:pt x="360" y="348"/>
                    </a:lnTo>
                    <a:lnTo>
                      <a:pt x="378" y="354"/>
                    </a:lnTo>
                    <a:lnTo>
                      <a:pt x="384" y="336"/>
                    </a:lnTo>
                    <a:lnTo>
                      <a:pt x="384" y="360"/>
                    </a:lnTo>
                    <a:lnTo>
                      <a:pt x="408" y="378"/>
                    </a:lnTo>
                    <a:lnTo>
                      <a:pt x="420" y="366"/>
                    </a:lnTo>
                    <a:lnTo>
                      <a:pt x="402" y="354"/>
                    </a:lnTo>
                    <a:lnTo>
                      <a:pt x="432" y="372"/>
                    </a:lnTo>
                    <a:lnTo>
                      <a:pt x="420" y="336"/>
                    </a:lnTo>
                    <a:lnTo>
                      <a:pt x="438" y="366"/>
                    </a:lnTo>
                    <a:lnTo>
                      <a:pt x="462" y="396"/>
                    </a:lnTo>
                    <a:lnTo>
                      <a:pt x="498" y="414"/>
                    </a:lnTo>
                    <a:lnTo>
                      <a:pt x="498" y="438"/>
                    </a:lnTo>
                    <a:lnTo>
                      <a:pt x="510" y="414"/>
                    </a:lnTo>
                    <a:lnTo>
                      <a:pt x="522" y="450"/>
                    </a:lnTo>
                    <a:lnTo>
                      <a:pt x="534" y="444"/>
                    </a:lnTo>
                    <a:lnTo>
                      <a:pt x="528" y="414"/>
                    </a:lnTo>
                    <a:lnTo>
                      <a:pt x="492" y="408"/>
                    </a:lnTo>
                    <a:lnTo>
                      <a:pt x="420" y="330"/>
                    </a:lnTo>
                    <a:lnTo>
                      <a:pt x="396" y="360"/>
                    </a:lnTo>
                    <a:lnTo>
                      <a:pt x="390" y="336"/>
                    </a:lnTo>
                    <a:lnTo>
                      <a:pt x="378" y="336"/>
                    </a:lnTo>
                    <a:lnTo>
                      <a:pt x="366" y="324"/>
                    </a:lnTo>
                    <a:lnTo>
                      <a:pt x="342" y="324"/>
                    </a:lnTo>
                    <a:lnTo>
                      <a:pt x="306" y="48"/>
                    </a:lnTo>
                    <a:lnTo>
                      <a:pt x="204" y="30"/>
                    </a:lnTo>
                    <a:lnTo>
                      <a:pt x="174" y="6"/>
                    </a:lnTo>
                    <a:lnTo>
                      <a:pt x="174" y="18"/>
                    </a:lnTo>
                    <a:lnTo>
                      <a:pt x="162" y="0"/>
                    </a:lnTo>
                    <a:lnTo>
                      <a:pt x="48" y="66"/>
                    </a:lnTo>
                    <a:lnTo>
                      <a:pt x="72" y="114"/>
                    </a:lnTo>
                    <a:lnTo>
                      <a:pt x="96" y="120"/>
                    </a:lnTo>
                    <a:lnTo>
                      <a:pt x="114" y="138"/>
                    </a:lnTo>
                    <a:lnTo>
                      <a:pt x="90" y="126"/>
                    </a:lnTo>
                    <a:lnTo>
                      <a:pt x="96" y="144"/>
                    </a:lnTo>
                    <a:lnTo>
                      <a:pt x="84" y="150"/>
                    </a:lnTo>
                    <a:lnTo>
                      <a:pt x="66" y="144"/>
                    </a:lnTo>
                    <a:lnTo>
                      <a:pt x="72" y="126"/>
                    </a:lnTo>
                    <a:lnTo>
                      <a:pt x="60" y="126"/>
                    </a:lnTo>
                    <a:lnTo>
                      <a:pt x="12" y="138"/>
                    </a:lnTo>
                    <a:lnTo>
                      <a:pt x="36" y="156"/>
                    </a:lnTo>
                    <a:lnTo>
                      <a:pt x="24" y="156"/>
                    </a:lnTo>
                    <a:lnTo>
                      <a:pt x="30" y="174"/>
                    </a:lnTo>
                    <a:lnTo>
                      <a:pt x="66" y="186"/>
                    </a:lnTo>
                    <a:lnTo>
                      <a:pt x="66" y="198"/>
                    </a:lnTo>
                    <a:lnTo>
                      <a:pt x="90" y="186"/>
                    </a:lnTo>
                    <a:lnTo>
                      <a:pt x="84" y="192"/>
                    </a:lnTo>
                    <a:lnTo>
                      <a:pt x="84" y="222"/>
                    </a:lnTo>
                    <a:lnTo>
                      <a:pt x="48" y="228"/>
                    </a:lnTo>
                    <a:lnTo>
                      <a:pt x="48" y="23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87" name="Freeform 264"/>
              <p:cNvSpPr>
                <a:spLocks noChangeAspect="1"/>
              </p:cNvSpPr>
              <p:nvPr/>
            </p:nvSpPr>
            <p:spPr bwMode="auto">
              <a:xfrm>
                <a:off x="432" y="2298"/>
                <a:ext cx="348" cy="402"/>
              </a:xfrm>
              <a:custGeom>
                <a:avLst/>
                <a:gdLst>
                  <a:gd name="T0" fmla="*/ 294 w 348"/>
                  <a:gd name="T1" fmla="*/ 402 h 402"/>
                  <a:gd name="T2" fmla="*/ 186 w 348"/>
                  <a:gd name="T3" fmla="*/ 384 h 402"/>
                  <a:gd name="T4" fmla="*/ 0 w 348"/>
                  <a:gd name="T5" fmla="*/ 276 h 402"/>
                  <a:gd name="T6" fmla="*/ 6 w 348"/>
                  <a:gd name="T7" fmla="*/ 264 h 402"/>
                  <a:gd name="T8" fmla="*/ 12 w 348"/>
                  <a:gd name="T9" fmla="*/ 264 h 402"/>
                  <a:gd name="T10" fmla="*/ 24 w 348"/>
                  <a:gd name="T11" fmla="*/ 258 h 402"/>
                  <a:gd name="T12" fmla="*/ 18 w 348"/>
                  <a:gd name="T13" fmla="*/ 228 h 402"/>
                  <a:gd name="T14" fmla="*/ 30 w 348"/>
                  <a:gd name="T15" fmla="*/ 210 h 402"/>
                  <a:gd name="T16" fmla="*/ 36 w 348"/>
                  <a:gd name="T17" fmla="*/ 186 h 402"/>
                  <a:gd name="T18" fmla="*/ 60 w 348"/>
                  <a:gd name="T19" fmla="*/ 174 h 402"/>
                  <a:gd name="T20" fmla="*/ 42 w 348"/>
                  <a:gd name="T21" fmla="*/ 120 h 402"/>
                  <a:gd name="T22" fmla="*/ 42 w 348"/>
                  <a:gd name="T23" fmla="*/ 114 h 402"/>
                  <a:gd name="T24" fmla="*/ 48 w 348"/>
                  <a:gd name="T25" fmla="*/ 54 h 402"/>
                  <a:gd name="T26" fmla="*/ 60 w 348"/>
                  <a:gd name="T27" fmla="*/ 48 h 402"/>
                  <a:gd name="T28" fmla="*/ 78 w 348"/>
                  <a:gd name="T29" fmla="*/ 60 h 402"/>
                  <a:gd name="T30" fmla="*/ 96 w 348"/>
                  <a:gd name="T31" fmla="*/ 0 h 402"/>
                  <a:gd name="T32" fmla="*/ 348 w 348"/>
                  <a:gd name="T33" fmla="*/ 42 h 402"/>
                  <a:gd name="T34" fmla="*/ 306 w 348"/>
                  <a:gd name="T35" fmla="*/ 330 h 402"/>
                  <a:gd name="T36" fmla="*/ 294 w 348"/>
                  <a:gd name="T37" fmla="*/ 402 h 402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348"/>
                  <a:gd name="T58" fmla="*/ 0 h 402"/>
                  <a:gd name="T59" fmla="*/ 348 w 348"/>
                  <a:gd name="T60" fmla="*/ 402 h 402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348" h="402">
                    <a:moveTo>
                      <a:pt x="294" y="402"/>
                    </a:moveTo>
                    <a:lnTo>
                      <a:pt x="186" y="384"/>
                    </a:lnTo>
                    <a:lnTo>
                      <a:pt x="0" y="276"/>
                    </a:lnTo>
                    <a:lnTo>
                      <a:pt x="6" y="264"/>
                    </a:lnTo>
                    <a:lnTo>
                      <a:pt x="12" y="264"/>
                    </a:lnTo>
                    <a:lnTo>
                      <a:pt x="24" y="258"/>
                    </a:lnTo>
                    <a:lnTo>
                      <a:pt x="18" y="228"/>
                    </a:lnTo>
                    <a:lnTo>
                      <a:pt x="30" y="210"/>
                    </a:lnTo>
                    <a:lnTo>
                      <a:pt x="36" y="186"/>
                    </a:lnTo>
                    <a:lnTo>
                      <a:pt x="60" y="174"/>
                    </a:lnTo>
                    <a:lnTo>
                      <a:pt x="42" y="120"/>
                    </a:lnTo>
                    <a:lnTo>
                      <a:pt x="42" y="114"/>
                    </a:lnTo>
                    <a:lnTo>
                      <a:pt x="48" y="54"/>
                    </a:lnTo>
                    <a:lnTo>
                      <a:pt x="60" y="48"/>
                    </a:lnTo>
                    <a:lnTo>
                      <a:pt x="78" y="60"/>
                    </a:lnTo>
                    <a:lnTo>
                      <a:pt x="96" y="0"/>
                    </a:lnTo>
                    <a:lnTo>
                      <a:pt x="348" y="42"/>
                    </a:lnTo>
                    <a:lnTo>
                      <a:pt x="306" y="330"/>
                    </a:lnTo>
                    <a:lnTo>
                      <a:pt x="294" y="402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88" name="Freeform 265"/>
              <p:cNvSpPr>
                <a:spLocks noChangeAspect="1"/>
              </p:cNvSpPr>
              <p:nvPr/>
            </p:nvSpPr>
            <p:spPr bwMode="auto">
              <a:xfrm>
                <a:off x="432" y="2298"/>
                <a:ext cx="348" cy="408"/>
              </a:xfrm>
              <a:custGeom>
                <a:avLst/>
                <a:gdLst>
                  <a:gd name="T0" fmla="*/ 294 w 348"/>
                  <a:gd name="T1" fmla="*/ 402 h 408"/>
                  <a:gd name="T2" fmla="*/ 186 w 348"/>
                  <a:gd name="T3" fmla="*/ 384 h 408"/>
                  <a:gd name="T4" fmla="*/ 0 w 348"/>
                  <a:gd name="T5" fmla="*/ 276 h 408"/>
                  <a:gd name="T6" fmla="*/ 6 w 348"/>
                  <a:gd name="T7" fmla="*/ 264 h 408"/>
                  <a:gd name="T8" fmla="*/ 12 w 348"/>
                  <a:gd name="T9" fmla="*/ 264 h 408"/>
                  <a:gd name="T10" fmla="*/ 24 w 348"/>
                  <a:gd name="T11" fmla="*/ 258 h 408"/>
                  <a:gd name="T12" fmla="*/ 18 w 348"/>
                  <a:gd name="T13" fmla="*/ 228 h 408"/>
                  <a:gd name="T14" fmla="*/ 30 w 348"/>
                  <a:gd name="T15" fmla="*/ 210 h 408"/>
                  <a:gd name="T16" fmla="*/ 36 w 348"/>
                  <a:gd name="T17" fmla="*/ 186 h 408"/>
                  <a:gd name="T18" fmla="*/ 60 w 348"/>
                  <a:gd name="T19" fmla="*/ 174 h 408"/>
                  <a:gd name="T20" fmla="*/ 42 w 348"/>
                  <a:gd name="T21" fmla="*/ 120 h 408"/>
                  <a:gd name="T22" fmla="*/ 42 w 348"/>
                  <a:gd name="T23" fmla="*/ 114 h 408"/>
                  <a:gd name="T24" fmla="*/ 48 w 348"/>
                  <a:gd name="T25" fmla="*/ 54 h 408"/>
                  <a:gd name="T26" fmla="*/ 60 w 348"/>
                  <a:gd name="T27" fmla="*/ 48 h 408"/>
                  <a:gd name="T28" fmla="*/ 78 w 348"/>
                  <a:gd name="T29" fmla="*/ 60 h 408"/>
                  <a:gd name="T30" fmla="*/ 96 w 348"/>
                  <a:gd name="T31" fmla="*/ 0 h 408"/>
                  <a:gd name="T32" fmla="*/ 348 w 348"/>
                  <a:gd name="T33" fmla="*/ 42 h 408"/>
                  <a:gd name="T34" fmla="*/ 306 w 348"/>
                  <a:gd name="T35" fmla="*/ 330 h 408"/>
                  <a:gd name="T36" fmla="*/ 294 w 348"/>
                  <a:gd name="T37" fmla="*/ 402 h 408"/>
                  <a:gd name="T38" fmla="*/ 294 w 348"/>
                  <a:gd name="T39" fmla="*/ 408 h 408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348"/>
                  <a:gd name="T61" fmla="*/ 0 h 408"/>
                  <a:gd name="T62" fmla="*/ 348 w 348"/>
                  <a:gd name="T63" fmla="*/ 408 h 408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348" h="408">
                    <a:moveTo>
                      <a:pt x="294" y="402"/>
                    </a:moveTo>
                    <a:lnTo>
                      <a:pt x="186" y="384"/>
                    </a:lnTo>
                    <a:lnTo>
                      <a:pt x="0" y="276"/>
                    </a:lnTo>
                    <a:lnTo>
                      <a:pt x="6" y="264"/>
                    </a:lnTo>
                    <a:lnTo>
                      <a:pt x="12" y="264"/>
                    </a:lnTo>
                    <a:lnTo>
                      <a:pt x="24" y="258"/>
                    </a:lnTo>
                    <a:lnTo>
                      <a:pt x="18" y="228"/>
                    </a:lnTo>
                    <a:lnTo>
                      <a:pt x="30" y="210"/>
                    </a:lnTo>
                    <a:lnTo>
                      <a:pt x="36" y="186"/>
                    </a:lnTo>
                    <a:lnTo>
                      <a:pt x="60" y="174"/>
                    </a:lnTo>
                    <a:lnTo>
                      <a:pt x="42" y="120"/>
                    </a:lnTo>
                    <a:lnTo>
                      <a:pt x="42" y="114"/>
                    </a:lnTo>
                    <a:lnTo>
                      <a:pt x="48" y="54"/>
                    </a:lnTo>
                    <a:lnTo>
                      <a:pt x="60" y="48"/>
                    </a:lnTo>
                    <a:lnTo>
                      <a:pt x="78" y="60"/>
                    </a:lnTo>
                    <a:lnTo>
                      <a:pt x="96" y="0"/>
                    </a:lnTo>
                    <a:lnTo>
                      <a:pt x="348" y="42"/>
                    </a:lnTo>
                    <a:lnTo>
                      <a:pt x="306" y="330"/>
                    </a:lnTo>
                    <a:lnTo>
                      <a:pt x="294" y="402"/>
                    </a:lnTo>
                    <a:lnTo>
                      <a:pt x="294" y="40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89" name="Freeform 266"/>
              <p:cNvSpPr>
                <a:spLocks noChangeAspect="1"/>
              </p:cNvSpPr>
              <p:nvPr/>
            </p:nvSpPr>
            <p:spPr bwMode="auto">
              <a:xfrm>
                <a:off x="1512" y="2412"/>
                <a:ext cx="258" cy="228"/>
              </a:xfrm>
              <a:custGeom>
                <a:avLst/>
                <a:gdLst>
                  <a:gd name="T0" fmla="*/ 186 w 258"/>
                  <a:gd name="T1" fmla="*/ 228 h 228"/>
                  <a:gd name="T2" fmla="*/ 30 w 258"/>
                  <a:gd name="T3" fmla="*/ 228 h 228"/>
                  <a:gd name="T4" fmla="*/ 30 w 258"/>
                  <a:gd name="T5" fmla="*/ 192 h 228"/>
                  <a:gd name="T6" fmla="*/ 6 w 258"/>
                  <a:gd name="T7" fmla="*/ 186 h 228"/>
                  <a:gd name="T8" fmla="*/ 12 w 258"/>
                  <a:gd name="T9" fmla="*/ 78 h 228"/>
                  <a:gd name="T10" fmla="*/ 0 w 258"/>
                  <a:gd name="T11" fmla="*/ 6 h 228"/>
                  <a:gd name="T12" fmla="*/ 228 w 258"/>
                  <a:gd name="T13" fmla="*/ 0 h 228"/>
                  <a:gd name="T14" fmla="*/ 234 w 258"/>
                  <a:gd name="T15" fmla="*/ 12 h 228"/>
                  <a:gd name="T16" fmla="*/ 216 w 258"/>
                  <a:gd name="T17" fmla="*/ 30 h 228"/>
                  <a:gd name="T18" fmla="*/ 258 w 258"/>
                  <a:gd name="T19" fmla="*/ 30 h 228"/>
                  <a:gd name="T20" fmla="*/ 240 w 258"/>
                  <a:gd name="T21" fmla="*/ 48 h 228"/>
                  <a:gd name="T22" fmla="*/ 246 w 258"/>
                  <a:gd name="T23" fmla="*/ 60 h 228"/>
                  <a:gd name="T24" fmla="*/ 228 w 258"/>
                  <a:gd name="T25" fmla="*/ 66 h 228"/>
                  <a:gd name="T26" fmla="*/ 240 w 258"/>
                  <a:gd name="T27" fmla="*/ 84 h 228"/>
                  <a:gd name="T28" fmla="*/ 228 w 258"/>
                  <a:gd name="T29" fmla="*/ 96 h 228"/>
                  <a:gd name="T30" fmla="*/ 216 w 258"/>
                  <a:gd name="T31" fmla="*/ 108 h 228"/>
                  <a:gd name="T32" fmla="*/ 216 w 258"/>
                  <a:gd name="T33" fmla="*/ 132 h 228"/>
                  <a:gd name="T34" fmla="*/ 186 w 258"/>
                  <a:gd name="T35" fmla="*/ 162 h 228"/>
                  <a:gd name="T36" fmla="*/ 192 w 258"/>
                  <a:gd name="T37" fmla="*/ 180 h 228"/>
                  <a:gd name="T38" fmla="*/ 180 w 258"/>
                  <a:gd name="T39" fmla="*/ 180 h 228"/>
                  <a:gd name="T40" fmla="*/ 180 w 258"/>
                  <a:gd name="T41" fmla="*/ 198 h 228"/>
                  <a:gd name="T42" fmla="*/ 192 w 258"/>
                  <a:gd name="T43" fmla="*/ 198 h 228"/>
                  <a:gd name="T44" fmla="*/ 186 w 258"/>
                  <a:gd name="T45" fmla="*/ 204 h 228"/>
                  <a:gd name="T46" fmla="*/ 192 w 258"/>
                  <a:gd name="T47" fmla="*/ 210 h 228"/>
                  <a:gd name="T48" fmla="*/ 186 w 258"/>
                  <a:gd name="T49" fmla="*/ 222 h 228"/>
                  <a:gd name="T50" fmla="*/ 186 w 258"/>
                  <a:gd name="T51" fmla="*/ 228 h 228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258"/>
                  <a:gd name="T79" fmla="*/ 0 h 228"/>
                  <a:gd name="T80" fmla="*/ 258 w 258"/>
                  <a:gd name="T81" fmla="*/ 228 h 228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258" h="228">
                    <a:moveTo>
                      <a:pt x="186" y="228"/>
                    </a:moveTo>
                    <a:lnTo>
                      <a:pt x="30" y="228"/>
                    </a:lnTo>
                    <a:lnTo>
                      <a:pt x="30" y="192"/>
                    </a:lnTo>
                    <a:lnTo>
                      <a:pt x="6" y="186"/>
                    </a:lnTo>
                    <a:lnTo>
                      <a:pt x="12" y="78"/>
                    </a:lnTo>
                    <a:lnTo>
                      <a:pt x="0" y="6"/>
                    </a:lnTo>
                    <a:lnTo>
                      <a:pt x="228" y="0"/>
                    </a:lnTo>
                    <a:lnTo>
                      <a:pt x="234" y="12"/>
                    </a:lnTo>
                    <a:lnTo>
                      <a:pt x="216" y="30"/>
                    </a:lnTo>
                    <a:lnTo>
                      <a:pt x="258" y="30"/>
                    </a:lnTo>
                    <a:lnTo>
                      <a:pt x="240" y="48"/>
                    </a:lnTo>
                    <a:lnTo>
                      <a:pt x="246" y="60"/>
                    </a:lnTo>
                    <a:lnTo>
                      <a:pt x="228" y="66"/>
                    </a:lnTo>
                    <a:lnTo>
                      <a:pt x="240" y="84"/>
                    </a:lnTo>
                    <a:lnTo>
                      <a:pt x="228" y="96"/>
                    </a:lnTo>
                    <a:lnTo>
                      <a:pt x="216" y="108"/>
                    </a:lnTo>
                    <a:lnTo>
                      <a:pt x="216" y="132"/>
                    </a:lnTo>
                    <a:lnTo>
                      <a:pt x="186" y="162"/>
                    </a:lnTo>
                    <a:lnTo>
                      <a:pt x="192" y="180"/>
                    </a:lnTo>
                    <a:lnTo>
                      <a:pt x="180" y="180"/>
                    </a:lnTo>
                    <a:lnTo>
                      <a:pt x="180" y="198"/>
                    </a:lnTo>
                    <a:lnTo>
                      <a:pt x="192" y="198"/>
                    </a:lnTo>
                    <a:lnTo>
                      <a:pt x="186" y="204"/>
                    </a:lnTo>
                    <a:lnTo>
                      <a:pt x="192" y="210"/>
                    </a:lnTo>
                    <a:lnTo>
                      <a:pt x="186" y="222"/>
                    </a:lnTo>
                    <a:lnTo>
                      <a:pt x="186" y="228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90" name="Freeform 267"/>
              <p:cNvSpPr>
                <a:spLocks noChangeAspect="1"/>
              </p:cNvSpPr>
              <p:nvPr/>
            </p:nvSpPr>
            <p:spPr bwMode="auto">
              <a:xfrm>
                <a:off x="1512" y="2412"/>
                <a:ext cx="258" cy="234"/>
              </a:xfrm>
              <a:custGeom>
                <a:avLst/>
                <a:gdLst>
                  <a:gd name="T0" fmla="*/ 186 w 258"/>
                  <a:gd name="T1" fmla="*/ 228 h 234"/>
                  <a:gd name="T2" fmla="*/ 30 w 258"/>
                  <a:gd name="T3" fmla="*/ 228 h 234"/>
                  <a:gd name="T4" fmla="*/ 30 w 258"/>
                  <a:gd name="T5" fmla="*/ 192 h 234"/>
                  <a:gd name="T6" fmla="*/ 6 w 258"/>
                  <a:gd name="T7" fmla="*/ 186 h 234"/>
                  <a:gd name="T8" fmla="*/ 12 w 258"/>
                  <a:gd name="T9" fmla="*/ 78 h 234"/>
                  <a:gd name="T10" fmla="*/ 0 w 258"/>
                  <a:gd name="T11" fmla="*/ 6 h 234"/>
                  <a:gd name="T12" fmla="*/ 228 w 258"/>
                  <a:gd name="T13" fmla="*/ 0 h 234"/>
                  <a:gd name="T14" fmla="*/ 234 w 258"/>
                  <a:gd name="T15" fmla="*/ 12 h 234"/>
                  <a:gd name="T16" fmla="*/ 216 w 258"/>
                  <a:gd name="T17" fmla="*/ 30 h 234"/>
                  <a:gd name="T18" fmla="*/ 258 w 258"/>
                  <a:gd name="T19" fmla="*/ 30 h 234"/>
                  <a:gd name="T20" fmla="*/ 240 w 258"/>
                  <a:gd name="T21" fmla="*/ 48 h 234"/>
                  <a:gd name="T22" fmla="*/ 246 w 258"/>
                  <a:gd name="T23" fmla="*/ 60 h 234"/>
                  <a:gd name="T24" fmla="*/ 228 w 258"/>
                  <a:gd name="T25" fmla="*/ 66 h 234"/>
                  <a:gd name="T26" fmla="*/ 240 w 258"/>
                  <a:gd name="T27" fmla="*/ 84 h 234"/>
                  <a:gd name="T28" fmla="*/ 228 w 258"/>
                  <a:gd name="T29" fmla="*/ 96 h 234"/>
                  <a:gd name="T30" fmla="*/ 216 w 258"/>
                  <a:gd name="T31" fmla="*/ 108 h 234"/>
                  <a:gd name="T32" fmla="*/ 216 w 258"/>
                  <a:gd name="T33" fmla="*/ 132 h 234"/>
                  <a:gd name="T34" fmla="*/ 186 w 258"/>
                  <a:gd name="T35" fmla="*/ 162 h 234"/>
                  <a:gd name="T36" fmla="*/ 192 w 258"/>
                  <a:gd name="T37" fmla="*/ 180 h 234"/>
                  <a:gd name="T38" fmla="*/ 180 w 258"/>
                  <a:gd name="T39" fmla="*/ 180 h 234"/>
                  <a:gd name="T40" fmla="*/ 180 w 258"/>
                  <a:gd name="T41" fmla="*/ 198 h 234"/>
                  <a:gd name="T42" fmla="*/ 192 w 258"/>
                  <a:gd name="T43" fmla="*/ 198 h 234"/>
                  <a:gd name="T44" fmla="*/ 186 w 258"/>
                  <a:gd name="T45" fmla="*/ 204 h 234"/>
                  <a:gd name="T46" fmla="*/ 192 w 258"/>
                  <a:gd name="T47" fmla="*/ 210 h 234"/>
                  <a:gd name="T48" fmla="*/ 186 w 258"/>
                  <a:gd name="T49" fmla="*/ 222 h 234"/>
                  <a:gd name="T50" fmla="*/ 186 w 258"/>
                  <a:gd name="T51" fmla="*/ 228 h 234"/>
                  <a:gd name="T52" fmla="*/ 186 w 258"/>
                  <a:gd name="T53" fmla="*/ 234 h 234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258"/>
                  <a:gd name="T82" fmla="*/ 0 h 234"/>
                  <a:gd name="T83" fmla="*/ 258 w 258"/>
                  <a:gd name="T84" fmla="*/ 234 h 234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258" h="234">
                    <a:moveTo>
                      <a:pt x="186" y="228"/>
                    </a:moveTo>
                    <a:lnTo>
                      <a:pt x="30" y="228"/>
                    </a:lnTo>
                    <a:lnTo>
                      <a:pt x="30" y="192"/>
                    </a:lnTo>
                    <a:lnTo>
                      <a:pt x="6" y="186"/>
                    </a:lnTo>
                    <a:lnTo>
                      <a:pt x="12" y="78"/>
                    </a:lnTo>
                    <a:lnTo>
                      <a:pt x="0" y="6"/>
                    </a:lnTo>
                    <a:lnTo>
                      <a:pt x="228" y="0"/>
                    </a:lnTo>
                    <a:lnTo>
                      <a:pt x="234" y="12"/>
                    </a:lnTo>
                    <a:lnTo>
                      <a:pt x="216" y="30"/>
                    </a:lnTo>
                    <a:lnTo>
                      <a:pt x="258" y="30"/>
                    </a:lnTo>
                    <a:lnTo>
                      <a:pt x="240" y="48"/>
                    </a:lnTo>
                    <a:lnTo>
                      <a:pt x="246" y="60"/>
                    </a:lnTo>
                    <a:lnTo>
                      <a:pt x="228" y="66"/>
                    </a:lnTo>
                    <a:lnTo>
                      <a:pt x="240" y="84"/>
                    </a:lnTo>
                    <a:lnTo>
                      <a:pt x="228" y="96"/>
                    </a:lnTo>
                    <a:lnTo>
                      <a:pt x="216" y="108"/>
                    </a:lnTo>
                    <a:lnTo>
                      <a:pt x="216" y="132"/>
                    </a:lnTo>
                    <a:lnTo>
                      <a:pt x="186" y="162"/>
                    </a:lnTo>
                    <a:lnTo>
                      <a:pt x="192" y="180"/>
                    </a:lnTo>
                    <a:lnTo>
                      <a:pt x="180" y="180"/>
                    </a:lnTo>
                    <a:lnTo>
                      <a:pt x="180" y="198"/>
                    </a:lnTo>
                    <a:lnTo>
                      <a:pt x="192" y="198"/>
                    </a:lnTo>
                    <a:lnTo>
                      <a:pt x="186" y="204"/>
                    </a:lnTo>
                    <a:lnTo>
                      <a:pt x="192" y="210"/>
                    </a:lnTo>
                    <a:lnTo>
                      <a:pt x="186" y="222"/>
                    </a:lnTo>
                    <a:lnTo>
                      <a:pt x="186" y="228"/>
                    </a:lnTo>
                    <a:lnTo>
                      <a:pt x="186" y="23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91" name="Freeform 268"/>
              <p:cNvSpPr>
                <a:spLocks noChangeAspect="1"/>
              </p:cNvSpPr>
              <p:nvPr/>
            </p:nvSpPr>
            <p:spPr bwMode="auto">
              <a:xfrm>
                <a:off x="84" y="1866"/>
                <a:ext cx="408" cy="696"/>
              </a:xfrm>
              <a:custGeom>
                <a:avLst/>
                <a:gdLst>
                  <a:gd name="T0" fmla="*/ 354 w 408"/>
                  <a:gd name="T1" fmla="*/ 696 h 696"/>
                  <a:gd name="T2" fmla="*/ 228 w 408"/>
                  <a:gd name="T3" fmla="*/ 678 h 696"/>
                  <a:gd name="T4" fmla="*/ 222 w 408"/>
                  <a:gd name="T5" fmla="*/ 630 h 696"/>
                  <a:gd name="T6" fmla="*/ 198 w 408"/>
                  <a:gd name="T7" fmla="*/ 588 h 696"/>
                  <a:gd name="T8" fmla="*/ 180 w 408"/>
                  <a:gd name="T9" fmla="*/ 588 h 696"/>
                  <a:gd name="T10" fmla="*/ 180 w 408"/>
                  <a:gd name="T11" fmla="*/ 570 h 696"/>
                  <a:gd name="T12" fmla="*/ 150 w 408"/>
                  <a:gd name="T13" fmla="*/ 558 h 696"/>
                  <a:gd name="T14" fmla="*/ 132 w 408"/>
                  <a:gd name="T15" fmla="*/ 528 h 696"/>
                  <a:gd name="T16" fmla="*/ 90 w 408"/>
                  <a:gd name="T17" fmla="*/ 516 h 696"/>
                  <a:gd name="T18" fmla="*/ 78 w 408"/>
                  <a:gd name="T19" fmla="*/ 510 h 696"/>
                  <a:gd name="T20" fmla="*/ 90 w 408"/>
                  <a:gd name="T21" fmla="*/ 468 h 696"/>
                  <a:gd name="T22" fmla="*/ 78 w 408"/>
                  <a:gd name="T23" fmla="*/ 462 h 696"/>
                  <a:gd name="T24" fmla="*/ 84 w 408"/>
                  <a:gd name="T25" fmla="*/ 450 h 696"/>
                  <a:gd name="T26" fmla="*/ 48 w 408"/>
                  <a:gd name="T27" fmla="*/ 384 h 696"/>
                  <a:gd name="T28" fmla="*/ 48 w 408"/>
                  <a:gd name="T29" fmla="*/ 366 h 696"/>
                  <a:gd name="T30" fmla="*/ 60 w 408"/>
                  <a:gd name="T31" fmla="*/ 348 h 696"/>
                  <a:gd name="T32" fmla="*/ 36 w 408"/>
                  <a:gd name="T33" fmla="*/ 318 h 696"/>
                  <a:gd name="T34" fmla="*/ 42 w 408"/>
                  <a:gd name="T35" fmla="*/ 282 h 696"/>
                  <a:gd name="T36" fmla="*/ 60 w 408"/>
                  <a:gd name="T37" fmla="*/ 312 h 696"/>
                  <a:gd name="T38" fmla="*/ 48 w 408"/>
                  <a:gd name="T39" fmla="*/ 276 h 696"/>
                  <a:gd name="T40" fmla="*/ 66 w 408"/>
                  <a:gd name="T41" fmla="*/ 270 h 696"/>
                  <a:gd name="T42" fmla="*/ 48 w 408"/>
                  <a:gd name="T43" fmla="*/ 258 h 696"/>
                  <a:gd name="T44" fmla="*/ 42 w 408"/>
                  <a:gd name="T45" fmla="*/ 282 h 696"/>
                  <a:gd name="T46" fmla="*/ 30 w 408"/>
                  <a:gd name="T47" fmla="*/ 258 h 696"/>
                  <a:gd name="T48" fmla="*/ 24 w 408"/>
                  <a:gd name="T49" fmla="*/ 264 h 696"/>
                  <a:gd name="T50" fmla="*/ 30 w 408"/>
                  <a:gd name="T51" fmla="*/ 252 h 696"/>
                  <a:gd name="T52" fmla="*/ 6 w 408"/>
                  <a:gd name="T53" fmla="*/ 192 h 696"/>
                  <a:gd name="T54" fmla="*/ 18 w 408"/>
                  <a:gd name="T55" fmla="*/ 138 h 696"/>
                  <a:gd name="T56" fmla="*/ 0 w 408"/>
                  <a:gd name="T57" fmla="*/ 90 h 696"/>
                  <a:gd name="T58" fmla="*/ 24 w 408"/>
                  <a:gd name="T59" fmla="*/ 60 h 696"/>
                  <a:gd name="T60" fmla="*/ 42 w 408"/>
                  <a:gd name="T61" fmla="*/ 0 h 696"/>
                  <a:gd name="T62" fmla="*/ 228 w 408"/>
                  <a:gd name="T63" fmla="*/ 54 h 696"/>
                  <a:gd name="T64" fmla="*/ 180 w 408"/>
                  <a:gd name="T65" fmla="*/ 240 h 696"/>
                  <a:gd name="T66" fmla="*/ 390 w 408"/>
                  <a:gd name="T67" fmla="*/ 552 h 696"/>
                  <a:gd name="T68" fmla="*/ 408 w 408"/>
                  <a:gd name="T69" fmla="*/ 606 h 696"/>
                  <a:gd name="T70" fmla="*/ 384 w 408"/>
                  <a:gd name="T71" fmla="*/ 618 h 696"/>
                  <a:gd name="T72" fmla="*/ 378 w 408"/>
                  <a:gd name="T73" fmla="*/ 642 h 696"/>
                  <a:gd name="T74" fmla="*/ 366 w 408"/>
                  <a:gd name="T75" fmla="*/ 660 h 696"/>
                  <a:gd name="T76" fmla="*/ 372 w 408"/>
                  <a:gd name="T77" fmla="*/ 690 h 696"/>
                  <a:gd name="T78" fmla="*/ 360 w 408"/>
                  <a:gd name="T79" fmla="*/ 696 h 696"/>
                  <a:gd name="T80" fmla="*/ 354 w 408"/>
                  <a:gd name="T81" fmla="*/ 696 h 69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w 408"/>
                  <a:gd name="T124" fmla="*/ 0 h 696"/>
                  <a:gd name="T125" fmla="*/ 408 w 408"/>
                  <a:gd name="T126" fmla="*/ 696 h 696"/>
                </a:gdLst>
                <a:ahLst/>
                <a:cxnLst>
                  <a:cxn ang="T82">
                    <a:pos x="T0" y="T1"/>
                  </a:cxn>
                  <a:cxn ang="T83">
                    <a:pos x="T2" y="T3"/>
                  </a:cxn>
                  <a:cxn ang="T84">
                    <a:pos x="T4" y="T5"/>
                  </a:cxn>
                  <a:cxn ang="T85">
                    <a:pos x="T6" y="T7"/>
                  </a:cxn>
                  <a:cxn ang="T86">
                    <a:pos x="T8" y="T9"/>
                  </a:cxn>
                  <a:cxn ang="T87">
                    <a:pos x="T10" y="T11"/>
                  </a:cxn>
                  <a:cxn ang="T88">
                    <a:pos x="T12" y="T13"/>
                  </a:cxn>
                  <a:cxn ang="T89">
                    <a:pos x="T14" y="T15"/>
                  </a:cxn>
                  <a:cxn ang="T90">
                    <a:pos x="T16" y="T17"/>
                  </a:cxn>
                  <a:cxn ang="T91">
                    <a:pos x="T18" y="T19"/>
                  </a:cxn>
                  <a:cxn ang="T92">
                    <a:pos x="T20" y="T21"/>
                  </a:cxn>
                  <a:cxn ang="T93">
                    <a:pos x="T22" y="T23"/>
                  </a:cxn>
                  <a:cxn ang="T94">
                    <a:pos x="T24" y="T25"/>
                  </a:cxn>
                  <a:cxn ang="T95">
                    <a:pos x="T26" y="T27"/>
                  </a:cxn>
                  <a:cxn ang="T96">
                    <a:pos x="T28" y="T29"/>
                  </a:cxn>
                  <a:cxn ang="T97">
                    <a:pos x="T30" y="T31"/>
                  </a:cxn>
                  <a:cxn ang="T98">
                    <a:pos x="T32" y="T33"/>
                  </a:cxn>
                  <a:cxn ang="T99">
                    <a:pos x="T34" y="T35"/>
                  </a:cxn>
                  <a:cxn ang="T100">
                    <a:pos x="T36" y="T37"/>
                  </a:cxn>
                  <a:cxn ang="T101">
                    <a:pos x="T38" y="T39"/>
                  </a:cxn>
                  <a:cxn ang="T102">
                    <a:pos x="T40" y="T41"/>
                  </a:cxn>
                  <a:cxn ang="T103">
                    <a:pos x="T42" y="T43"/>
                  </a:cxn>
                  <a:cxn ang="T104">
                    <a:pos x="T44" y="T45"/>
                  </a:cxn>
                  <a:cxn ang="T105">
                    <a:pos x="T46" y="T47"/>
                  </a:cxn>
                  <a:cxn ang="T106">
                    <a:pos x="T48" y="T49"/>
                  </a:cxn>
                  <a:cxn ang="T107">
                    <a:pos x="T50" y="T51"/>
                  </a:cxn>
                  <a:cxn ang="T108">
                    <a:pos x="T52" y="T53"/>
                  </a:cxn>
                  <a:cxn ang="T109">
                    <a:pos x="T54" y="T55"/>
                  </a:cxn>
                  <a:cxn ang="T110">
                    <a:pos x="T56" y="T57"/>
                  </a:cxn>
                  <a:cxn ang="T111">
                    <a:pos x="T58" y="T59"/>
                  </a:cxn>
                  <a:cxn ang="T112">
                    <a:pos x="T60" y="T61"/>
                  </a:cxn>
                  <a:cxn ang="T113">
                    <a:pos x="T62" y="T63"/>
                  </a:cxn>
                  <a:cxn ang="T114">
                    <a:pos x="T64" y="T65"/>
                  </a:cxn>
                  <a:cxn ang="T115">
                    <a:pos x="T66" y="T67"/>
                  </a:cxn>
                  <a:cxn ang="T116">
                    <a:pos x="T68" y="T69"/>
                  </a:cxn>
                  <a:cxn ang="T117">
                    <a:pos x="T70" y="T71"/>
                  </a:cxn>
                  <a:cxn ang="T118">
                    <a:pos x="T72" y="T73"/>
                  </a:cxn>
                  <a:cxn ang="T119">
                    <a:pos x="T74" y="T75"/>
                  </a:cxn>
                  <a:cxn ang="T120">
                    <a:pos x="T76" y="T77"/>
                  </a:cxn>
                  <a:cxn ang="T121">
                    <a:pos x="T78" y="T79"/>
                  </a:cxn>
                  <a:cxn ang="T122">
                    <a:pos x="T80" y="T81"/>
                  </a:cxn>
                </a:cxnLst>
                <a:rect l="T123" t="T124" r="T125" b="T126"/>
                <a:pathLst>
                  <a:path w="408" h="696">
                    <a:moveTo>
                      <a:pt x="354" y="696"/>
                    </a:moveTo>
                    <a:lnTo>
                      <a:pt x="228" y="678"/>
                    </a:lnTo>
                    <a:lnTo>
                      <a:pt x="222" y="630"/>
                    </a:lnTo>
                    <a:lnTo>
                      <a:pt x="198" y="588"/>
                    </a:lnTo>
                    <a:lnTo>
                      <a:pt x="180" y="588"/>
                    </a:lnTo>
                    <a:lnTo>
                      <a:pt x="180" y="570"/>
                    </a:lnTo>
                    <a:lnTo>
                      <a:pt x="150" y="558"/>
                    </a:lnTo>
                    <a:lnTo>
                      <a:pt x="132" y="528"/>
                    </a:lnTo>
                    <a:lnTo>
                      <a:pt x="90" y="516"/>
                    </a:lnTo>
                    <a:lnTo>
                      <a:pt x="78" y="510"/>
                    </a:lnTo>
                    <a:lnTo>
                      <a:pt x="90" y="468"/>
                    </a:lnTo>
                    <a:lnTo>
                      <a:pt x="78" y="462"/>
                    </a:lnTo>
                    <a:lnTo>
                      <a:pt x="84" y="450"/>
                    </a:lnTo>
                    <a:lnTo>
                      <a:pt x="48" y="384"/>
                    </a:lnTo>
                    <a:lnTo>
                      <a:pt x="48" y="366"/>
                    </a:lnTo>
                    <a:lnTo>
                      <a:pt x="60" y="348"/>
                    </a:lnTo>
                    <a:lnTo>
                      <a:pt x="36" y="318"/>
                    </a:lnTo>
                    <a:lnTo>
                      <a:pt x="42" y="282"/>
                    </a:lnTo>
                    <a:lnTo>
                      <a:pt x="60" y="312"/>
                    </a:lnTo>
                    <a:lnTo>
                      <a:pt x="48" y="276"/>
                    </a:lnTo>
                    <a:lnTo>
                      <a:pt x="66" y="270"/>
                    </a:lnTo>
                    <a:lnTo>
                      <a:pt x="48" y="258"/>
                    </a:lnTo>
                    <a:lnTo>
                      <a:pt x="42" y="282"/>
                    </a:lnTo>
                    <a:lnTo>
                      <a:pt x="30" y="258"/>
                    </a:lnTo>
                    <a:lnTo>
                      <a:pt x="24" y="264"/>
                    </a:lnTo>
                    <a:lnTo>
                      <a:pt x="30" y="252"/>
                    </a:lnTo>
                    <a:lnTo>
                      <a:pt x="6" y="192"/>
                    </a:lnTo>
                    <a:lnTo>
                      <a:pt x="18" y="138"/>
                    </a:lnTo>
                    <a:lnTo>
                      <a:pt x="0" y="90"/>
                    </a:lnTo>
                    <a:lnTo>
                      <a:pt x="24" y="60"/>
                    </a:lnTo>
                    <a:lnTo>
                      <a:pt x="42" y="0"/>
                    </a:lnTo>
                    <a:lnTo>
                      <a:pt x="228" y="54"/>
                    </a:lnTo>
                    <a:lnTo>
                      <a:pt x="180" y="240"/>
                    </a:lnTo>
                    <a:lnTo>
                      <a:pt x="390" y="552"/>
                    </a:lnTo>
                    <a:lnTo>
                      <a:pt x="408" y="606"/>
                    </a:lnTo>
                    <a:lnTo>
                      <a:pt x="384" y="618"/>
                    </a:lnTo>
                    <a:lnTo>
                      <a:pt x="378" y="642"/>
                    </a:lnTo>
                    <a:lnTo>
                      <a:pt x="366" y="660"/>
                    </a:lnTo>
                    <a:lnTo>
                      <a:pt x="372" y="690"/>
                    </a:lnTo>
                    <a:lnTo>
                      <a:pt x="360" y="696"/>
                    </a:lnTo>
                    <a:lnTo>
                      <a:pt x="354" y="696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92" name="Freeform 269"/>
              <p:cNvSpPr>
                <a:spLocks noChangeAspect="1"/>
              </p:cNvSpPr>
              <p:nvPr/>
            </p:nvSpPr>
            <p:spPr bwMode="auto">
              <a:xfrm>
                <a:off x="84" y="1866"/>
                <a:ext cx="408" cy="702"/>
              </a:xfrm>
              <a:custGeom>
                <a:avLst/>
                <a:gdLst>
                  <a:gd name="T0" fmla="*/ 354 w 408"/>
                  <a:gd name="T1" fmla="*/ 696 h 702"/>
                  <a:gd name="T2" fmla="*/ 228 w 408"/>
                  <a:gd name="T3" fmla="*/ 678 h 702"/>
                  <a:gd name="T4" fmla="*/ 222 w 408"/>
                  <a:gd name="T5" fmla="*/ 630 h 702"/>
                  <a:gd name="T6" fmla="*/ 198 w 408"/>
                  <a:gd name="T7" fmla="*/ 588 h 702"/>
                  <a:gd name="T8" fmla="*/ 180 w 408"/>
                  <a:gd name="T9" fmla="*/ 588 h 702"/>
                  <a:gd name="T10" fmla="*/ 180 w 408"/>
                  <a:gd name="T11" fmla="*/ 570 h 702"/>
                  <a:gd name="T12" fmla="*/ 150 w 408"/>
                  <a:gd name="T13" fmla="*/ 558 h 702"/>
                  <a:gd name="T14" fmla="*/ 132 w 408"/>
                  <a:gd name="T15" fmla="*/ 528 h 702"/>
                  <a:gd name="T16" fmla="*/ 90 w 408"/>
                  <a:gd name="T17" fmla="*/ 516 h 702"/>
                  <a:gd name="T18" fmla="*/ 78 w 408"/>
                  <a:gd name="T19" fmla="*/ 510 h 702"/>
                  <a:gd name="T20" fmla="*/ 90 w 408"/>
                  <a:gd name="T21" fmla="*/ 468 h 702"/>
                  <a:gd name="T22" fmla="*/ 78 w 408"/>
                  <a:gd name="T23" fmla="*/ 462 h 702"/>
                  <a:gd name="T24" fmla="*/ 84 w 408"/>
                  <a:gd name="T25" fmla="*/ 450 h 702"/>
                  <a:gd name="T26" fmla="*/ 48 w 408"/>
                  <a:gd name="T27" fmla="*/ 384 h 702"/>
                  <a:gd name="T28" fmla="*/ 48 w 408"/>
                  <a:gd name="T29" fmla="*/ 366 h 702"/>
                  <a:gd name="T30" fmla="*/ 60 w 408"/>
                  <a:gd name="T31" fmla="*/ 348 h 702"/>
                  <a:gd name="T32" fmla="*/ 36 w 408"/>
                  <a:gd name="T33" fmla="*/ 318 h 702"/>
                  <a:gd name="T34" fmla="*/ 42 w 408"/>
                  <a:gd name="T35" fmla="*/ 282 h 702"/>
                  <a:gd name="T36" fmla="*/ 60 w 408"/>
                  <a:gd name="T37" fmla="*/ 312 h 702"/>
                  <a:gd name="T38" fmla="*/ 48 w 408"/>
                  <a:gd name="T39" fmla="*/ 276 h 702"/>
                  <a:gd name="T40" fmla="*/ 66 w 408"/>
                  <a:gd name="T41" fmla="*/ 270 h 702"/>
                  <a:gd name="T42" fmla="*/ 48 w 408"/>
                  <a:gd name="T43" fmla="*/ 258 h 702"/>
                  <a:gd name="T44" fmla="*/ 42 w 408"/>
                  <a:gd name="T45" fmla="*/ 282 h 702"/>
                  <a:gd name="T46" fmla="*/ 30 w 408"/>
                  <a:gd name="T47" fmla="*/ 258 h 702"/>
                  <a:gd name="T48" fmla="*/ 24 w 408"/>
                  <a:gd name="T49" fmla="*/ 264 h 702"/>
                  <a:gd name="T50" fmla="*/ 30 w 408"/>
                  <a:gd name="T51" fmla="*/ 252 h 702"/>
                  <a:gd name="T52" fmla="*/ 6 w 408"/>
                  <a:gd name="T53" fmla="*/ 192 h 702"/>
                  <a:gd name="T54" fmla="*/ 18 w 408"/>
                  <a:gd name="T55" fmla="*/ 138 h 702"/>
                  <a:gd name="T56" fmla="*/ 0 w 408"/>
                  <a:gd name="T57" fmla="*/ 90 h 702"/>
                  <a:gd name="T58" fmla="*/ 24 w 408"/>
                  <a:gd name="T59" fmla="*/ 60 h 702"/>
                  <a:gd name="T60" fmla="*/ 42 w 408"/>
                  <a:gd name="T61" fmla="*/ 0 h 702"/>
                  <a:gd name="T62" fmla="*/ 228 w 408"/>
                  <a:gd name="T63" fmla="*/ 54 h 702"/>
                  <a:gd name="T64" fmla="*/ 180 w 408"/>
                  <a:gd name="T65" fmla="*/ 240 h 702"/>
                  <a:gd name="T66" fmla="*/ 390 w 408"/>
                  <a:gd name="T67" fmla="*/ 552 h 702"/>
                  <a:gd name="T68" fmla="*/ 408 w 408"/>
                  <a:gd name="T69" fmla="*/ 606 h 702"/>
                  <a:gd name="T70" fmla="*/ 384 w 408"/>
                  <a:gd name="T71" fmla="*/ 618 h 702"/>
                  <a:gd name="T72" fmla="*/ 378 w 408"/>
                  <a:gd name="T73" fmla="*/ 642 h 702"/>
                  <a:gd name="T74" fmla="*/ 366 w 408"/>
                  <a:gd name="T75" fmla="*/ 660 h 702"/>
                  <a:gd name="T76" fmla="*/ 372 w 408"/>
                  <a:gd name="T77" fmla="*/ 690 h 702"/>
                  <a:gd name="T78" fmla="*/ 360 w 408"/>
                  <a:gd name="T79" fmla="*/ 696 h 702"/>
                  <a:gd name="T80" fmla="*/ 354 w 408"/>
                  <a:gd name="T81" fmla="*/ 696 h 702"/>
                  <a:gd name="T82" fmla="*/ 354 w 408"/>
                  <a:gd name="T83" fmla="*/ 702 h 702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408"/>
                  <a:gd name="T127" fmla="*/ 0 h 702"/>
                  <a:gd name="T128" fmla="*/ 408 w 408"/>
                  <a:gd name="T129" fmla="*/ 702 h 702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408" h="702">
                    <a:moveTo>
                      <a:pt x="354" y="696"/>
                    </a:moveTo>
                    <a:lnTo>
                      <a:pt x="228" y="678"/>
                    </a:lnTo>
                    <a:lnTo>
                      <a:pt x="222" y="630"/>
                    </a:lnTo>
                    <a:lnTo>
                      <a:pt x="198" y="588"/>
                    </a:lnTo>
                    <a:lnTo>
                      <a:pt x="180" y="588"/>
                    </a:lnTo>
                    <a:lnTo>
                      <a:pt x="180" y="570"/>
                    </a:lnTo>
                    <a:lnTo>
                      <a:pt x="150" y="558"/>
                    </a:lnTo>
                    <a:lnTo>
                      <a:pt x="132" y="528"/>
                    </a:lnTo>
                    <a:lnTo>
                      <a:pt x="90" y="516"/>
                    </a:lnTo>
                    <a:lnTo>
                      <a:pt x="78" y="510"/>
                    </a:lnTo>
                    <a:lnTo>
                      <a:pt x="90" y="468"/>
                    </a:lnTo>
                    <a:lnTo>
                      <a:pt x="78" y="462"/>
                    </a:lnTo>
                    <a:lnTo>
                      <a:pt x="84" y="450"/>
                    </a:lnTo>
                    <a:lnTo>
                      <a:pt x="48" y="384"/>
                    </a:lnTo>
                    <a:lnTo>
                      <a:pt x="48" y="366"/>
                    </a:lnTo>
                    <a:lnTo>
                      <a:pt x="60" y="348"/>
                    </a:lnTo>
                    <a:lnTo>
                      <a:pt x="36" y="318"/>
                    </a:lnTo>
                    <a:lnTo>
                      <a:pt x="42" y="282"/>
                    </a:lnTo>
                    <a:lnTo>
                      <a:pt x="60" y="312"/>
                    </a:lnTo>
                    <a:lnTo>
                      <a:pt x="48" y="276"/>
                    </a:lnTo>
                    <a:lnTo>
                      <a:pt x="66" y="270"/>
                    </a:lnTo>
                    <a:lnTo>
                      <a:pt x="48" y="258"/>
                    </a:lnTo>
                    <a:lnTo>
                      <a:pt x="42" y="282"/>
                    </a:lnTo>
                    <a:lnTo>
                      <a:pt x="30" y="258"/>
                    </a:lnTo>
                    <a:lnTo>
                      <a:pt x="24" y="264"/>
                    </a:lnTo>
                    <a:lnTo>
                      <a:pt x="30" y="252"/>
                    </a:lnTo>
                    <a:lnTo>
                      <a:pt x="6" y="192"/>
                    </a:lnTo>
                    <a:lnTo>
                      <a:pt x="18" y="138"/>
                    </a:lnTo>
                    <a:lnTo>
                      <a:pt x="0" y="90"/>
                    </a:lnTo>
                    <a:lnTo>
                      <a:pt x="24" y="60"/>
                    </a:lnTo>
                    <a:lnTo>
                      <a:pt x="42" y="0"/>
                    </a:lnTo>
                    <a:lnTo>
                      <a:pt x="228" y="54"/>
                    </a:lnTo>
                    <a:lnTo>
                      <a:pt x="180" y="240"/>
                    </a:lnTo>
                    <a:lnTo>
                      <a:pt x="390" y="552"/>
                    </a:lnTo>
                    <a:lnTo>
                      <a:pt x="408" y="606"/>
                    </a:lnTo>
                    <a:lnTo>
                      <a:pt x="384" y="618"/>
                    </a:lnTo>
                    <a:lnTo>
                      <a:pt x="378" y="642"/>
                    </a:lnTo>
                    <a:lnTo>
                      <a:pt x="366" y="660"/>
                    </a:lnTo>
                    <a:lnTo>
                      <a:pt x="372" y="690"/>
                    </a:lnTo>
                    <a:lnTo>
                      <a:pt x="360" y="696"/>
                    </a:lnTo>
                    <a:lnTo>
                      <a:pt x="354" y="696"/>
                    </a:lnTo>
                    <a:lnTo>
                      <a:pt x="354" y="70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93" name="Freeform 270"/>
              <p:cNvSpPr>
                <a:spLocks noChangeAspect="1"/>
              </p:cNvSpPr>
              <p:nvPr/>
            </p:nvSpPr>
            <p:spPr bwMode="auto">
              <a:xfrm>
                <a:off x="780" y="2088"/>
                <a:ext cx="372" cy="288"/>
              </a:xfrm>
              <a:custGeom>
                <a:avLst/>
                <a:gdLst>
                  <a:gd name="T0" fmla="*/ 366 w 372"/>
                  <a:gd name="T1" fmla="*/ 96 h 288"/>
                  <a:gd name="T2" fmla="*/ 354 w 372"/>
                  <a:gd name="T3" fmla="*/ 288 h 288"/>
                  <a:gd name="T4" fmla="*/ 306 w 372"/>
                  <a:gd name="T5" fmla="*/ 282 h 288"/>
                  <a:gd name="T6" fmla="*/ 0 w 372"/>
                  <a:gd name="T7" fmla="*/ 252 h 288"/>
                  <a:gd name="T8" fmla="*/ 6 w 372"/>
                  <a:gd name="T9" fmla="*/ 210 h 288"/>
                  <a:gd name="T10" fmla="*/ 36 w 372"/>
                  <a:gd name="T11" fmla="*/ 0 h 288"/>
                  <a:gd name="T12" fmla="*/ 276 w 372"/>
                  <a:gd name="T13" fmla="*/ 24 h 288"/>
                  <a:gd name="T14" fmla="*/ 372 w 372"/>
                  <a:gd name="T15" fmla="*/ 30 h 288"/>
                  <a:gd name="T16" fmla="*/ 366 w 372"/>
                  <a:gd name="T17" fmla="*/ 72 h 288"/>
                  <a:gd name="T18" fmla="*/ 366 w 372"/>
                  <a:gd name="T19" fmla="*/ 96 h 28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72"/>
                  <a:gd name="T31" fmla="*/ 0 h 288"/>
                  <a:gd name="T32" fmla="*/ 372 w 372"/>
                  <a:gd name="T33" fmla="*/ 288 h 28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72" h="288">
                    <a:moveTo>
                      <a:pt x="366" y="96"/>
                    </a:moveTo>
                    <a:lnTo>
                      <a:pt x="354" y="288"/>
                    </a:lnTo>
                    <a:lnTo>
                      <a:pt x="306" y="282"/>
                    </a:lnTo>
                    <a:lnTo>
                      <a:pt x="0" y="252"/>
                    </a:lnTo>
                    <a:lnTo>
                      <a:pt x="6" y="210"/>
                    </a:lnTo>
                    <a:lnTo>
                      <a:pt x="36" y="0"/>
                    </a:lnTo>
                    <a:lnTo>
                      <a:pt x="276" y="24"/>
                    </a:lnTo>
                    <a:lnTo>
                      <a:pt x="372" y="30"/>
                    </a:lnTo>
                    <a:lnTo>
                      <a:pt x="366" y="72"/>
                    </a:lnTo>
                    <a:lnTo>
                      <a:pt x="366" y="9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94" name="Freeform 271"/>
              <p:cNvSpPr>
                <a:spLocks noChangeAspect="1"/>
              </p:cNvSpPr>
              <p:nvPr/>
            </p:nvSpPr>
            <p:spPr bwMode="auto">
              <a:xfrm>
                <a:off x="780" y="2088"/>
                <a:ext cx="372" cy="288"/>
              </a:xfrm>
              <a:custGeom>
                <a:avLst/>
                <a:gdLst>
                  <a:gd name="T0" fmla="*/ 366 w 372"/>
                  <a:gd name="T1" fmla="*/ 96 h 288"/>
                  <a:gd name="T2" fmla="*/ 354 w 372"/>
                  <a:gd name="T3" fmla="*/ 288 h 288"/>
                  <a:gd name="T4" fmla="*/ 306 w 372"/>
                  <a:gd name="T5" fmla="*/ 282 h 288"/>
                  <a:gd name="T6" fmla="*/ 0 w 372"/>
                  <a:gd name="T7" fmla="*/ 252 h 288"/>
                  <a:gd name="T8" fmla="*/ 6 w 372"/>
                  <a:gd name="T9" fmla="*/ 210 h 288"/>
                  <a:gd name="T10" fmla="*/ 36 w 372"/>
                  <a:gd name="T11" fmla="*/ 0 h 288"/>
                  <a:gd name="T12" fmla="*/ 276 w 372"/>
                  <a:gd name="T13" fmla="*/ 24 h 288"/>
                  <a:gd name="T14" fmla="*/ 372 w 372"/>
                  <a:gd name="T15" fmla="*/ 30 h 288"/>
                  <a:gd name="T16" fmla="*/ 366 w 372"/>
                  <a:gd name="T17" fmla="*/ 72 h 288"/>
                  <a:gd name="T18" fmla="*/ 366 w 372"/>
                  <a:gd name="T19" fmla="*/ 96 h 288"/>
                  <a:gd name="T20" fmla="*/ 366 w 372"/>
                  <a:gd name="T21" fmla="*/ 102 h 288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72"/>
                  <a:gd name="T34" fmla="*/ 0 h 288"/>
                  <a:gd name="T35" fmla="*/ 372 w 372"/>
                  <a:gd name="T36" fmla="*/ 288 h 288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72" h="288">
                    <a:moveTo>
                      <a:pt x="366" y="96"/>
                    </a:moveTo>
                    <a:lnTo>
                      <a:pt x="354" y="288"/>
                    </a:lnTo>
                    <a:lnTo>
                      <a:pt x="306" y="282"/>
                    </a:lnTo>
                    <a:lnTo>
                      <a:pt x="0" y="252"/>
                    </a:lnTo>
                    <a:lnTo>
                      <a:pt x="6" y="210"/>
                    </a:lnTo>
                    <a:lnTo>
                      <a:pt x="36" y="0"/>
                    </a:lnTo>
                    <a:lnTo>
                      <a:pt x="276" y="24"/>
                    </a:lnTo>
                    <a:lnTo>
                      <a:pt x="372" y="30"/>
                    </a:lnTo>
                    <a:lnTo>
                      <a:pt x="366" y="72"/>
                    </a:lnTo>
                    <a:lnTo>
                      <a:pt x="366" y="96"/>
                    </a:lnTo>
                    <a:lnTo>
                      <a:pt x="366" y="10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95" name="Freeform 272"/>
              <p:cNvSpPr>
                <a:spLocks noChangeAspect="1"/>
              </p:cNvSpPr>
              <p:nvPr/>
            </p:nvSpPr>
            <p:spPr bwMode="auto">
              <a:xfrm>
                <a:off x="2496" y="1920"/>
                <a:ext cx="90" cy="84"/>
              </a:xfrm>
              <a:custGeom>
                <a:avLst/>
                <a:gdLst>
                  <a:gd name="T0" fmla="*/ 84 w 90"/>
                  <a:gd name="T1" fmla="*/ 0 h 84"/>
                  <a:gd name="T2" fmla="*/ 90 w 90"/>
                  <a:gd name="T3" fmla="*/ 42 h 84"/>
                  <a:gd name="T4" fmla="*/ 42 w 90"/>
                  <a:gd name="T5" fmla="*/ 60 h 84"/>
                  <a:gd name="T6" fmla="*/ 12 w 90"/>
                  <a:gd name="T7" fmla="*/ 84 h 84"/>
                  <a:gd name="T8" fmla="*/ 12 w 90"/>
                  <a:gd name="T9" fmla="*/ 72 h 84"/>
                  <a:gd name="T10" fmla="*/ 0 w 90"/>
                  <a:gd name="T11" fmla="*/ 18 h 84"/>
                  <a:gd name="T12" fmla="*/ 78 w 90"/>
                  <a:gd name="T13" fmla="*/ 0 h 84"/>
                  <a:gd name="T14" fmla="*/ 84 w 90"/>
                  <a:gd name="T15" fmla="*/ 0 h 84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90"/>
                  <a:gd name="T25" fmla="*/ 0 h 84"/>
                  <a:gd name="T26" fmla="*/ 90 w 90"/>
                  <a:gd name="T27" fmla="*/ 84 h 84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90" h="84">
                    <a:moveTo>
                      <a:pt x="84" y="0"/>
                    </a:moveTo>
                    <a:lnTo>
                      <a:pt x="90" y="42"/>
                    </a:lnTo>
                    <a:lnTo>
                      <a:pt x="42" y="6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0" y="18"/>
                    </a:lnTo>
                    <a:lnTo>
                      <a:pt x="78" y="0"/>
                    </a:lnTo>
                    <a:lnTo>
                      <a:pt x="84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96" name="Freeform 273"/>
              <p:cNvSpPr>
                <a:spLocks noChangeAspect="1"/>
              </p:cNvSpPr>
              <p:nvPr/>
            </p:nvSpPr>
            <p:spPr bwMode="auto">
              <a:xfrm>
                <a:off x="2496" y="1920"/>
                <a:ext cx="90" cy="84"/>
              </a:xfrm>
              <a:custGeom>
                <a:avLst/>
                <a:gdLst>
                  <a:gd name="T0" fmla="*/ 84 w 90"/>
                  <a:gd name="T1" fmla="*/ 0 h 84"/>
                  <a:gd name="T2" fmla="*/ 90 w 90"/>
                  <a:gd name="T3" fmla="*/ 42 h 84"/>
                  <a:gd name="T4" fmla="*/ 42 w 90"/>
                  <a:gd name="T5" fmla="*/ 60 h 84"/>
                  <a:gd name="T6" fmla="*/ 12 w 90"/>
                  <a:gd name="T7" fmla="*/ 84 h 84"/>
                  <a:gd name="T8" fmla="*/ 12 w 90"/>
                  <a:gd name="T9" fmla="*/ 72 h 84"/>
                  <a:gd name="T10" fmla="*/ 0 w 90"/>
                  <a:gd name="T11" fmla="*/ 18 h 84"/>
                  <a:gd name="T12" fmla="*/ 78 w 90"/>
                  <a:gd name="T13" fmla="*/ 0 h 84"/>
                  <a:gd name="T14" fmla="*/ 84 w 90"/>
                  <a:gd name="T15" fmla="*/ 0 h 84"/>
                  <a:gd name="T16" fmla="*/ 84 w 90"/>
                  <a:gd name="T17" fmla="*/ 6 h 84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90"/>
                  <a:gd name="T28" fmla="*/ 0 h 84"/>
                  <a:gd name="T29" fmla="*/ 90 w 90"/>
                  <a:gd name="T30" fmla="*/ 84 h 84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90" h="84">
                    <a:moveTo>
                      <a:pt x="84" y="0"/>
                    </a:moveTo>
                    <a:lnTo>
                      <a:pt x="90" y="42"/>
                    </a:lnTo>
                    <a:lnTo>
                      <a:pt x="42" y="6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0" y="18"/>
                    </a:lnTo>
                    <a:lnTo>
                      <a:pt x="78" y="0"/>
                    </a:lnTo>
                    <a:lnTo>
                      <a:pt x="84" y="0"/>
                    </a:lnTo>
                    <a:lnTo>
                      <a:pt x="84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97" name="Freeform 274"/>
              <p:cNvSpPr>
                <a:spLocks noChangeAspect="1"/>
              </p:cNvSpPr>
              <p:nvPr/>
            </p:nvSpPr>
            <p:spPr bwMode="auto">
              <a:xfrm>
                <a:off x="2424" y="2100"/>
                <a:ext cx="54" cy="84"/>
              </a:xfrm>
              <a:custGeom>
                <a:avLst/>
                <a:gdLst>
                  <a:gd name="T0" fmla="*/ 18 w 54"/>
                  <a:gd name="T1" fmla="*/ 0 h 84"/>
                  <a:gd name="T2" fmla="*/ 12 w 54"/>
                  <a:gd name="T3" fmla="*/ 6 h 84"/>
                  <a:gd name="T4" fmla="*/ 12 w 54"/>
                  <a:gd name="T5" fmla="*/ 24 h 84"/>
                  <a:gd name="T6" fmla="*/ 36 w 54"/>
                  <a:gd name="T7" fmla="*/ 54 h 84"/>
                  <a:gd name="T8" fmla="*/ 48 w 54"/>
                  <a:gd name="T9" fmla="*/ 60 h 84"/>
                  <a:gd name="T10" fmla="*/ 42 w 54"/>
                  <a:gd name="T11" fmla="*/ 72 h 84"/>
                  <a:gd name="T12" fmla="*/ 54 w 54"/>
                  <a:gd name="T13" fmla="*/ 78 h 84"/>
                  <a:gd name="T14" fmla="*/ 24 w 54"/>
                  <a:gd name="T15" fmla="*/ 84 h 84"/>
                  <a:gd name="T16" fmla="*/ 0 w 54"/>
                  <a:gd name="T17" fmla="*/ 6 h 84"/>
                  <a:gd name="T18" fmla="*/ 12 w 54"/>
                  <a:gd name="T19" fmla="*/ 0 h 84"/>
                  <a:gd name="T20" fmla="*/ 18 w 54"/>
                  <a:gd name="T21" fmla="*/ 0 h 8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54"/>
                  <a:gd name="T34" fmla="*/ 0 h 84"/>
                  <a:gd name="T35" fmla="*/ 54 w 54"/>
                  <a:gd name="T36" fmla="*/ 84 h 8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54" h="84">
                    <a:moveTo>
                      <a:pt x="18" y="0"/>
                    </a:moveTo>
                    <a:lnTo>
                      <a:pt x="12" y="6"/>
                    </a:lnTo>
                    <a:lnTo>
                      <a:pt x="12" y="24"/>
                    </a:lnTo>
                    <a:lnTo>
                      <a:pt x="36" y="54"/>
                    </a:lnTo>
                    <a:lnTo>
                      <a:pt x="48" y="60"/>
                    </a:lnTo>
                    <a:lnTo>
                      <a:pt x="42" y="72"/>
                    </a:lnTo>
                    <a:lnTo>
                      <a:pt x="54" y="78"/>
                    </a:lnTo>
                    <a:lnTo>
                      <a:pt x="24" y="84"/>
                    </a:lnTo>
                    <a:lnTo>
                      <a:pt x="0" y="6"/>
                    </a:lnTo>
                    <a:lnTo>
                      <a:pt x="12" y="0"/>
                    </a:lnTo>
                    <a:lnTo>
                      <a:pt x="18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98" name="Freeform 275"/>
              <p:cNvSpPr>
                <a:spLocks noChangeAspect="1"/>
              </p:cNvSpPr>
              <p:nvPr/>
            </p:nvSpPr>
            <p:spPr bwMode="auto">
              <a:xfrm>
                <a:off x="2424" y="2100"/>
                <a:ext cx="54" cy="84"/>
              </a:xfrm>
              <a:custGeom>
                <a:avLst/>
                <a:gdLst>
                  <a:gd name="T0" fmla="*/ 18 w 54"/>
                  <a:gd name="T1" fmla="*/ 0 h 84"/>
                  <a:gd name="T2" fmla="*/ 12 w 54"/>
                  <a:gd name="T3" fmla="*/ 6 h 84"/>
                  <a:gd name="T4" fmla="*/ 12 w 54"/>
                  <a:gd name="T5" fmla="*/ 24 h 84"/>
                  <a:gd name="T6" fmla="*/ 36 w 54"/>
                  <a:gd name="T7" fmla="*/ 54 h 84"/>
                  <a:gd name="T8" fmla="*/ 48 w 54"/>
                  <a:gd name="T9" fmla="*/ 60 h 84"/>
                  <a:gd name="T10" fmla="*/ 42 w 54"/>
                  <a:gd name="T11" fmla="*/ 72 h 84"/>
                  <a:gd name="T12" fmla="*/ 54 w 54"/>
                  <a:gd name="T13" fmla="*/ 78 h 84"/>
                  <a:gd name="T14" fmla="*/ 24 w 54"/>
                  <a:gd name="T15" fmla="*/ 84 h 84"/>
                  <a:gd name="T16" fmla="*/ 0 w 54"/>
                  <a:gd name="T17" fmla="*/ 6 h 84"/>
                  <a:gd name="T18" fmla="*/ 12 w 54"/>
                  <a:gd name="T19" fmla="*/ 0 h 84"/>
                  <a:gd name="T20" fmla="*/ 18 w 54"/>
                  <a:gd name="T21" fmla="*/ 0 h 84"/>
                  <a:gd name="T22" fmla="*/ 18 w 54"/>
                  <a:gd name="T23" fmla="*/ 6 h 8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54"/>
                  <a:gd name="T37" fmla="*/ 0 h 84"/>
                  <a:gd name="T38" fmla="*/ 54 w 54"/>
                  <a:gd name="T39" fmla="*/ 84 h 8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54" h="84">
                    <a:moveTo>
                      <a:pt x="18" y="0"/>
                    </a:moveTo>
                    <a:lnTo>
                      <a:pt x="12" y="6"/>
                    </a:lnTo>
                    <a:lnTo>
                      <a:pt x="12" y="24"/>
                    </a:lnTo>
                    <a:lnTo>
                      <a:pt x="36" y="54"/>
                    </a:lnTo>
                    <a:lnTo>
                      <a:pt x="48" y="60"/>
                    </a:lnTo>
                    <a:lnTo>
                      <a:pt x="42" y="72"/>
                    </a:lnTo>
                    <a:lnTo>
                      <a:pt x="54" y="78"/>
                    </a:lnTo>
                    <a:lnTo>
                      <a:pt x="24" y="84"/>
                    </a:lnTo>
                    <a:lnTo>
                      <a:pt x="0" y="6"/>
                    </a:lnTo>
                    <a:lnTo>
                      <a:pt x="12" y="0"/>
                    </a:lnTo>
                    <a:lnTo>
                      <a:pt x="18" y="0"/>
                    </a:lnTo>
                    <a:lnTo>
                      <a:pt x="18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99" name="Freeform 276"/>
              <p:cNvSpPr>
                <a:spLocks noChangeAspect="1"/>
              </p:cNvSpPr>
              <p:nvPr/>
            </p:nvSpPr>
            <p:spPr bwMode="auto">
              <a:xfrm>
                <a:off x="2370" y="2172"/>
                <a:ext cx="12" cy="6"/>
              </a:xfrm>
              <a:custGeom>
                <a:avLst/>
                <a:gdLst>
                  <a:gd name="T0" fmla="*/ 6 w 12"/>
                  <a:gd name="T1" fmla="*/ 6 h 6"/>
                  <a:gd name="T2" fmla="*/ 0 w 12"/>
                  <a:gd name="T3" fmla="*/ 0 h 6"/>
                  <a:gd name="T4" fmla="*/ 12 w 12"/>
                  <a:gd name="T5" fmla="*/ 0 h 6"/>
                  <a:gd name="T6" fmla="*/ 6 w 12"/>
                  <a:gd name="T7" fmla="*/ 6 h 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2"/>
                  <a:gd name="T13" fmla="*/ 0 h 6"/>
                  <a:gd name="T14" fmla="*/ 12 w 12"/>
                  <a:gd name="T15" fmla="*/ 6 h 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2" h="6">
                    <a:moveTo>
                      <a:pt x="6" y="6"/>
                    </a:moveTo>
                    <a:lnTo>
                      <a:pt x="0" y="0"/>
                    </a:lnTo>
                    <a:lnTo>
                      <a:pt x="12" y="0"/>
                    </a:lnTo>
                    <a:lnTo>
                      <a:pt x="6" y="6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00" name="Freeform 277"/>
              <p:cNvSpPr>
                <a:spLocks noChangeAspect="1"/>
              </p:cNvSpPr>
              <p:nvPr/>
            </p:nvSpPr>
            <p:spPr bwMode="auto">
              <a:xfrm>
                <a:off x="2370" y="2172"/>
                <a:ext cx="12" cy="12"/>
              </a:xfrm>
              <a:custGeom>
                <a:avLst/>
                <a:gdLst>
                  <a:gd name="T0" fmla="*/ 6 w 12"/>
                  <a:gd name="T1" fmla="*/ 6 h 12"/>
                  <a:gd name="T2" fmla="*/ 0 w 12"/>
                  <a:gd name="T3" fmla="*/ 0 h 12"/>
                  <a:gd name="T4" fmla="*/ 12 w 12"/>
                  <a:gd name="T5" fmla="*/ 0 h 12"/>
                  <a:gd name="T6" fmla="*/ 6 w 12"/>
                  <a:gd name="T7" fmla="*/ 6 h 12"/>
                  <a:gd name="T8" fmla="*/ 6 w 12"/>
                  <a:gd name="T9" fmla="*/ 12 h 12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2"/>
                  <a:gd name="T16" fmla="*/ 0 h 12"/>
                  <a:gd name="T17" fmla="*/ 12 w 12"/>
                  <a:gd name="T18" fmla="*/ 12 h 12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2" h="12">
                    <a:moveTo>
                      <a:pt x="6" y="6"/>
                    </a:moveTo>
                    <a:lnTo>
                      <a:pt x="0" y="0"/>
                    </a:lnTo>
                    <a:lnTo>
                      <a:pt x="12" y="0"/>
                    </a:lnTo>
                    <a:lnTo>
                      <a:pt x="6" y="6"/>
                    </a:lnTo>
                    <a:lnTo>
                      <a:pt x="6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01" name="Freeform 278"/>
              <p:cNvSpPr>
                <a:spLocks noChangeAspect="1"/>
              </p:cNvSpPr>
              <p:nvPr/>
            </p:nvSpPr>
            <p:spPr bwMode="auto">
              <a:xfrm>
                <a:off x="1902" y="2730"/>
                <a:ext cx="462" cy="348"/>
              </a:xfrm>
              <a:custGeom>
                <a:avLst/>
                <a:gdLst>
                  <a:gd name="T0" fmla="*/ 330 w 462"/>
                  <a:gd name="T1" fmla="*/ 0 h 348"/>
                  <a:gd name="T2" fmla="*/ 456 w 462"/>
                  <a:gd name="T3" fmla="*/ 234 h 348"/>
                  <a:gd name="T4" fmla="*/ 462 w 462"/>
                  <a:gd name="T5" fmla="*/ 294 h 348"/>
                  <a:gd name="T6" fmla="*/ 450 w 462"/>
                  <a:gd name="T7" fmla="*/ 312 h 348"/>
                  <a:gd name="T8" fmla="*/ 450 w 462"/>
                  <a:gd name="T9" fmla="*/ 324 h 348"/>
                  <a:gd name="T10" fmla="*/ 444 w 462"/>
                  <a:gd name="T11" fmla="*/ 336 h 348"/>
                  <a:gd name="T12" fmla="*/ 408 w 462"/>
                  <a:gd name="T13" fmla="*/ 348 h 348"/>
                  <a:gd name="T14" fmla="*/ 402 w 462"/>
                  <a:gd name="T15" fmla="*/ 336 h 348"/>
                  <a:gd name="T16" fmla="*/ 414 w 462"/>
                  <a:gd name="T17" fmla="*/ 342 h 348"/>
                  <a:gd name="T18" fmla="*/ 420 w 462"/>
                  <a:gd name="T19" fmla="*/ 330 h 348"/>
                  <a:gd name="T20" fmla="*/ 402 w 462"/>
                  <a:gd name="T21" fmla="*/ 330 h 348"/>
                  <a:gd name="T22" fmla="*/ 384 w 462"/>
                  <a:gd name="T23" fmla="*/ 306 h 348"/>
                  <a:gd name="T24" fmla="*/ 366 w 462"/>
                  <a:gd name="T25" fmla="*/ 300 h 348"/>
                  <a:gd name="T26" fmla="*/ 354 w 462"/>
                  <a:gd name="T27" fmla="*/ 270 h 348"/>
                  <a:gd name="T28" fmla="*/ 336 w 462"/>
                  <a:gd name="T29" fmla="*/ 258 h 348"/>
                  <a:gd name="T30" fmla="*/ 336 w 462"/>
                  <a:gd name="T31" fmla="*/ 240 h 348"/>
                  <a:gd name="T32" fmla="*/ 324 w 462"/>
                  <a:gd name="T33" fmla="*/ 240 h 348"/>
                  <a:gd name="T34" fmla="*/ 330 w 462"/>
                  <a:gd name="T35" fmla="*/ 252 h 348"/>
                  <a:gd name="T36" fmla="*/ 324 w 462"/>
                  <a:gd name="T37" fmla="*/ 252 h 348"/>
                  <a:gd name="T38" fmla="*/ 300 w 462"/>
                  <a:gd name="T39" fmla="*/ 216 h 348"/>
                  <a:gd name="T40" fmla="*/ 312 w 462"/>
                  <a:gd name="T41" fmla="*/ 186 h 348"/>
                  <a:gd name="T42" fmla="*/ 294 w 462"/>
                  <a:gd name="T43" fmla="*/ 180 h 348"/>
                  <a:gd name="T44" fmla="*/ 300 w 462"/>
                  <a:gd name="T45" fmla="*/ 198 h 348"/>
                  <a:gd name="T46" fmla="*/ 282 w 462"/>
                  <a:gd name="T47" fmla="*/ 186 h 348"/>
                  <a:gd name="T48" fmla="*/ 288 w 462"/>
                  <a:gd name="T49" fmla="*/ 126 h 348"/>
                  <a:gd name="T50" fmla="*/ 222 w 462"/>
                  <a:gd name="T51" fmla="*/ 66 h 348"/>
                  <a:gd name="T52" fmla="*/ 186 w 462"/>
                  <a:gd name="T53" fmla="*/ 60 h 348"/>
                  <a:gd name="T54" fmla="*/ 186 w 462"/>
                  <a:gd name="T55" fmla="*/ 72 h 348"/>
                  <a:gd name="T56" fmla="*/ 126 w 462"/>
                  <a:gd name="T57" fmla="*/ 90 h 348"/>
                  <a:gd name="T58" fmla="*/ 126 w 462"/>
                  <a:gd name="T59" fmla="*/ 84 h 348"/>
                  <a:gd name="T60" fmla="*/ 132 w 462"/>
                  <a:gd name="T61" fmla="*/ 90 h 348"/>
                  <a:gd name="T62" fmla="*/ 132 w 462"/>
                  <a:gd name="T63" fmla="*/ 84 h 348"/>
                  <a:gd name="T64" fmla="*/ 102 w 462"/>
                  <a:gd name="T65" fmla="*/ 54 h 348"/>
                  <a:gd name="T66" fmla="*/ 96 w 462"/>
                  <a:gd name="T67" fmla="*/ 60 h 348"/>
                  <a:gd name="T68" fmla="*/ 102 w 462"/>
                  <a:gd name="T69" fmla="*/ 66 h 348"/>
                  <a:gd name="T70" fmla="*/ 60 w 462"/>
                  <a:gd name="T71" fmla="*/ 54 h 348"/>
                  <a:gd name="T72" fmla="*/ 84 w 462"/>
                  <a:gd name="T73" fmla="*/ 48 h 348"/>
                  <a:gd name="T74" fmla="*/ 78 w 462"/>
                  <a:gd name="T75" fmla="*/ 48 h 348"/>
                  <a:gd name="T76" fmla="*/ 24 w 462"/>
                  <a:gd name="T77" fmla="*/ 60 h 348"/>
                  <a:gd name="T78" fmla="*/ 36 w 462"/>
                  <a:gd name="T79" fmla="*/ 54 h 348"/>
                  <a:gd name="T80" fmla="*/ 24 w 462"/>
                  <a:gd name="T81" fmla="*/ 48 h 348"/>
                  <a:gd name="T82" fmla="*/ 24 w 462"/>
                  <a:gd name="T83" fmla="*/ 54 h 348"/>
                  <a:gd name="T84" fmla="*/ 12 w 462"/>
                  <a:gd name="T85" fmla="*/ 60 h 348"/>
                  <a:gd name="T86" fmla="*/ 12 w 462"/>
                  <a:gd name="T87" fmla="*/ 42 h 348"/>
                  <a:gd name="T88" fmla="*/ 0 w 462"/>
                  <a:gd name="T89" fmla="*/ 30 h 348"/>
                  <a:gd name="T90" fmla="*/ 0 w 462"/>
                  <a:gd name="T91" fmla="*/ 18 h 348"/>
                  <a:gd name="T92" fmla="*/ 138 w 462"/>
                  <a:gd name="T93" fmla="*/ 6 h 348"/>
                  <a:gd name="T94" fmla="*/ 150 w 462"/>
                  <a:gd name="T95" fmla="*/ 24 h 348"/>
                  <a:gd name="T96" fmla="*/ 294 w 462"/>
                  <a:gd name="T97" fmla="*/ 18 h 348"/>
                  <a:gd name="T98" fmla="*/ 300 w 462"/>
                  <a:gd name="T99" fmla="*/ 30 h 348"/>
                  <a:gd name="T100" fmla="*/ 306 w 462"/>
                  <a:gd name="T101" fmla="*/ 24 h 348"/>
                  <a:gd name="T102" fmla="*/ 306 w 462"/>
                  <a:gd name="T103" fmla="*/ 0 h 348"/>
                  <a:gd name="T104" fmla="*/ 330 w 462"/>
                  <a:gd name="T105" fmla="*/ 0 h 348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w 462"/>
                  <a:gd name="T160" fmla="*/ 0 h 348"/>
                  <a:gd name="T161" fmla="*/ 462 w 462"/>
                  <a:gd name="T162" fmla="*/ 348 h 348"/>
                </a:gdLst>
                <a:ahLst/>
                <a:cxnLst>
                  <a:cxn ang="T106">
                    <a:pos x="T0" y="T1"/>
                  </a:cxn>
                  <a:cxn ang="T107">
                    <a:pos x="T2" y="T3"/>
                  </a:cxn>
                  <a:cxn ang="T108">
                    <a:pos x="T4" y="T5"/>
                  </a:cxn>
                  <a:cxn ang="T109">
                    <a:pos x="T6" y="T7"/>
                  </a:cxn>
                  <a:cxn ang="T110">
                    <a:pos x="T8" y="T9"/>
                  </a:cxn>
                  <a:cxn ang="T111">
                    <a:pos x="T10" y="T11"/>
                  </a:cxn>
                  <a:cxn ang="T112">
                    <a:pos x="T12" y="T13"/>
                  </a:cxn>
                  <a:cxn ang="T113">
                    <a:pos x="T14" y="T15"/>
                  </a:cxn>
                  <a:cxn ang="T114">
                    <a:pos x="T16" y="T17"/>
                  </a:cxn>
                  <a:cxn ang="T115">
                    <a:pos x="T18" y="T19"/>
                  </a:cxn>
                  <a:cxn ang="T116">
                    <a:pos x="T20" y="T21"/>
                  </a:cxn>
                  <a:cxn ang="T117">
                    <a:pos x="T22" y="T23"/>
                  </a:cxn>
                  <a:cxn ang="T118">
                    <a:pos x="T24" y="T25"/>
                  </a:cxn>
                  <a:cxn ang="T119">
                    <a:pos x="T26" y="T27"/>
                  </a:cxn>
                  <a:cxn ang="T120">
                    <a:pos x="T28" y="T29"/>
                  </a:cxn>
                  <a:cxn ang="T121">
                    <a:pos x="T30" y="T31"/>
                  </a:cxn>
                  <a:cxn ang="T122">
                    <a:pos x="T32" y="T33"/>
                  </a:cxn>
                  <a:cxn ang="T123">
                    <a:pos x="T34" y="T35"/>
                  </a:cxn>
                  <a:cxn ang="T124">
                    <a:pos x="T36" y="T37"/>
                  </a:cxn>
                  <a:cxn ang="T125">
                    <a:pos x="T38" y="T39"/>
                  </a:cxn>
                  <a:cxn ang="T126">
                    <a:pos x="T40" y="T41"/>
                  </a:cxn>
                  <a:cxn ang="T127">
                    <a:pos x="T42" y="T43"/>
                  </a:cxn>
                  <a:cxn ang="T128">
                    <a:pos x="T44" y="T45"/>
                  </a:cxn>
                  <a:cxn ang="T129">
                    <a:pos x="T46" y="T47"/>
                  </a:cxn>
                  <a:cxn ang="T130">
                    <a:pos x="T48" y="T49"/>
                  </a:cxn>
                  <a:cxn ang="T131">
                    <a:pos x="T50" y="T51"/>
                  </a:cxn>
                  <a:cxn ang="T132">
                    <a:pos x="T52" y="T53"/>
                  </a:cxn>
                  <a:cxn ang="T133">
                    <a:pos x="T54" y="T55"/>
                  </a:cxn>
                  <a:cxn ang="T134">
                    <a:pos x="T56" y="T57"/>
                  </a:cxn>
                  <a:cxn ang="T135">
                    <a:pos x="T58" y="T59"/>
                  </a:cxn>
                  <a:cxn ang="T136">
                    <a:pos x="T60" y="T61"/>
                  </a:cxn>
                  <a:cxn ang="T137">
                    <a:pos x="T62" y="T63"/>
                  </a:cxn>
                  <a:cxn ang="T138">
                    <a:pos x="T64" y="T65"/>
                  </a:cxn>
                  <a:cxn ang="T139">
                    <a:pos x="T66" y="T67"/>
                  </a:cxn>
                  <a:cxn ang="T140">
                    <a:pos x="T68" y="T69"/>
                  </a:cxn>
                  <a:cxn ang="T141">
                    <a:pos x="T70" y="T71"/>
                  </a:cxn>
                  <a:cxn ang="T142">
                    <a:pos x="T72" y="T73"/>
                  </a:cxn>
                  <a:cxn ang="T143">
                    <a:pos x="T74" y="T75"/>
                  </a:cxn>
                  <a:cxn ang="T144">
                    <a:pos x="T76" y="T77"/>
                  </a:cxn>
                  <a:cxn ang="T145">
                    <a:pos x="T78" y="T79"/>
                  </a:cxn>
                  <a:cxn ang="T146">
                    <a:pos x="T80" y="T81"/>
                  </a:cxn>
                  <a:cxn ang="T147">
                    <a:pos x="T82" y="T83"/>
                  </a:cxn>
                  <a:cxn ang="T148">
                    <a:pos x="T84" y="T85"/>
                  </a:cxn>
                  <a:cxn ang="T149">
                    <a:pos x="T86" y="T87"/>
                  </a:cxn>
                  <a:cxn ang="T150">
                    <a:pos x="T88" y="T89"/>
                  </a:cxn>
                  <a:cxn ang="T151">
                    <a:pos x="T90" y="T91"/>
                  </a:cxn>
                  <a:cxn ang="T152">
                    <a:pos x="T92" y="T93"/>
                  </a:cxn>
                  <a:cxn ang="T153">
                    <a:pos x="T94" y="T95"/>
                  </a:cxn>
                  <a:cxn ang="T154">
                    <a:pos x="T96" y="T97"/>
                  </a:cxn>
                  <a:cxn ang="T155">
                    <a:pos x="T98" y="T99"/>
                  </a:cxn>
                  <a:cxn ang="T156">
                    <a:pos x="T100" y="T101"/>
                  </a:cxn>
                  <a:cxn ang="T157">
                    <a:pos x="T102" y="T103"/>
                  </a:cxn>
                  <a:cxn ang="T158">
                    <a:pos x="T104" y="T105"/>
                  </a:cxn>
                </a:cxnLst>
                <a:rect l="T159" t="T160" r="T161" b="T162"/>
                <a:pathLst>
                  <a:path w="462" h="348">
                    <a:moveTo>
                      <a:pt x="330" y="0"/>
                    </a:moveTo>
                    <a:lnTo>
                      <a:pt x="456" y="234"/>
                    </a:lnTo>
                    <a:lnTo>
                      <a:pt x="462" y="294"/>
                    </a:lnTo>
                    <a:lnTo>
                      <a:pt x="450" y="312"/>
                    </a:lnTo>
                    <a:lnTo>
                      <a:pt x="450" y="324"/>
                    </a:lnTo>
                    <a:lnTo>
                      <a:pt x="444" y="336"/>
                    </a:lnTo>
                    <a:lnTo>
                      <a:pt x="408" y="348"/>
                    </a:lnTo>
                    <a:lnTo>
                      <a:pt x="402" y="336"/>
                    </a:lnTo>
                    <a:lnTo>
                      <a:pt x="414" y="342"/>
                    </a:lnTo>
                    <a:lnTo>
                      <a:pt x="420" y="330"/>
                    </a:lnTo>
                    <a:lnTo>
                      <a:pt x="402" y="330"/>
                    </a:lnTo>
                    <a:lnTo>
                      <a:pt x="384" y="306"/>
                    </a:lnTo>
                    <a:lnTo>
                      <a:pt x="366" y="300"/>
                    </a:lnTo>
                    <a:lnTo>
                      <a:pt x="354" y="270"/>
                    </a:lnTo>
                    <a:lnTo>
                      <a:pt x="336" y="258"/>
                    </a:lnTo>
                    <a:lnTo>
                      <a:pt x="336" y="240"/>
                    </a:lnTo>
                    <a:lnTo>
                      <a:pt x="324" y="240"/>
                    </a:lnTo>
                    <a:lnTo>
                      <a:pt x="330" y="252"/>
                    </a:lnTo>
                    <a:lnTo>
                      <a:pt x="324" y="252"/>
                    </a:lnTo>
                    <a:lnTo>
                      <a:pt x="300" y="216"/>
                    </a:lnTo>
                    <a:lnTo>
                      <a:pt x="312" y="186"/>
                    </a:lnTo>
                    <a:lnTo>
                      <a:pt x="294" y="180"/>
                    </a:lnTo>
                    <a:lnTo>
                      <a:pt x="300" y="198"/>
                    </a:lnTo>
                    <a:lnTo>
                      <a:pt x="282" y="186"/>
                    </a:lnTo>
                    <a:lnTo>
                      <a:pt x="288" y="126"/>
                    </a:lnTo>
                    <a:lnTo>
                      <a:pt x="222" y="66"/>
                    </a:lnTo>
                    <a:lnTo>
                      <a:pt x="186" y="60"/>
                    </a:lnTo>
                    <a:lnTo>
                      <a:pt x="186" y="72"/>
                    </a:lnTo>
                    <a:lnTo>
                      <a:pt x="126" y="90"/>
                    </a:lnTo>
                    <a:lnTo>
                      <a:pt x="126" y="84"/>
                    </a:lnTo>
                    <a:lnTo>
                      <a:pt x="132" y="90"/>
                    </a:lnTo>
                    <a:lnTo>
                      <a:pt x="132" y="84"/>
                    </a:lnTo>
                    <a:lnTo>
                      <a:pt x="102" y="54"/>
                    </a:lnTo>
                    <a:lnTo>
                      <a:pt x="96" y="60"/>
                    </a:lnTo>
                    <a:lnTo>
                      <a:pt x="102" y="66"/>
                    </a:lnTo>
                    <a:lnTo>
                      <a:pt x="60" y="54"/>
                    </a:lnTo>
                    <a:lnTo>
                      <a:pt x="84" y="48"/>
                    </a:lnTo>
                    <a:lnTo>
                      <a:pt x="78" y="48"/>
                    </a:lnTo>
                    <a:lnTo>
                      <a:pt x="24" y="60"/>
                    </a:lnTo>
                    <a:lnTo>
                      <a:pt x="36" y="54"/>
                    </a:lnTo>
                    <a:lnTo>
                      <a:pt x="24" y="48"/>
                    </a:lnTo>
                    <a:lnTo>
                      <a:pt x="24" y="54"/>
                    </a:lnTo>
                    <a:lnTo>
                      <a:pt x="12" y="60"/>
                    </a:lnTo>
                    <a:lnTo>
                      <a:pt x="12" y="42"/>
                    </a:lnTo>
                    <a:lnTo>
                      <a:pt x="0" y="30"/>
                    </a:lnTo>
                    <a:lnTo>
                      <a:pt x="0" y="18"/>
                    </a:lnTo>
                    <a:lnTo>
                      <a:pt x="138" y="6"/>
                    </a:lnTo>
                    <a:lnTo>
                      <a:pt x="150" y="24"/>
                    </a:lnTo>
                    <a:lnTo>
                      <a:pt x="294" y="18"/>
                    </a:lnTo>
                    <a:lnTo>
                      <a:pt x="300" y="30"/>
                    </a:lnTo>
                    <a:lnTo>
                      <a:pt x="306" y="24"/>
                    </a:lnTo>
                    <a:lnTo>
                      <a:pt x="306" y="0"/>
                    </a:lnTo>
                    <a:lnTo>
                      <a:pt x="330" y="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02" name="Freeform 279"/>
              <p:cNvSpPr>
                <a:spLocks noChangeAspect="1"/>
              </p:cNvSpPr>
              <p:nvPr/>
            </p:nvSpPr>
            <p:spPr bwMode="auto">
              <a:xfrm>
                <a:off x="1902" y="2730"/>
                <a:ext cx="462" cy="348"/>
              </a:xfrm>
              <a:custGeom>
                <a:avLst/>
                <a:gdLst>
                  <a:gd name="T0" fmla="*/ 330 w 462"/>
                  <a:gd name="T1" fmla="*/ 0 h 348"/>
                  <a:gd name="T2" fmla="*/ 456 w 462"/>
                  <a:gd name="T3" fmla="*/ 234 h 348"/>
                  <a:gd name="T4" fmla="*/ 462 w 462"/>
                  <a:gd name="T5" fmla="*/ 294 h 348"/>
                  <a:gd name="T6" fmla="*/ 450 w 462"/>
                  <a:gd name="T7" fmla="*/ 312 h 348"/>
                  <a:gd name="T8" fmla="*/ 450 w 462"/>
                  <a:gd name="T9" fmla="*/ 324 h 348"/>
                  <a:gd name="T10" fmla="*/ 444 w 462"/>
                  <a:gd name="T11" fmla="*/ 336 h 348"/>
                  <a:gd name="T12" fmla="*/ 408 w 462"/>
                  <a:gd name="T13" fmla="*/ 348 h 348"/>
                  <a:gd name="T14" fmla="*/ 402 w 462"/>
                  <a:gd name="T15" fmla="*/ 336 h 348"/>
                  <a:gd name="T16" fmla="*/ 414 w 462"/>
                  <a:gd name="T17" fmla="*/ 342 h 348"/>
                  <a:gd name="T18" fmla="*/ 420 w 462"/>
                  <a:gd name="T19" fmla="*/ 330 h 348"/>
                  <a:gd name="T20" fmla="*/ 402 w 462"/>
                  <a:gd name="T21" fmla="*/ 330 h 348"/>
                  <a:gd name="T22" fmla="*/ 384 w 462"/>
                  <a:gd name="T23" fmla="*/ 306 h 348"/>
                  <a:gd name="T24" fmla="*/ 366 w 462"/>
                  <a:gd name="T25" fmla="*/ 300 h 348"/>
                  <a:gd name="T26" fmla="*/ 354 w 462"/>
                  <a:gd name="T27" fmla="*/ 270 h 348"/>
                  <a:gd name="T28" fmla="*/ 336 w 462"/>
                  <a:gd name="T29" fmla="*/ 258 h 348"/>
                  <a:gd name="T30" fmla="*/ 336 w 462"/>
                  <a:gd name="T31" fmla="*/ 240 h 348"/>
                  <a:gd name="T32" fmla="*/ 324 w 462"/>
                  <a:gd name="T33" fmla="*/ 240 h 348"/>
                  <a:gd name="T34" fmla="*/ 330 w 462"/>
                  <a:gd name="T35" fmla="*/ 252 h 348"/>
                  <a:gd name="T36" fmla="*/ 324 w 462"/>
                  <a:gd name="T37" fmla="*/ 252 h 348"/>
                  <a:gd name="T38" fmla="*/ 300 w 462"/>
                  <a:gd name="T39" fmla="*/ 216 h 348"/>
                  <a:gd name="T40" fmla="*/ 312 w 462"/>
                  <a:gd name="T41" fmla="*/ 186 h 348"/>
                  <a:gd name="T42" fmla="*/ 294 w 462"/>
                  <a:gd name="T43" fmla="*/ 180 h 348"/>
                  <a:gd name="T44" fmla="*/ 300 w 462"/>
                  <a:gd name="T45" fmla="*/ 198 h 348"/>
                  <a:gd name="T46" fmla="*/ 282 w 462"/>
                  <a:gd name="T47" fmla="*/ 186 h 348"/>
                  <a:gd name="T48" fmla="*/ 288 w 462"/>
                  <a:gd name="T49" fmla="*/ 126 h 348"/>
                  <a:gd name="T50" fmla="*/ 222 w 462"/>
                  <a:gd name="T51" fmla="*/ 66 h 348"/>
                  <a:gd name="T52" fmla="*/ 186 w 462"/>
                  <a:gd name="T53" fmla="*/ 60 h 348"/>
                  <a:gd name="T54" fmla="*/ 186 w 462"/>
                  <a:gd name="T55" fmla="*/ 72 h 348"/>
                  <a:gd name="T56" fmla="*/ 126 w 462"/>
                  <a:gd name="T57" fmla="*/ 90 h 348"/>
                  <a:gd name="T58" fmla="*/ 126 w 462"/>
                  <a:gd name="T59" fmla="*/ 84 h 348"/>
                  <a:gd name="T60" fmla="*/ 132 w 462"/>
                  <a:gd name="T61" fmla="*/ 90 h 348"/>
                  <a:gd name="T62" fmla="*/ 132 w 462"/>
                  <a:gd name="T63" fmla="*/ 84 h 348"/>
                  <a:gd name="T64" fmla="*/ 102 w 462"/>
                  <a:gd name="T65" fmla="*/ 54 h 348"/>
                  <a:gd name="T66" fmla="*/ 96 w 462"/>
                  <a:gd name="T67" fmla="*/ 60 h 348"/>
                  <a:gd name="T68" fmla="*/ 102 w 462"/>
                  <a:gd name="T69" fmla="*/ 66 h 348"/>
                  <a:gd name="T70" fmla="*/ 60 w 462"/>
                  <a:gd name="T71" fmla="*/ 54 h 348"/>
                  <a:gd name="T72" fmla="*/ 84 w 462"/>
                  <a:gd name="T73" fmla="*/ 48 h 348"/>
                  <a:gd name="T74" fmla="*/ 78 w 462"/>
                  <a:gd name="T75" fmla="*/ 48 h 348"/>
                  <a:gd name="T76" fmla="*/ 24 w 462"/>
                  <a:gd name="T77" fmla="*/ 60 h 348"/>
                  <a:gd name="T78" fmla="*/ 36 w 462"/>
                  <a:gd name="T79" fmla="*/ 54 h 348"/>
                  <a:gd name="T80" fmla="*/ 24 w 462"/>
                  <a:gd name="T81" fmla="*/ 48 h 348"/>
                  <a:gd name="T82" fmla="*/ 24 w 462"/>
                  <a:gd name="T83" fmla="*/ 54 h 348"/>
                  <a:gd name="T84" fmla="*/ 12 w 462"/>
                  <a:gd name="T85" fmla="*/ 60 h 348"/>
                  <a:gd name="T86" fmla="*/ 12 w 462"/>
                  <a:gd name="T87" fmla="*/ 42 h 348"/>
                  <a:gd name="T88" fmla="*/ 0 w 462"/>
                  <a:gd name="T89" fmla="*/ 30 h 348"/>
                  <a:gd name="T90" fmla="*/ 0 w 462"/>
                  <a:gd name="T91" fmla="*/ 18 h 348"/>
                  <a:gd name="T92" fmla="*/ 138 w 462"/>
                  <a:gd name="T93" fmla="*/ 6 h 348"/>
                  <a:gd name="T94" fmla="*/ 150 w 462"/>
                  <a:gd name="T95" fmla="*/ 24 h 348"/>
                  <a:gd name="T96" fmla="*/ 294 w 462"/>
                  <a:gd name="T97" fmla="*/ 18 h 348"/>
                  <a:gd name="T98" fmla="*/ 300 w 462"/>
                  <a:gd name="T99" fmla="*/ 30 h 348"/>
                  <a:gd name="T100" fmla="*/ 306 w 462"/>
                  <a:gd name="T101" fmla="*/ 24 h 348"/>
                  <a:gd name="T102" fmla="*/ 306 w 462"/>
                  <a:gd name="T103" fmla="*/ 0 h 348"/>
                  <a:gd name="T104" fmla="*/ 330 w 462"/>
                  <a:gd name="T105" fmla="*/ 0 h 348"/>
                  <a:gd name="T106" fmla="*/ 330 w 462"/>
                  <a:gd name="T107" fmla="*/ 6 h 348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w 462"/>
                  <a:gd name="T163" fmla="*/ 0 h 348"/>
                  <a:gd name="T164" fmla="*/ 462 w 462"/>
                  <a:gd name="T165" fmla="*/ 348 h 348"/>
                </a:gdLst>
                <a:ahLst/>
                <a:cxnLst>
                  <a:cxn ang="T108">
                    <a:pos x="T0" y="T1"/>
                  </a:cxn>
                  <a:cxn ang="T109">
                    <a:pos x="T2" y="T3"/>
                  </a:cxn>
                  <a:cxn ang="T110">
                    <a:pos x="T4" y="T5"/>
                  </a:cxn>
                  <a:cxn ang="T111">
                    <a:pos x="T6" y="T7"/>
                  </a:cxn>
                  <a:cxn ang="T112">
                    <a:pos x="T8" y="T9"/>
                  </a:cxn>
                  <a:cxn ang="T113">
                    <a:pos x="T10" y="T11"/>
                  </a:cxn>
                  <a:cxn ang="T114">
                    <a:pos x="T12" y="T13"/>
                  </a:cxn>
                  <a:cxn ang="T115">
                    <a:pos x="T14" y="T15"/>
                  </a:cxn>
                  <a:cxn ang="T116">
                    <a:pos x="T16" y="T17"/>
                  </a:cxn>
                  <a:cxn ang="T117">
                    <a:pos x="T18" y="T19"/>
                  </a:cxn>
                  <a:cxn ang="T118">
                    <a:pos x="T20" y="T21"/>
                  </a:cxn>
                  <a:cxn ang="T119">
                    <a:pos x="T22" y="T23"/>
                  </a:cxn>
                  <a:cxn ang="T120">
                    <a:pos x="T24" y="T25"/>
                  </a:cxn>
                  <a:cxn ang="T121">
                    <a:pos x="T26" y="T27"/>
                  </a:cxn>
                  <a:cxn ang="T122">
                    <a:pos x="T28" y="T29"/>
                  </a:cxn>
                  <a:cxn ang="T123">
                    <a:pos x="T30" y="T31"/>
                  </a:cxn>
                  <a:cxn ang="T124">
                    <a:pos x="T32" y="T33"/>
                  </a:cxn>
                  <a:cxn ang="T125">
                    <a:pos x="T34" y="T35"/>
                  </a:cxn>
                  <a:cxn ang="T126">
                    <a:pos x="T36" y="T37"/>
                  </a:cxn>
                  <a:cxn ang="T127">
                    <a:pos x="T38" y="T39"/>
                  </a:cxn>
                  <a:cxn ang="T128">
                    <a:pos x="T40" y="T41"/>
                  </a:cxn>
                  <a:cxn ang="T129">
                    <a:pos x="T42" y="T43"/>
                  </a:cxn>
                  <a:cxn ang="T130">
                    <a:pos x="T44" y="T45"/>
                  </a:cxn>
                  <a:cxn ang="T131">
                    <a:pos x="T46" y="T47"/>
                  </a:cxn>
                  <a:cxn ang="T132">
                    <a:pos x="T48" y="T49"/>
                  </a:cxn>
                  <a:cxn ang="T133">
                    <a:pos x="T50" y="T51"/>
                  </a:cxn>
                  <a:cxn ang="T134">
                    <a:pos x="T52" y="T53"/>
                  </a:cxn>
                  <a:cxn ang="T135">
                    <a:pos x="T54" y="T55"/>
                  </a:cxn>
                  <a:cxn ang="T136">
                    <a:pos x="T56" y="T57"/>
                  </a:cxn>
                  <a:cxn ang="T137">
                    <a:pos x="T58" y="T59"/>
                  </a:cxn>
                  <a:cxn ang="T138">
                    <a:pos x="T60" y="T61"/>
                  </a:cxn>
                  <a:cxn ang="T139">
                    <a:pos x="T62" y="T63"/>
                  </a:cxn>
                  <a:cxn ang="T140">
                    <a:pos x="T64" y="T65"/>
                  </a:cxn>
                  <a:cxn ang="T141">
                    <a:pos x="T66" y="T67"/>
                  </a:cxn>
                  <a:cxn ang="T142">
                    <a:pos x="T68" y="T69"/>
                  </a:cxn>
                  <a:cxn ang="T143">
                    <a:pos x="T70" y="T71"/>
                  </a:cxn>
                  <a:cxn ang="T144">
                    <a:pos x="T72" y="T73"/>
                  </a:cxn>
                  <a:cxn ang="T145">
                    <a:pos x="T74" y="T75"/>
                  </a:cxn>
                  <a:cxn ang="T146">
                    <a:pos x="T76" y="T77"/>
                  </a:cxn>
                  <a:cxn ang="T147">
                    <a:pos x="T78" y="T79"/>
                  </a:cxn>
                  <a:cxn ang="T148">
                    <a:pos x="T80" y="T81"/>
                  </a:cxn>
                  <a:cxn ang="T149">
                    <a:pos x="T82" y="T83"/>
                  </a:cxn>
                  <a:cxn ang="T150">
                    <a:pos x="T84" y="T85"/>
                  </a:cxn>
                  <a:cxn ang="T151">
                    <a:pos x="T86" y="T87"/>
                  </a:cxn>
                  <a:cxn ang="T152">
                    <a:pos x="T88" y="T89"/>
                  </a:cxn>
                  <a:cxn ang="T153">
                    <a:pos x="T90" y="T91"/>
                  </a:cxn>
                  <a:cxn ang="T154">
                    <a:pos x="T92" y="T93"/>
                  </a:cxn>
                  <a:cxn ang="T155">
                    <a:pos x="T94" y="T95"/>
                  </a:cxn>
                  <a:cxn ang="T156">
                    <a:pos x="T96" y="T97"/>
                  </a:cxn>
                  <a:cxn ang="T157">
                    <a:pos x="T98" y="T99"/>
                  </a:cxn>
                  <a:cxn ang="T158">
                    <a:pos x="T100" y="T101"/>
                  </a:cxn>
                  <a:cxn ang="T159">
                    <a:pos x="T102" y="T103"/>
                  </a:cxn>
                  <a:cxn ang="T160">
                    <a:pos x="T104" y="T105"/>
                  </a:cxn>
                  <a:cxn ang="T161">
                    <a:pos x="T106" y="T107"/>
                  </a:cxn>
                </a:cxnLst>
                <a:rect l="T162" t="T163" r="T164" b="T165"/>
                <a:pathLst>
                  <a:path w="462" h="348">
                    <a:moveTo>
                      <a:pt x="330" y="0"/>
                    </a:moveTo>
                    <a:lnTo>
                      <a:pt x="456" y="234"/>
                    </a:lnTo>
                    <a:lnTo>
                      <a:pt x="462" y="294"/>
                    </a:lnTo>
                    <a:lnTo>
                      <a:pt x="450" y="312"/>
                    </a:lnTo>
                    <a:lnTo>
                      <a:pt x="450" y="324"/>
                    </a:lnTo>
                    <a:lnTo>
                      <a:pt x="444" y="336"/>
                    </a:lnTo>
                    <a:lnTo>
                      <a:pt x="408" y="348"/>
                    </a:lnTo>
                    <a:lnTo>
                      <a:pt x="402" y="336"/>
                    </a:lnTo>
                    <a:lnTo>
                      <a:pt x="414" y="342"/>
                    </a:lnTo>
                    <a:lnTo>
                      <a:pt x="420" y="330"/>
                    </a:lnTo>
                    <a:lnTo>
                      <a:pt x="402" y="330"/>
                    </a:lnTo>
                    <a:lnTo>
                      <a:pt x="384" y="306"/>
                    </a:lnTo>
                    <a:lnTo>
                      <a:pt x="366" y="300"/>
                    </a:lnTo>
                    <a:lnTo>
                      <a:pt x="354" y="270"/>
                    </a:lnTo>
                    <a:lnTo>
                      <a:pt x="336" y="258"/>
                    </a:lnTo>
                    <a:lnTo>
                      <a:pt x="336" y="240"/>
                    </a:lnTo>
                    <a:lnTo>
                      <a:pt x="324" y="240"/>
                    </a:lnTo>
                    <a:lnTo>
                      <a:pt x="330" y="252"/>
                    </a:lnTo>
                    <a:lnTo>
                      <a:pt x="324" y="252"/>
                    </a:lnTo>
                    <a:lnTo>
                      <a:pt x="300" y="216"/>
                    </a:lnTo>
                    <a:lnTo>
                      <a:pt x="312" y="186"/>
                    </a:lnTo>
                    <a:lnTo>
                      <a:pt x="294" y="180"/>
                    </a:lnTo>
                    <a:lnTo>
                      <a:pt x="300" y="198"/>
                    </a:lnTo>
                    <a:lnTo>
                      <a:pt x="282" y="186"/>
                    </a:lnTo>
                    <a:lnTo>
                      <a:pt x="288" y="126"/>
                    </a:lnTo>
                    <a:lnTo>
                      <a:pt x="222" y="66"/>
                    </a:lnTo>
                    <a:lnTo>
                      <a:pt x="186" y="60"/>
                    </a:lnTo>
                    <a:lnTo>
                      <a:pt x="186" y="72"/>
                    </a:lnTo>
                    <a:lnTo>
                      <a:pt x="126" y="90"/>
                    </a:lnTo>
                    <a:lnTo>
                      <a:pt x="126" y="84"/>
                    </a:lnTo>
                    <a:lnTo>
                      <a:pt x="132" y="90"/>
                    </a:lnTo>
                    <a:lnTo>
                      <a:pt x="132" y="84"/>
                    </a:lnTo>
                    <a:lnTo>
                      <a:pt x="102" y="54"/>
                    </a:lnTo>
                    <a:lnTo>
                      <a:pt x="96" y="60"/>
                    </a:lnTo>
                    <a:lnTo>
                      <a:pt x="102" y="66"/>
                    </a:lnTo>
                    <a:lnTo>
                      <a:pt x="60" y="54"/>
                    </a:lnTo>
                    <a:lnTo>
                      <a:pt x="84" y="48"/>
                    </a:lnTo>
                    <a:lnTo>
                      <a:pt x="78" y="48"/>
                    </a:lnTo>
                    <a:lnTo>
                      <a:pt x="24" y="60"/>
                    </a:lnTo>
                    <a:lnTo>
                      <a:pt x="36" y="54"/>
                    </a:lnTo>
                    <a:lnTo>
                      <a:pt x="24" y="48"/>
                    </a:lnTo>
                    <a:lnTo>
                      <a:pt x="24" y="54"/>
                    </a:lnTo>
                    <a:lnTo>
                      <a:pt x="12" y="60"/>
                    </a:lnTo>
                    <a:lnTo>
                      <a:pt x="12" y="42"/>
                    </a:lnTo>
                    <a:lnTo>
                      <a:pt x="0" y="30"/>
                    </a:lnTo>
                    <a:lnTo>
                      <a:pt x="0" y="18"/>
                    </a:lnTo>
                    <a:lnTo>
                      <a:pt x="138" y="6"/>
                    </a:lnTo>
                    <a:lnTo>
                      <a:pt x="150" y="24"/>
                    </a:lnTo>
                    <a:lnTo>
                      <a:pt x="294" y="18"/>
                    </a:lnTo>
                    <a:lnTo>
                      <a:pt x="300" y="30"/>
                    </a:lnTo>
                    <a:lnTo>
                      <a:pt x="306" y="24"/>
                    </a:lnTo>
                    <a:lnTo>
                      <a:pt x="306" y="0"/>
                    </a:lnTo>
                    <a:lnTo>
                      <a:pt x="330" y="0"/>
                    </a:lnTo>
                    <a:lnTo>
                      <a:pt x="33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03" name="Freeform 280"/>
              <p:cNvSpPr>
                <a:spLocks noChangeAspect="1"/>
              </p:cNvSpPr>
              <p:nvPr/>
            </p:nvSpPr>
            <p:spPr bwMode="auto">
              <a:xfrm>
                <a:off x="1980" y="2472"/>
                <a:ext cx="276" cy="288"/>
              </a:xfrm>
              <a:custGeom>
                <a:avLst/>
                <a:gdLst>
                  <a:gd name="T0" fmla="*/ 66 w 276"/>
                  <a:gd name="T1" fmla="*/ 6 h 288"/>
                  <a:gd name="T2" fmla="*/ 132 w 276"/>
                  <a:gd name="T3" fmla="*/ 0 h 288"/>
                  <a:gd name="T4" fmla="*/ 120 w 276"/>
                  <a:gd name="T5" fmla="*/ 18 h 288"/>
                  <a:gd name="T6" fmla="*/ 150 w 276"/>
                  <a:gd name="T7" fmla="*/ 30 h 288"/>
                  <a:gd name="T8" fmla="*/ 168 w 276"/>
                  <a:gd name="T9" fmla="*/ 60 h 288"/>
                  <a:gd name="T10" fmla="*/ 234 w 276"/>
                  <a:gd name="T11" fmla="*/ 114 h 288"/>
                  <a:gd name="T12" fmla="*/ 258 w 276"/>
                  <a:gd name="T13" fmla="*/ 162 h 288"/>
                  <a:gd name="T14" fmla="*/ 276 w 276"/>
                  <a:gd name="T15" fmla="*/ 168 h 288"/>
                  <a:gd name="T16" fmla="*/ 264 w 276"/>
                  <a:gd name="T17" fmla="*/ 192 h 288"/>
                  <a:gd name="T18" fmla="*/ 264 w 276"/>
                  <a:gd name="T19" fmla="*/ 198 h 288"/>
                  <a:gd name="T20" fmla="*/ 252 w 276"/>
                  <a:gd name="T21" fmla="*/ 216 h 288"/>
                  <a:gd name="T22" fmla="*/ 252 w 276"/>
                  <a:gd name="T23" fmla="*/ 228 h 288"/>
                  <a:gd name="T24" fmla="*/ 246 w 276"/>
                  <a:gd name="T25" fmla="*/ 228 h 288"/>
                  <a:gd name="T26" fmla="*/ 258 w 276"/>
                  <a:gd name="T27" fmla="*/ 234 h 288"/>
                  <a:gd name="T28" fmla="*/ 252 w 276"/>
                  <a:gd name="T29" fmla="*/ 258 h 288"/>
                  <a:gd name="T30" fmla="*/ 228 w 276"/>
                  <a:gd name="T31" fmla="*/ 258 h 288"/>
                  <a:gd name="T32" fmla="*/ 228 w 276"/>
                  <a:gd name="T33" fmla="*/ 282 h 288"/>
                  <a:gd name="T34" fmla="*/ 222 w 276"/>
                  <a:gd name="T35" fmla="*/ 288 h 288"/>
                  <a:gd name="T36" fmla="*/ 216 w 276"/>
                  <a:gd name="T37" fmla="*/ 276 h 288"/>
                  <a:gd name="T38" fmla="*/ 72 w 276"/>
                  <a:gd name="T39" fmla="*/ 282 h 288"/>
                  <a:gd name="T40" fmla="*/ 60 w 276"/>
                  <a:gd name="T41" fmla="*/ 264 h 288"/>
                  <a:gd name="T42" fmla="*/ 48 w 276"/>
                  <a:gd name="T43" fmla="*/ 210 h 288"/>
                  <a:gd name="T44" fmla="*/ 60 w 276"/>
                  <a:gd name="T45" fmla="*/ 186 h 288"/>
                  <a:gd name="T46" fmla="*/ 36 w 276"/>
                  <a:gd name="T47" fmla="*/ 150 h 288"/>
                  <a:gd name="T48" fmla="*/ 0 w 276"/>
                  <a:gd name="T49" fmla="*/ 18 h 288"/>
                  <a:gd name="T50" fmla="*/ 66 w 276"/>
                  <a:gd name="T51" fmla="*/ 6 h 288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276"/>
                  <a:gd name="T79" fmla="*/ 0 h 288"/>
                  <a:gd name="T80" fmla="*/ 276 w 276"/>
                  <a:gd name="T81" fmla="*/ 288 h 288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276" h="288">
                    <a:moveTo>
                      <a:pt x="66" y="6"/>
                    </a:moveTo>
                    <a:lnTo>
                      <a:pt x="132" y="0"/>
                    </a:lnTo>
                    <a:lnTo>
                      <a:pt x="120" y="18"/>
                    </a:lnTo>
                    <a:lnTo>
                      <a:pt x="150" y="30"/>
                    </a:lnTo>
                    <a:lnTo>
                      <a:pt x="168" y="60"/>
                    </a:lnTo>
                    <a:lnTo>
                      <a:pt x="234" y="114"/>
                    </a:lnTo>
                    <a:lnTo>
                      <a:pt x="258" y="162"/>
                    </a:lnTo>
                    <a:lnTo>
                      <a:pt x="276" y="168"/>
                    </a:lnTo>
                    <a:lnTo>
                      <a:pt x="264" y="192"/>
                    </a:lnTo>
                    <a:lnTo>
                      <a:pt x="264" y="198"/>
                    </a:lnTo>
                    <a:lnTo>
                      <a:pt x="252" y="216"/>
                    </a:lnTo>
                    <a:lnTo>
                      <a:pt x="252" y="228"/>
                    </a:lnTo>
                    <a:lnTo>
                      <a:pt x="246" y="228"/>
                    </a:lnTo>
                    <a:lnTo>
                      <a:pt x="258" y="234"/>
                    </a:lnTo>
                    <a:lnTo>
                      <a:pt x="252" y="258"/>
                    </a:lnTo>
                    <a:lnTo>
                      <a:pt x="228" y="258"/>
                    </a:lnTo>
                    <a:lnTo>
                      <a:pt x="228" y="282"/>
                    </a:lnTo>
                    <a:lnTo>
                      <a:pt x="222" y="288"/>
                    </a:lnTo>
                    <a:lnTo>
                      <a:pt x="216" y="276"/>
                    </a:lnTo>
                    <a:lnTo>
                      <a:pt x="72" y="282"/>
                    </a:lnTo>
                    <a:lnTo>
                      <a:pt x="60" y="264"/>
                    </a:lnTo>
                    <a:lnTo>
                      <a:pt x="48" y="210"/>
                    </a:lnTo>
                    <a:lnTo>
                      <a:pt x="60" y="186"/>
                    </a:lnTo>
                    <a:lnTo>
                      <a:pt x="36" y="150"/>
                    </a:lnTo>
                    <a:lnTo>
                      <a:pt x="0" y="18"/>
                    </a:lnTo>
                    <a:lnTo>
                      <a:pt x="66" y="6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04" name="Freeform 281"/>
              <p:cNvSpPr>
                <a:spLocks noChangeAspect="1"/>
              </p:cNvSpPr>
              <p:nvPr/>
            </p:nvSpPr>
            <p:spPr bwMode="auto">
              <a:xfrm>
                <a:off x="1980" y="2472"/>
                <a:ext cx="276" cy="288"/>
              </a:xfrm>
              <a:custGeom>
                <a:avLst/>
                <a:gdLst>
                  <a:gd name="T0" fmla="*/ 66 w 276"/>
                  <a:gd name="T1" fmla="*/ 6 h 288"/>
                  <a:gd name="T2" fmla="*/ 132 w 276"/>
                  <a:gd name="T3" fmla="*/ 0 h 288"/>
                  <a:gd name="T4" fmla="*/ 120 w 276"/>
                  <a:gd name="T5" fmla="*/ 18 h 288"/>
                  <a:gd name="T6" fmla="*/ 150 w 276"/>
                  <a:gd name="T7" fmla="*/ 30 h 288"/>
                  <a:gd name="T8" fmla="*/ 168 w 276"/>
                  <a:gd name="T9" fmla="*/ 60 h 288"/>
                  <a:gd name="T10" fmla="*/ 234 w 276"/>
                  <a:gd name="T11" fmla="*/ 114 h 288"/>
                  <a:gd name="T12" fmla="*/ 258 w 276"/>
                  <a:gd name="T13" fmla="*/ 162 h 288"/>
                  <a:gd name="T14" fmla="*/ 276 w 276"/>
                  <a:gd name="T15" fmla="*/ 168 h 288"/>
                  <a:gd name="T16" fmla="*/ 264 w 276"/>
                  <a:gd name="T17" fmla="*/ 192 h 288"/>
                  <a:gd name="T18" fmla="*/ 264 w 276"/>
                  <a:gd name="T19" fmla="*/ 198 h 288"/>
                  <a:gd name="T20" fmla="*/ 252 w 276"/>
                  <a:gd name="T21" fmla="*/ 216 h 288"/>
                  <a:gd name="T22" fmla="*/ 252 w 276"/>
                  <a:gd name="T23" fmla="*/ 228 h 288"/>
                  <a:gd name="T24" fmla="*/ 246 w 276"/>
                  <a:gd name="T25" fmla="*/ 228 h 288"/>
                  <a:gd name="T26" fmla="*/ 258 w 276"/>
                  <a:gd name="T27" fmla="*/ 234 h 288"/>
                  <a:gd name="T28" fmla="*/ 252 w 276"/>
                  <a:gd name="T29" fmla="*/ 258 h 288"/>
                  <a:gd name="T30" fmla="*/ 228 w 276"/>
                  <a:gd name="T31" fmla="*/ 258 h 288"/>
                  <a:gd name="T32" fmla="*/ 228 w 276"/>
                  <a:gd name="T33" fmla="*/ 282 h 288"/>
                  <a:gd name="T34" fmla="*/ 222 w 276"/>
                  <a:gd name="T35" fmla="*/ 288 h 288"/>
                  <a:gd name="T36" fmla="*/ 216 w 276"/>
                  <a:gd name="T37" fmla="*/ 276 h 288"/>
                  <a:gd name="T38" fmla="*/ 72 w 276"/>
                  <a:gd name="T39" fmla="*/ 282 h 288"/>
                  <a:gd name="T40" fmla="*/ 60 w 276"/>
                  <a:gd name="T41" fmla="*/ 264 h 288"/>
                  <a:gd name="T42" fmla="*/ 48 w 276"/>
                  <a:gd name="T43" fmla="*/ 210 h 288"/>
                  <a:gd name="T44" fmla="*/ 60 w 276"/>
                  <a:gd name="T45" fmla="*/ 186 h 288"/>
                  <a:gd name="T46" fmla="*/ 36 w 276"/>
                  <a:gd name="T47" fmla="*/ 150 h 288"/>
                  <a:gd name="T48" fmla="*/ 0 w 276"/>
                  <a:gd name="T49" fmla="*/ 18 h 288"/>
                  <a:gd name="T50" fmla="*/ 66 w 276"/>
                  <a:gd name="T51" fmla="*/ 6 h 288"/>
                  <a:gd name="T52" fmla="*/ 66 w 276"/>
                  <a:gd name="T53" fmla="*/ 12 h 288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276"/>
                  <a:gd name="T82" fmla="*/ 0 h 288"/>
                  <a:gd name="T83" fmla="*/ 276 w 276"/>
                  <a:gd name="T84" fmla="*/ 288 h 288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276" h="288">
                    <a:moveTo>
                      <a:pt x="66" y="6"/>
                    </a:moveTo>
                    <a:lnTo>
                      <a:pt x="132" y="0"/>
                    </a:lnTo>
                    <a:lnTo>
                      <a:pt x="120" y="18"/>
                    </a:lnTo>
                    <a:lnTo>
                      <a:pt x="150" y="30"/>
                    </a:lnTo>
                    <a:lnTo>
                      <a:pt x="168" y="60"/>
                    </a:lnTo>
                    <a:lnTo>
                      <a:pt x="234" y="114"/>
                    </a:lnTo>
                    <a:lnTo>
                      <a:pt x="258" y="162"/>
                    </a:lnTo>
                    <a:lnTo>
                      <a:pt x="276" y="168"/>
                    </a:lnTo>
                    <a:lnTo>
                      <a:pt x="264" y="192"/>
                    </a:lnTo>
                    <a:lnTo>
                      <a:pt x="264" y="198"/>
                    </a:lnTo>
                    <a:lnTo>
                      <a:pt x="252" y="216"/>
                    </a:lnTo>
                    <a:lnTo>
                      <a:pt x="252" y="228"/>
                    </a:lnTo>
                    <a:lnTo>
                      <a:pt x="246" y="228"/>
                    </a:lnTo>
                    <a:lnTo>
                      <a:pt x="258" y="234"/>
                    </a:lnTo>
                    <a:lnTo>
                      <a:pt x="252" y="258"/>
                    </a:lnTo>
                    <a:lnTo>
                      <a:pt x="228" y="258"/>
                    </a:lnTo>
                    <a:lnTo>
                      <a:pt x="228" y="282"/>
                    </a:lnTo>
                    <a:lnTo>
                      <a:pt x="222" y="288"/>
                    </a:lnTo>
                    <a:lnTo>
                      <a:pt x="216" y="276"/>
                    </a:lnTo>
                    <a:lnTo>
                      <a:pt x="72" y="282"/>
                    </a:lnTo>
                    <a:lnTo>
                      <a:pt x="60" y="264"/>
                    </a:lnTo>
                    <a:lnTo>
                      <a:pt x="48" y="210"/>
                    </a:lnTo>
                    <a:lnTo>
                      <a:pt x="60" y="186"/>
                    </a:lnTo>
                    <a:lnTo>
                      <a:pt x="36" y="150"/>
                    </a:lnTo>
                    <a:lnTo>
                      <a:pt x="0" y="18"/>
                    </a:lnTo>
                    <a:lnTo>
                      <a:pt x="66" y="6"/>
                    </a:lnTo>
                    <a:lnTo>
                      <a:pt x="66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05" name="Freeform 282"/>
              <p:cNvSpPr>
                <a:spLocks noChangeAspect="1"/>
              </p:cNvSpPr>
              <p:nvPr/>
            </p:nvSpPr>
            <p:spPr bwMode="auto">
              <a:xfrm>
                <a:off x="618" y="2862"/>
                <a:ext cx="24" cy="24"/>
              </a:xfrm>
              <a:custGeom>
                <a:avLst/>
                <a:gdLst>
                  <a:gd name="T0" fmla="*/ 6 w 24"/>
                  <a:gd name="T1" fmla="*/ 0 h 24"/>
                  <a:gd name="T2" fmla="*/ 18 w 24"/>
                  <a:gd name="T3" fmla="*/ 0 h 24"/>
                  <a:gd name="T4" fmla="*/ 24 w 24"/>
                  <a:gd name="T5" fmla="*/ 6 h 24"/>
                  <a:gd name="T6" fmla="*/ 18 w 24"/>
                  <a:gd name="T7" fmla="*/ 12 h 24"/>
                  <a:gd name="T8" fmla="*/ 18 w 24"/>
                  <a:gd name="T9" fmla="*/ 18 h 24"/>
                  <a:gd name="T10" fmla="*/ 12 w 24"/>
                  <a:gd name="T11" fmla="*/ 24 h 24"/>
                  <a:gd name="T12" fmla="*/ 6 w 24"/>
                  <a:gd name="T13" fmla="*/ 24 h 24"/>
                  <a:gd name="T14" fmla="*/ 6 w 24"/>
                  <a:gd name="T15" fmla="*/ 18 h 24"/>
                  <a:gd name="T16" fmla="*/ 0 w 24"/>
                  <a:gd name="T17" fmla="*/ 18 h 24"/>
                  <a:gd name="T18" fmla="*/ 0 w 24"/>
                  <a:gd name="T19" fmla="*/ 6 h 24"/>
                  <a:gd name="T20" fmla="*/ 6 w 24"/>
                  <a:gd name="T21" fmla="*/ 0 h 2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24"/>
                  <a:gd name="T34" fmla="*/ 0 h 24"/>
                  <a:gd name="T35" fmla="*/ 24 w 24"/>
                  <a:gd name="T36" fmla="*/ 24 h 2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24" h="24">
                    <a:moveTo>
                      <a:pt x="6" y="0"/>
                    </a:moveTo>
                    <a:lnTo>
                      <a:pt x="18" y="0"/>
                    </a:lnTo>
                    <a:lnTo>
                      <a:pt x="24" y="6"/>
                    </a:lnTo>
                    <a:lnTo>
                      <a:pt x="18" y="12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24"/>
                    </a:lnTo>
                    <a:lnTo>
                      <a:pt x="6" y="18"/>
                    </a:lnTo>
                    <a:lnTo>
                      <a:pt x="0" y="18"/>
                    </a:lnTo>
                    <a:lnTo>
                      <a:pt x="0" y="6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06" name="Freeform 283"/>
              <p:cNvSpPr>
                <a:spLocks noChangeAspect="1"/>
              </p:cNvSpPr>
              <p:nvPr/>
            </p:nvSpPr>
            <p:spPr bwMode="auto">
              <a:xfrm>
                <a:off x="618" y="2862"/>
                <a:ext cx="24" cy="24"/>
              </a:xfrm>
              <a:custGeom>
                <a:avLst/>
                <a:gdLst>
                  <a:gd name="T0" fmla="*/ 6 w 24"/>
                  <a:gd name="T1" fmla="*/ 0 h 24"/>
                  <a:gd name="T2" fmla="*/ 18 w 24"/>
                  <a:gd name="T3" fmla="*/ 0 h 24"/>
                  <a:gd name="T4" fmla="*/ 24 w 24"/>
                  <a:gd name="T5" fmla="*/ 6 h 24"/>
                  <a:gd name="T6" fmla="*/ 18 w 24"/>
                  <a:gd name="T7" fmla="*/ 12 h 24"/>
                  <a:gd name="T8" fmla="*/ 18 w 24"/>
                  <a:gd name="T9" fmla="*/ 18 h 24"/>
                  <a:gd name="T10" fmla="*/ 12 w 24"/>
                  <a:gd name="T11" fmla="*/ 24 h 24"/>
                  <a:gd name="T12" fmla="*/ 6 w 24"/>
                  <a:gd name="T13" fmla="*/ 24 h 24"/>
                  <a:gd name="T14" fmla="*/ 6 w 24"/>
                  <a:gd name="T15" fmla="*/ 18 h 24"/>
                  <a:gd name="T16" fmla="*/ 0 w 24"/>
                  <a:gd name="T17" fmla="*/ 18 h 24"/>
                  <a:gd name="T18" fmla="*/ 0 w 24"/>
                  <a:gd name="T19" fmla="*/ 6 h 24"/>
                  <a:gd name="T20" fmla="*/ 6 w 24"/>
                  <a:gd name="T21" fmla="*/ 0 h 24"/>
                  <a:gd name="T22" fmla="*/ 6 w 24"/>
                  <a:gd name="T23" fmla="*/ 6 h 2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24"/>
                  <a:gd name="T37" fmla="*/ 0 h 24"/>
                  <a:gd name="T38" fmla="*/ 24 w 24"/>
                  <a:gd name="T39" fmla="*/ 24 h 2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24" h="24">
                    <a:moveTo>
                      <a:pt x="6" y="0"/>
                    </a:moveTo>
                    <a:lnTo>
                      <a:pt x="18" y="0"/>
                    </a:lnTo>
                    <a:lnTo>
                      <a:pt x="24" y="6"/>
                    </a:lnTo>
                    <a:lnTo>
                      <a:pt x="18" y="12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24"/>
                    </a:lnTo>
                    <a:lnTo>
                      <a:pt x="6" y="18"/>
                    </a:lnTo>
                    <a:lnTo>
                      <a:pt x="0" y="18"/>
                    </a:lnTo>
                    <a:lnTo>
                      <a:pt x="0" y="6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07" name="Freeform 284"/>
              <p:cNvSpPr>
                <a:spLocks noChangeAspect="1"/>
              </p:cNvSpPr>
              <p:nvPr/>
            </p:nvSpPr>
            <p:spPr bwMode="auto">
              <a:xfrm>
                <a:off x="696" y="2904"/>
                <a:ext cx="30" cy="24"/>
              </a:xfrm>
              <a:custGeom>
                <a:avLst/>
                <a:gdLst>
                  <a:gd name="T0" fmla="*/ 6 w 30"/>
                  <a:gd name="T1" fmla="*/ 6 h 24"/>
                  <a:gd name="T2" fmla="*/ 6 w 30"/>
                  <a:gd name="T3" fmla="*/ 0 h 24"/>
                  <a:gd name="T4" fmla="*/ 12 w 30"/>
                  <a:gd name="T5" fmla="*/ 0 h 24"/>
                  <a:gd name="T6" fmla="*/ 18 w 30"/>
                  <a:gd name="T7" fmla="*/ 6 h 24"/>
                  <a:gd name="T8" fmla="*/ 24 w 30"/>
                  <a:gd name="T9" fmla="*/ 12 h 24"/>
                  <a:gd name="T10" fmla="*/ 30 w 30"/>
                  <a:gd name="T11" fmla="*/ 18 h 24"/>
                  <a:gd name="T12" fmla="*/ 18 w 30"/>
                  <a:gd name="T13" fmla="*/ 18 h 24"/>
                  <a:gd name="T14" fmla="*/ 12 w 30"/>
                  <a:gd name="T15" fmla="*/ 24 h 24"/>
                  <a:gd name="T16" fmla="*/ 6 w 30"/>
                  <a:gd name="T17" fmla="*/ 18 h 24"/>
                  <a:gd name="T18" fmla="*/ 0 w 30"/>
                  <a:gd name="T19" fmla="*/ 6 h 24"/>
                  <a:gd name="T20" fmla="*/ 6 w 30"/>
                  <a:gd name="T21" fmla="*/ 6 h 2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0"/>
                  <a:gd name="T34" fmla="*/ 0 h 24"/>
                  <a:gd name="T35" fmla="*/ 30 w 30"/>
                  <a:gd name="T36" fmla="*/ 24 h 2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0" h="24">
                    <a:moveTo>
                      <a:pt x="6" y="6"/>
                    </a:moveTo>
                    <a:lnTo>
                      <a:pt x="6" y="0"/>
                    </a:lnTo>
                    <a:lnTo>
                      <a:pt x="12" y="0"/>
                    </a:lnTo>
                    <a:lnTo>
                      <a:pt x="18" y="6"/>
                    </a:lnTo>
                    <a:lnTo>
                      <a:pt x="24" y="12"/>
                    </a:lnTo>
                    <a:lnTo>
                      <a:pt x="30" y="18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18"/>
                    </a:lnTo>
                    <a:lnTo>
                      <a:pt x="0" y="6"/>
                    </a:lnTo>
                    <a:lnTo>
                      <a:pt x="6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08" name="Freeform 285"/>
              <p:cNvSpPr>
                <a:spLocks noChangeAspect="1"/>
              </p:cNvSpPr>
              <p:nvPr/>
            </p:nvSpPr>
            <p:spPr bwMode="auto">
              <a:xfrm>
                <a:off x="696" y="2904"/>
                <a:ext cx="30" cy="24"/>
              </a:xfrm>
              <a:custGeom>
                <a:avLst/>
                <a:gdLst>
                  <a:gd name="T0" fmla="*/ 6 w 30"/>
                  <a:gd name="T1" fmla="*/ 6 h 24"/>
                  <a:gd name="T2" fmla="*/ 6 w 30"/>
                  <a:gd name="T3" fmla="*/ 0 h 24"/>
                  <a:gd name="T4" fmla="*/ 12 w 30"/>
                  <a:gd name="T5" fmla="*/ 0 h 24"/>
                  <a:gd name="T6" fmla="*/ 18 w 30"/>
                  <a:gd name="T7" fmla="*/ 6 h 24"/>
                  <a:gd name="T8" fmla="*/ 24 w 30"/>
                  <a:gd name="T9" fmla="*/ 12 h 24"/>
                  <a:gd name="T10" fmla="*/ 30 w 30"/>
                  <a:gd name="T11" fmla="*/ 18 h 24"/>
                  <a:gd name="T12" fmla="*/ 18 w 30"/>
                  <a:gd name="T13" fmla="*/ 18 h 24"/>
                  <a:gd name="T14" fmla="*/ 12 w 30"/>
                  <a:gd name="T15" fmla="*/ 24 h 24"/>
                  <a:gd name="T16" fmla="*/ 6 w 30"/>
                  <a:gd name="T17" fmla="*/ 18 h 24"/>
                  <a:gd name="T18" fmla="*/ 0 w 30"/>
                  <a:gd name="T19" fmla="*/ 6 h 24"/>
                  <a:gd name="T20" fmla="*/ 6 w 30"/>
                  <a:gd name="T21" fmla="*/ 6 h 24"/>
                  <a:gd name="T22" fmla="*/ 6 w 30"/>
                  <a:gd name="T23" fmla="*/ 12 h 2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0"/>
                  <a:gd name="T37" fmla="*/ 0 h 24"/>
                  <a:gd name="T38" fmla="*/ 30 w 30"/>
                  <a:gd name="T39" fmla="*/ 24 h 2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0" h="24">
                    <a:moveTo>
                      <a:pt x="6" y="6"/>
                    </a:moveTo>
                    <a:lnTo>
                      <a:pt x="6" y="0"/>
                    </a:lnTo>
                    <a:lnTo>
                      <a:pt x="12" y="0"/>
                    </a:lnTo>
                    <a:lnTo>
                      <a:pt x="18" y="6"/>
                    </a:lnTo>
                    <a:lnTo>
                      <a:pt x="24" y="12"/>
                    </a:lnTo>
                    <a:lnTo>
                      <a:pt x="30" y="18"/>
                    </a:lnTo>
                    <a:lnTo>
                      <a:pt x="18" y="18"/>
                    </a:lnTo>
                    <a:lnTo>
                      <a:pt x="12" y="24"/>
                    </a:lnTo>
                    <a:lnTo>
                      <a:pt x="6" y="18"/>
                    </a:lnTo>
                    <a:lnTo>
                      <a:pt x="0" y="6"/>
                    </a:lnTo>
                    <a:lnTo>
                      <a:pt x="6" y="6"/>
                    </a:lnTo>
                    <a:lnTo>
                      <a:pt x="6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09" name="Freeform 286"/>
              <p:cNvSpPr>
                <a:spLocks noChangeAspect="1"/>
              </p:cNvSpPr>
              <p:nvPr/>
            </p:nvSpPr>
            <p:spPr bwMode="auto">
              <a:xfrm>
                <a:off x="744" y="2934"/>
                <a:ext cx="30" cy="12"/>
              </a:xfrm>
              <a:custGeom>
                <a:avLst/>
                <a:gdLst>
                  <a:gd name="T0" fmla="*/ 0 w 30"/>
                  <a:gd name="T1" fmla="*/ 6 h 12"/>
                  <a:gd name="T2" fmla="*/ 6 w 30"/>
                  <a:gd name="T3" fmla="*/ 0 h 12"/>
                  <a:gd name="T4" fmla="*/ 30 w 30"/>
                  <a:gd name="T5" fmla="*/ 0 h 12"/>
                  <a:gd name="T6" fmla="*/ 30 w 30"/>
                  <a:gd name="T7" fmla="*/ 6 h 12"/>
                  <a:gd name="T8" fmla="*/ 24 w 30"/>
                  <a:gd name="T9" fmla="*/ 12 h 12"/>
                  <a:gd name="T10" fmla="*/ 12 w 30"/>
                  <a:gd name="T11" fmla="*/ 6 h 12"/>
                  <a:gd name="T12" fmla="*/ 6 w 30"/>
                  <a:gd name="T13" fmla="*/ 6 h 12"/>
                  <a:gd name="T14" fmla="*/ 0 w 30"/>
                  <a:gd name="T15" fmla="*/ 6 h 12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30"/>
                  <a:gd name="T25" fmla="*/ 0 h 12"/>
                  <a:gd name="T26" fmla="*/ 30 w 30"/>
                  <a:gd name="T27" fmla="*/ 12 h 12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30" h="12">
                    <a:moveTo>
                      <a:pt x="0" y="6"/>
                    </a:moveTo>
                    <a:lnTo>
                      <a:pt x="6" y="0"/>
                    </a:lnTo>
                    <a:lnTo>
                      <a:pt x="30" y="0"/>
                    </a:lnTo>
                    <a:lnTo>
                      <a:pt x="30" y="6"/>
                    </a:lnTo>
                    <a:lnTo>
                      <a:pt x="24" y="12"/>
                    </a:lnTo>
                    <a:lnTo>
                      <a:pt x="12" y="6"/>
                    </a:lnTo>
                    <a:lnTo>
                      <a:pt x="6" y="6"/>
                    </a:lnTo>
                    <a:lnTo>
                      <a:pt x="0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10" name="Freeform 287"/>
              <p:cNvSpPr>
                <a:spLocks noChangeAspect="1"/>
              </p:cNvSpPr>
              <p:nvPr/>
            </p:nvSpPr>
            <p:spPr bwMode="auto">
              <a:xfrm>
                <a:off x="744" y="2934"/>
                <a:ext cx="30" cy="12"/>
              </a:xfrm>
              <a:custGeom>
                <a:avLst/>
                <a:gdLst>
                  <a:gd name="T0" fmla="*/ 0 w 30"/>
                  <a:gd name="T1" fmla="*/ 6 h 12"/>
                  <a:gd name="T2" fmla="*/ 6 w 30"/>
                  <a:gd name="T3" fmla="*/ 0 h 12"/>
                  <a:gd name="T4" fmla="*/ 30 w 30"/>
                  <a:gd name="T5" fmla="*/ 0 h 12"/>
                  <a:gd name="T6" fmla="*/ 30 w 30"/>
                  <a:gd name="T7" fmla="*/ 6 h 12"/>
                  <a:gd name="T8" fmla="*/ 24 w 30"/>
                  <a:gd name="T9" fmla="*/ 12 h 12"/>
                  <a:gd name="T10" fmla="*/ 12 w 30"/>
                  <a:gd name="T11" fmla="*/ 6 h 12"/>
                  <a:gd name="T12" fmla="*/ 6 w 30"/>
                  <a:gd name="T13" fmla="*/ 6 h 12"/>
                  <a:gd name="T14" fmla="*/ 0 w 30"/>
                  <a:gd name="T15" fmla="*/ 6 h 12"/>
                  <a:gd name="T16" fmla="*/ 0 w 30"/>
                  <a:gd name="T17" fmla="*/ 12 h 12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30"/>
                  <a:gd name="T28" fmla="*/ 0 h 12"/>
                  <a:gd name="T29" fmla="*/ 30 w 30"/>
                  <a:gd name="T30" fmla="*/ 12 h 12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30" h="12">
                    <a:moveTo>
                      <a:pt x="0" y="6"/>
                    </a:moveTo>
                    <a:lnTo>
                      <a:pt x="6" y="0"/>
                    </a:lnTo>
                    <a:lnTo>
                      <a:pt x="30" y="0"/>
                    </a:lnTo>
                    <a:lnTo>
                      <a:pt x="30" y="6"/>
                    </a:lnTo>
                    <a:lnTo>
                      <a:pt x="24" y="12"/>
                    </a:lnTo>
                    <a:lnTo>
                      <a:pt x="12" y="6"/>
                    </a:lnTo>
                    <a:lnTo>
                      <a:pt x="6" y="6"/>
                    </a:lnTo>
                    <a:lnTo>
                      <a:pt x="0" y="6"/>
                    </a:lnTo>
                    <a:lnTo>
                      <a:pt x="0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11" name="Freeform 288"/>
              <p:cNvSpPr>
                <a:spLocks noChangeAspect="1"/>
              </p:cNvSpPr>
              <p:nvPr/>
            </p:nvSpPr>
            <p:spPr bwMode="auto">
              <a:xfrm>
                <a:off x="780" y="2946"/>
                <a:ext cx="36" cy="30"/>
              </a:xfrm>
              <a:custGeom>
                <a:avLst/>
                <a:gdLst>
                  <a:gd name="T0" fmla="*/ 12 w 36"/>
                  <a:gd name="T1" fmla="*/ 6 h 30"/>
                  <a:gd name="T2" fmla="*/ 24 w 36"/>
                  <a:gd name="T3" fmla="*/ 6 h 30"/>
                  <a:gd name="T4" fmla="*/ 36 w 36"/>
                  <a:gd name="T5" fmla="*/ 18 h 30"/>
                  <a:gd name="T6" fmla="*/ 36 w 36"/>
                  <a:gd name="T7" fmla="*/ 24 h 30"/>
                  <a:gd name="T8" fmla="*/ 24 w 36"/>
                  <a:gd name="T9" fmla="*/ 30 h 30"/>
                  <a:gd name="T10" fmla="*/ 18 w 36"/>
                  <a:gd name="T11" fmla="*/ 30 h 30"/>
                  <a:gd name="T12" fmla="*/ 12 w 36"/>
                  <a:gd name="T13" fmla="*/ 18 h 30"/>
                  <a:gd name="T14" fmla="*/ 6 w 36"/>
                  <a:gd name="T15" fmla="*/ 12 h 30"/>
                  <a:gd name="T16" fmla="*/ 0 w 36"/>
                  <a:gd name="T17" fmla="*/ 6 h 30"/>
                  <a:gd name="T18" fmla="*/ 0 w 36"/>
                  <a:gd name="T19" fmla="*/ 0 h 30"/>
                  <a:gd name="T20" fmla="*/ 6 w 36"/>
                  <a:gd name="T21" fmla="*/ 0 h 30"/>
                  <a:gd name="T22" fmla="*/ 12 w 36"/>
                  <a:gd name="T23" fmla="*/ 6 h 30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6"/>
                  <a:gd name="T37" fmla="*/ 0 h 30"/>
                  <a:gd name="T38" fmla="*/ 36 w 36"/>
                  <a:gd name="T39" fmla="*/ 30 h 30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6" h="30">
                    <a:moveTo>
                      <a:pt x="12" y="6"/>
                    </a:moveTo>
                    <a:lnTo>
                      <a:pt x="24" y="6"/>
                    </a:lnTo>
                    <a:lnTo>
                      <a:pt x="36" y="18"/>
                    </a:lnTo>
                    <a:lnTo>
                      <a:pt x="36" y="24"/>
                    </a:lnTo>
                    <a:lnTo>
                      <a:pt x="24" y="30"/>
                    </a:lnTo>
                    <a:lnTo>
                      <a:pt x="18" y="30"/>
                    </a:lnTo>
                    <a:lnTo>
                      <a:pt x="12" y="18"/>
                    </a:lnTo>
                    <a:lnTo>
                      <a:pt x="6" y="12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6" y="0"/>
                    </a:lnTo>
                    <a:lnTo>
                      <a:pt x="12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12" name="Freeform 289"/>
              <p:cNvSpPr>
                <a:spLocks noChangeAspect="1"/>
              </p:cNvSpPr>
              <p:nvPr/>
            </p:nvSpPr>
            <p:spPr bwMode="auto">
              <a:xfrm>
                <a:off x="780" y="2946"/>
                <a:ext cx="36" cy="30"/>
              </a:xfrm>
              <a:custGeom>
                <a:avLst/>
                <a:gdLst>
                  <a:gd name="T0" fmla="*/ 12 w 36"/>
                  <a:gd name="T1" fmla="*/ 6 h 30"/>
                  <a:gd name="T2" fmla="*/ 24 w 36"/>
                  <a:gd name="T3" fmla="*/ 6 h 30"/>
                  <a:gd name="T4" fmla="*/ 36 w 36"/>
                  <a:gd name="T5" fmla="*/ 18 h 30"/>
                  <a:gd name="T6" fmla="*/ 36 w 36"/>
                  <a:gd name="T7" fmla="*/ 24 h 30"/>
                  <a:gd name="T8" fmla="*/ 24 w 36"/>
                  <a:gd name="T9" fmla="*/ 30 h 30"/>
                  <a:gd name="T10" fmla="*/ 18 w 36"/>
                  <a:gd name="T11" fmla="*/ 30 h 30"/>
                  <a:gd name="T12" fmla="*/ 12 w 36"/>
                  <a:gd name="T13" fmla="*/ 18 h 30"/>
                  <a:gd name="T14" fmla="*/ 6 w 36"/>
                  <a:gd name="T15" fmla="*/ 12 h 30"/>
                  <a:gd name="T16" fmla="*/ 0 w 36"/>
                  <a:gd name="T17" fmla="*/ 6 h 30"/>
                  <a:gd name="T18" fmla="*/ 0 w 36"/>
                  <a:gd name="T19" fmla="*/ 0 h 30"/>
                  <a:gd name="T20" fmla="*/ 6 w 36"/>
                  <a:gd name="T21" fmla="*/ 0 h 30"/>
                  <a:gd name="T22" fmla="*/ 12 w 36"/>
                  <a:gd name="T23" fmla="*/ 6 h 30"/>
                  <a:gd name="T24" fmla="*/ 12 w 36"/>
                  <a:gd name="T25" fmla="*/ 12 h 30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36"/>
                  <a:gd name="T40" fmla="*/ 0 h 30"/>
                  <a:gd name="T41" fmla="*/ 36 w 36"/>
                  <a:gd name="T42" fmla="*/ 30 h 30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36" h="30">
                    <a:moveTo>
                      <a:pt x="12" y="6"/>
                    </a:moveTo>
                    <a:lnTo>
                      <a:pt x="24" y="6"/>
                    </a:lnTo>
                    <a:lnTo>
                      <a:pt x="36" y="18"/>
                    </a:lnTo>
                    <a:lnTo>
                      <a:pt x="36" y="24"/>
                    </a:lnTo>
                    <a:lnTo>
                      <a:pt x="24" y="30"/>
                    </a:lnTo>
                    <a:lnTo>
                      <a:pt x="18" y="30"/>
                    </a:lnTo>
                    <a:lnTo>
                      <a:pt x="12" y="18"/>
                    </a:lnTo>
                    <a:lnTo>
                      <a:pt x="6" y="12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6" y="0"/>
                    </a:lnTo>
                    <a:lnTo>
                      <a:pt x="12" y="6"/>
                    </a:lnTo>
                    <a:lnTo>
                      <a:pt x="12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13" name="Freeform 290"/>
              <p:cNvSpPr>
                <a:spLocks noChangeAspect="1"/>
              </p:cNvSpPr>
              <p:nvPr/>
            </p:nvSpPr>
            <p:spPr bwMode="auto">
              <a:xfrm>
                <a:off x="816" y="3006"/>
                <a:ext cx="66" cy="90"/>
              </a:xfrm>
              <a:custGeom>
                <a:avLst/>
                <a:gdLst>
                  <a:gd name="T0" fmla="*/ 6 w 66"/>
                  <a:gd name="T1" fmla="*/ 0 h 90"/>
                  <a:gd name="T2" fmla="*/ 12 w 66"/>
                  <a:gd name="T3" fmla="*/ 0 h 90"/>
                  <a:gd name="T4" fmla="*/ 18 w 66"/>
                  <a:gd name="T5" fmla="*/ 6 h 90"/>
                  <a:gd name="T6" fmla="*/ 36 w 66"/>
                  <a:gd name="T7" fmla="*/ 6 h 90"/>
                  <a:gd name="T8" fmla="*/ 42 w 66"/>
                  <a:gd name="T9" fmla="*/ 12 h 90"/>
                  <a:gd name="T10" fmla="*/ 48 w 66"/>
                  <a:gd name="T11" fmla="*/ 18 h 90"/>
                  <a:gd name="T12" fmla="*/ 48 w 66"/>
                  <a:gd name="T13" fmla="*/ 24 h 90"/>
                  <a:gd name="T14" fmla="*/ 54 w 66"/>
                  <a:gd name="T15" fmla="*/ 30 h 90"/>
                  <a:gd name="T16" fmla="*/ 60 w 66"/>
                  <a:gd name="T17" fmla="*/ 36 h 90"/>
                  <a:gd name="T18" fmla="*/ 66 w 66"/>
                  <a:gd name="T19" fmla="*/ 42 h 90"/>
                  <a:gd name="T20" fmla="*/ 66 w 66"/>
                  <a:gd name="T21" fmla="*/ 54 h 90"/>
                  <a:gd name="T22" fmla="*/ 60 w 66"/>
                  <a:gd name="T23" fmla="*/ 60 h 90"/>
                  <a:gd name="T24" fmla="*/ 42 w 66"/>
                  <a:gd name="T25" fmla="*/ 60 h 90"/>
                  <a:gd name="T26" fmla="*/ 36 w 66"/>
                  <a:gd name="T27" fmla="*/ 66 h 90"/>
                  <a:gd name="T28" fmla="*/ 30 w 66"/>
                  <a:gd name="T29" fmla="*/ 66 h 90"/>
                  <a:gd name="T30" fmla="*/ 30 w 66"/>
                  <a:gd name="T31" fmla="*/ 78 h 90"/>
                  <a:gd name="T32" fmla="*/ 24 w 66"/>
                  <a:gd name="T33" fmla="*/ 84 h 90"/>
                  <a:gd name="T34" fmla="*/ 18 w 66"/>
                  <a:gd name="T35" fmla="*/ 90 h 90"/>
                  <a:gd name="T36" fmla="*/ 12 w 66"/>
                  <a:gd name="T37" fmla="*/ 84 h 90"/>
                  <a:gd name="T38" fmla="*/ 12 w 66"/>
                  <a:gd name="T39" fmla="*/ 72 h 90"/>
                  <a:gd name="T40" fmla="*/ 6 w 66"/>
                  <a:gd name="T41" fmla="*/ 66 h 90"/>
                  <a:gd name="T42" fmla="*/ 6 w 66"/>
                  <a:gd name="T43" fmla="*/ 48 h 90"/>
                  <a:gd name="T44" fmla="*/ 0 w 66"/>
                  <a:gd name="T45" fmla="*/ 36 h 90"/>
                  <a:gd name="T46" fmla="*/ 0 w 66"/>
                  <a:gd name="T47" fmla="*/ 30 h 90"/>
                  <a:gd name="T48" fmla="*/ 6 w 66"/>
                  <a:gd name="T49" fmla="*/ 18 h 90"/>
                  <a:gd name="T50" fmla="*/ 6 w 66"/>
                  <a:gd name="T51" fmla="*/ 0 h 90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66"/>
                  <a:gd name="T79" fmla="*/ 0 h 90"/>
                  <a:gd name="T80" fmla="*/ 66 w 66"/>
                  <a:gd name="T81" fmla="*/ 90 h 90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66" h="90">
                    <a:moveTo>
                      <a:pt x="6" y="0"/>
                    </a:moveTo>
                    <a:lnTo>
                      <a:pt x="12" y="0"/>
                    </a:lnTo>
                    <a:lnTo>
                      <a:pt x="18" y="6"/>
                    </a:lnTo>
                    <a:lnTo>
                      <a:pt x="36" y="6"/>
                    </a:lnTo>
                    <a:lnTo>
                      <a:pt x="42" y="12"/>
                    </a:lnTo>
                    <a:lnTo>
                      <a:pt x="48" y="18"/>
                    </a:lnTo>
                    <a:lnTo>
                      <a:pt x="48" y="24"/>
                    </a:lnTo>
                    <a:lnTo>
                      <a:pt x="54" y="30"/>
                    </a:lnTo>
                    <a:lnTo>
                      <a:pt x="60" y="36"/>
                    </a:lnTo>
                    <a:lnTo>
                      <a:pt x="66" y="42"/>
                    </a:lnTo>
                    <a:lnTo>
                      <a:pt x="66" y="54"/>
                    </a:lnTo>
                    <a:lnTo>
                      <a:pt x="60" y="60"/>
                    </a:lnTo>
                    <a:lnTo>
                      <a:pt x="42" y="60"/>
                    </a:lnTo>
                    <a:lnTo>
                      <a:pt x="36" y="66"/>
                    </a:lnTo>
                    <a:lnTo>
                      <a:pt x="30" y="66"/>
                    </a:lnTo>
                    <a:lnTo>
                      <a:pt x="30" y="78"/>
                    </a:lnTo>
                    <a:lnTo>
                      <a:pt x="24" y="84"/>
                    </a:lnTo>
                    <a:lnTo>
                      <a:pt x="18" y="9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6" y="66"/>
                    </a:lnTo>
                    <a:lnTo>
                      <a:pt x="6" y="48"/>
                    </a:lnTo>
                    <a:lnTo>
                      <a:pt x="0" y="36"/>
                    </a:lnTo>
                    <a:lnTo>
                      <a:pt x="0" y="30"/>
                    </a:lnTo>
                    <a:lnTo>
                      <a:pt x="6" y="18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14" name="Freeform 291"/>
              <p:cNvSpPr>
                <a:spLocks noChangeAspect="1"/>
              </p:cNvSpPr>
              <p:nvPr/>
            </p:nvSpPr>
            <p:spPr bwMode="auto">
              <a:xfrm>
                <a:off x="816" y="3006"/>
                <a:ext cx="66" cy="90"/>
              </a:xfrm>
              <a:custGeom>
                <a:avLst/>
                <a:gdLst>
                  <a:gd name="T0" fmla="*/ 6 w 66"/>
                  <a:gd name="T1" fmla="*/ 0 h 90"/>
                  <a:gd name="T2" fmla="*/ 12 w 66"/>
                  <a:gd name="T3" fmla="*/ 0 h 90"/>
                  <a:gd name="T4" fmla="*/ 18 w 66"/>
                  <a:gd name="T5" fmla="*/ 6 h 90"/>
                  <a:gd name="T6" fmla="*/ 36 w 66"/>
                  <a:gd name="T7" fmla="*/ 6 h 90"/>
                  <a:gd name="T8" fmla="*/ 42 w 66"/>
                  <a:gd name="T9" fmla="*/ 12 h 90"/>
                  <a:gd name="T10" fmla="*/ 48 w 66"/>
                  <a:gd name="T11" fmla="*/ 18 h 90"/>
                  <a:gd name="T12" fmla="*/ 48 w 66"/>
                  <a:gd name="T13" fmla="*/ 24 h 90"/>
                  <a:gd name="T14" fmla="*/ 54 w 66"/>
                  <a:gd name="T15" fmla="*/ 30 h 90"/>
                  <a:gd name="T16" fmla="*/ 60 w 66"/>
                  <a:gd name="T17" fmla="*/ 36 h 90"/>
                  <a:gd name="T18" fmla="*/ 66 w 66"/>
                  <a:gd name="T19" fmla="*/ 42 h 90"/>
                  <a:gd name="T20" fmla="*/ 66 w 66"/>
                  <a:gd name="T21" fmla="*/ 54 h 90"/>
                  <a:gd name="T22" fmla="*/ 60 w 66"/>
                  <a:gd name="T23" fmla="*/ 60 h 90"/>
                  <a:gd name="T24" fmla="*/ 42 w 66"/>
                  <a:gd name="T25" fmla="*/ 60 h 90"/>
                  <a:gd name="T26" fmla="*/ 36 w 66"/>
                  <a:gd name="T27" fmla="*/ 66 h 90"/>
                  <a:gd name="T28" fmla="*/ 30 w 66"/>
                  <a:gd name="T29" fmla="*/ 66 h 90"/>
                  <a:gd name="T30" fmla="*/ 30 w 66"/>
                  <a:gd name="T31" fmla="*/ 78 h 90"/>
                  <a:gd name="T32" fmla="*/ 24 w 66"/>
                  <a:gd name="T33" fmla="*/ 84 h 90"/>
                  <a:gd name="T34" fmla="*/ 18 w 66"/>
                  <a:gd name="T35" fmla="*/ 90 h 90"/>
                  <a:gd name="T36" fmla="*/ 12 w 66"/>
                  <a:gd name="T37" fmla="*/ 84 h 90"/>
                  <a:gd name="T38" fmla="*/ 12 w 66"/>
                  <a:gd name="T39" fmla="*/ 72 h 90"/>
                  <a:gd name="T40" fmla="*/ 6 w 66"/>
                  <a:gd name="T41" fmla="*/ 66 h 90"/>
                  <a:gd name="T42" fmla="*/ 6 w 66"/>
                  <a:gd name="T43" fmla="*/ 48 h 90"/>
                  <a:gd name="T44" fmla="*/ 0 w 66"/>
                  <a:gd name="T45" fmla="*/ 36 h 90"/>
                  <a:gd name="T46" fmla="*/ 0 w 66"/>
                  <a:gd name="T47" fmla="*/ 30 h 90"/>
                  <a:gd name="T48" fmla="*/ 6 w 66"/>
                  <a:gd name="T49" fmla="*/ 18 h 90"/>
                  <a:gd name="T50" fmla="*/ 6 w 66"/>
                  <a:gd name="T51" fmla="*/ 0 h 90"/>
                  <a:gd name="T52" fmla="*/ 6 w 66"/>
                  <a:gd name="T53" fmla="*/ 6 h 90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66"/>
                  <a:gd name="T82" fmla="*/ 0 h 90"/>
                  <a:gd name="T83" fmla="*/ 66 w 66"/>
                  <a:gd name="T84" fmla="*/ 90 h 90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66" h="90">
                    <a:moveTo>
                      <a:pt x="6" y="0"/>
                    </a:moveTo>
                    <a:lnTo>
                      <a:pt x="12" y="0"/>
                    </a:lnTo>
                    <a:lnTo>
                      <a:pt x="18" y="6"/>
                    </a:lnTo>
                    <a:lnTo>
                      <a:pt x="36" y="6"/>
                    </a:lnTo>
                    <a:lnTo>
                      <a:pt x="42" y="12"/>
                    </a:lnTo>
                    <a:lnTo>
                      <a:pt x="48" y="18"/>
                    </a:lnTo>
                    <a:lnTo>
                      <a:pt x="48" y="24"/>
                    </a:lnTo>
                    <a:lnTo>
                      <a:pt x="54" y="30"/>
                    </a:lnTo>
                    <a:lnTo>
                      <a:pt x="60" y="36"/>
                    </a:lnTo>
                    <a:lnTo>
                      <a:pt x="66" y="42"/>
                    </a:lnTo>
                    <a:lnTo>
                      <a:pt x="66" y="54"/>
                    </a:lnTo>
                    <a:lnTo>
                      <a:pt x="60" y="60"/>
                    </a:lnTo>
                    <a:lnTo>
                      <a:pt x="42" y="60"/>
                    </a:lnTo>
                    <a:lnTo>
                      <a:pt x="36" y="66"/>
                    </a:lnTo>
                    <a:lnTo>
                      <a:pt x="30" y="66"/>
                    </a:lnTo>
                    <a:lnTo>
                      <a:pt x="30" y="78"/>
                    </a:lnTo>
                    <a:lnTo>
                      <a:pt x="24" y="84"/>
                    </a:lnTo>
                    <a:lnTo>
                      <a:pt x="18" y="90"/>
                    </a:lnTo>
                    <a:lnTo>
                      <a:pt x="12" y="84"/>
                    </a:lnTo>
                    <a:lnTo>
                      <a:pt x="12" y="72"/>
                    </a:lnTo>
                    <a:lnTo>
                      <a:pt x="6" y="66"/>
                    </a:lnTo>
                    <a:lnTo>
                      <a:pt x="6" y="48"/>
                    </a:lnTo>
                    <a:lnTo>
                      <a:pt x="0" y="36"/>
                    </a:lnTo>
                    <a:lnTo>
                      <a:pt x="0" y="30"/>
                    </a:lnTo>
                    <a:lnTo>
                      <a:pt x="6" y="18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15" name="Freeform 292"/>
              <p:cNvSpPr>
                <a:spLocks noChangeAspect="1"/>
              </p:cNvSpPr>
              <p:nvPr/>
            </p:nvSpPr>
            <p:spPr bwMode="auto">
              <a:xfrm>
                <a:off x="762" y="2952"/>
                <a:ext cx="12" cy="12"/>
              </a:xfrm>
              <a:custGeom>
                <a:avLst/>
                <a:gdLst>
                  <a:gd name="T0" fmla="*/ 0 w 12"/>
                  <a:gd name="T1" fmla="*/ 6 h 12"/>
                  <a:gd name="T2" fmla="*/ 0 w 12"/>
                  <a:gd name="T3" fmla="*/ 0 h 12"/>
                  <a:gd name="T4" fmla="*/ 6 w 12"/>
                  <a:gd name="T5" fmla="*/ 0 h 12"/>
                  <a:gd name="T6" fmla="*/ 6 w 12"/>
                  <a:gd name="T7" fmla="*/ 6 h 12"/>
                  <a:gd name="T8" fmla="*/ 12 w 12"/>
                  <a:gd name="T9" fmla="*/ 6 h 12"/>
                  <a:gd name="T10" fmla="*/ 6 w 12"/>
                  <a:gd name="T11" fmla="*/ 12 h 12"/>
                  <a:gd name="T12" fmla="*/ 0 w 12"/>
                  <a:gd name="T13" fmla="*/ 12 h 12"/>
                  <a:gd name="T14" fmla="*/ 0 w 12"/>
                  <a:gd name="T15" fmla="*/ 6 h 12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12"/>
                  <a:gd name="T25" fmla="*/ 0 h 12"/>
                  <a:gd name="T26" fmla="*/ 12 w 12"/>
                  <a:gd name="T27" fmla="*/ 12 h 12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12" h="12">
                    <a:moveTo>
                      <a:pt x="0" y="6"/>
                    </a:moveTo>
                    <a:lnTo>
                      <a:pt x="0" y="0"/>
                    </a:lnTo>
                    <a:lnTo>
                      <a:pt x="6" y="0"/>
                    </a:lnTo>
                    <a:lnTo>
                      <a:pt x="6" y="6"/>
                    </a:lnTo>
                    <a:lnTo>
                      <a:pt x="12" y="6"/>
                    </a:lnTo>
                    <a:lnTo>
                      <a:pt x="6" y="12"/>
                    </a:lnTo>
                    <a:lnTo>
                      <a:pt x="0" y="12"/>
                    </a:lnTo>
                    <a:lnTo>
                      <a:pt x="0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16" name="Freeform 293"/>
              <p:cNvSpPr>
                <a:spLocks noChangeAspect="1"/>
              </p:cNvSpPr>
              <p:nvPr/>
            </p:nvSpPr>
            <p:spPr bwMode="auto">
              <a:xfrm>
                <a:off x="762" y="2952"/>
                <a:ext cx="12" cy="12"/>
              </a:xfrm>
              <a:custGeom>
                <a:avLst/>
                <a:gdLst>
                  <a:gd name="T0" fmla="*/ 0 w 12"/>
                  <a:gd name="T1" fmla="*/ 6 h 12"/>
                  <a:gd name="T2" fmla="*/ 0 w 12"/>
                  <a:gd name="T3" fmla="*/ 0 h 12"/>
                  <a:gd name="T4" fmla="*/ 6 w 12"/>
                  <a:gd name="T5" fmla="*/ 0 h 12"/>
                  <a:gd name="T6" fmla="*/ 6 w 12"/>
                  <a:gd name="T7" fmla="*/ 6 h 12"/>
                  <a:gd name="T8" fmla="*/ 12 w 12"/>
                  <a:gd name="T9" fmla="*/ 6 h 12"/>
                  <a:gd name="T10" fmla="*/ 6 w 12"/>
                  <a:gd name="T11" fmla="*/ 12 h 12"/>
                  <a:gd name="T12" fmla="*/ 0 w 12"/>
                  <a:gd name="T13" fmla="*/ 12 h 12"/>
                  <a:gd name="T14" fmla="*/ 0 w 12"/>
                  <a:gd name="T15" fmla="*/ 6 h 12"/>
                  <a:gd name="T16" fmla="*/ 0 w 12"/>
                  <a:gd name="T17" fmla="*/ 12 h 12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12"/>
                  <a:gd name="T28" fmla="*/ 0 h 12"/>
                  <a:gd name="T29" fmla="*/ 12 w 12"/>
                  <a:gd name="T30" fmla="*/ 12 h 12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12" h="12">
                    <a:moveTo>
                      <a:pt x="0" y="6"/>
                    </a:moveTo>
                    <a:lnTo>
                      <a:pt x="0" y="0"/>
                    </a:lnTo>
                    <a:lnTo>
                      <a:pt x="6" y="0"/>
                    </a:lnTo>
                    <a:lnTo>
                      <a:pt x="6" y="6"/>
                    </a:lnTo>
                    <a:lnTo>
                      <a:pt x="12" y="6"/>
                    </a:lnTo>
                    <a:lnTo>
                      <a:pt x="6" y="12"/>
                    </a:lnTo>
                    <a:lnTo>
                      <a:pt x="0" y="12"/>
                    </a:lnTo>
                    <a:lnTo>
                      <a:pt x="0" y="6"/>
                    </a:lnTo>
                    <a:lnTo>
                      <a:pt x="0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17" name="Freeform 294"/>
              <p:cNvSpPr>
                <a:spLocks noChangeAspect="1"/>
              </p:cNvSpPr>
              <p:nvPr/>
            </p:nvSpPr>
            <p:spPr bwMode="auto">
              <a:xfrm>
                <a:off x="450" y="1518"/>
                <a:ext cx="306" cy="492"/>
              </a:xfrm>
              <a:custGeom>
                <a:avLst/>
                <a:gdLst>
                  <a:gd name="T0" fmla="*/ 138 w 306"/>
                  <a:gd name="T1" fmla="*/ 462 h 492"/>
                  <a:gd name="T2" fmla="*/ 0 w 306"/>
                  <a:gd name="T3" fmla="*/ 438 h 492"/>
                  <a:gd name="T4" fmla="*/ 36 w 306"/>
                  <a:gd name="T5" fmla="*/ 300 h 492"/>
                  <a:gd name="T6" fmla="*/ 24 w 306"/>
                  <a:gd name="T7" fmla="*/ 282 h 492"/>
                  <a:gd name="T8" fmla="*/ 78 w 306"/>
                  <a:gd name="T9" fmla="*/ 216 h 492"/>
                  <a:gd name="T10" fmla="*/ 60 w 306"/>
                  <a:gd name="T11" fmla="*/ 186 h 492"/>
                  <a:gd name="T12" fmla="*/ 102 w 306"/>
                  <a:gd name="T13" fmla="*/ 0 h 492"/>
                  <a:gd name="T14" fmla="*/ 138 w 306"/>
                  <a:gd name="T15" fmla="*/ 12 h 492"/>
                  <a:gd name="T16" fmla="*/ 126 w 306"/>
                  <a:gd name="T17" fmla="*/ 72 h 492"/>
                  <a:gd name="T18" fmla="*/ 138 w 306"/>
                  <a:gd name="T19" fmla="*/ 102 h 492"/>
                  <a:gd name="T20" fmla="*/ 132 w 306"/>
                  <a:gd name="T21" fmla="*/ 108 h 492"/>
                  <a:gd name="T22" fmla="*/ 150 w 306"/>
                  <a:gd name="T23" fmla="*/ 126 h 492"/>
                  <a:gd name="T24" fmla="*/ 162 w 306"/>
                  <a:gd name="T25" fmla="*/ 162 h 492"/>
                  <a:gd name="T26" fmla="*/ 186 w 306"/>
                  <a:gd name="T27" fmla="*/ 174 h 492"/>
                  <a:gd name="T28" fmla="*/ 162 w 306"/>
                  <a:gd name="T29" fmla="*/ 234 h 492"/>
                  <a:gd name="T30" fmla="*/ 168 w 306"/>
                  <a:gd name="T31" fmla="*/ 246 h 492"/>
                  <a:gd name="T32" fmla="*/ 186 w 306"/>
                  <a:gd name="T33" fmla="*/ 234 h 492"/>
                  <a:gd name="T34" fmla="*/ 192 w 306"/>
                  <a:gd name="T35" fmla="*/ 240 h 492"/>
                  <a:gd name="T36" fmla="*/ 204 w 306"/>
                  <a:gd name="T37" fmla="*/ 288 h 492"/>
                  <a:gd name="T38" fmla="*/ 216 w 306"/>
                  <a:gd name="T39" fmla="*/ 300 h 492"/>
                  <a:gd name="T40" fmla="*/ 222 w 306"/>
                  <a:gd name="T41" fmla="*/ 324 h 492"/>
                  <a:gd name="T42" fmla="*/ 228 w 306"/>
                  <a:gd name="T43" fmla="*/ 318 h 492"/>
                  <a:gd name="T44" fmla="*/ 246 w 306"/>
                  <a:gd name="T45" fmla="*/ 324 h 492"/>
                  <a:gd name="T46" fmla="*/ 252 w 306"/>
                  <a:gd name="T47" fmla="*/ 318 h 492"/>
                  <a:gd name="T48" fmla="*/ 288 w 306"/>
                  <a:gd name="T49" fmla="*/ 324 h 492"/>
                  <a:gd name="T50" fmla="*/ 294 w 306"/>
                  <a:gd name="T51" fmla="*/ 312 h 492"/>
                  <a:gd name="T52" fmla="*/ 306 w 306"/>
                  <a:gd name="T53" fmla="*/ 330 h 492"/>
                  <a:gd name="T54" fmla="*/ 282 w 306"/>
                  <a:gd name="T55" fmla="*/ 492 h 492"/>
                  <a:gd name="T56" fmla="*/ 186 w 306"/>
                  <a:gd name="T57" fmla="*/ 474 h 492"/>
                  <a:gd name="T58" fmla="*/ 138 w 306"/>
                  <a:gd name="T59" fmla="*/ 462 h 492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w 306"/>
                  <a:gd name="T91" fmla="*/ 0 h 492"/>
                  <a:gd name="T92" fmla="*/ 306 w 306"/>
                  <a:gd name="T93" fmla="*/ 492 h 492"/>
                </a:gdLst>
                <a:ahLst/>
                <a:cxnLst>
                  <a:cxn ang="T60">
                    <a:pos x="T0" y="T1"/>
                  </a:cxn>
                  <a:cxn ang="T61">
                    <a:pos x="T2" y="T3"/>
                  </a:cxn>
                  <a:cxn ang="T62">
                    <a:pos x="T4" y="T5"/>
                  </a:cxn>
                  <a:cxn ang="T63">
                    <a:pos x="T6" y="T7"/>
                  </a:cxn>
                  <a:cxn ang="T64">
                    <a:pos x="T8" y="T9"/>
                  </a:cxn>
                  <a:cxn ang="T65">
                    <a:pos x="T10" y="T11"/>
                  </a:cxn>
                  <a:cxn ang="T66">
                    <a:pos x="T12" y="T13"/>
                  </a:cxn>
                  <a:cxn ang="T67">
                    <a:pos x="T14" y="T15"/>
                  </a:cxn>
                  <a:cxn ang="T68">
                    <a:pos x="T16" y="T17"/>
                  </a:cxn>
                  <a:cxn ang="T69">
                    <a:pos x="T18" y="T19"/>
                  </a:cxn>
                  <a:cxn ang="T70">
                    <a:pos x="T20" y="T21"/>
                  </a:cxn>
                  <a:cxn ang="T71">
                    <a:pos x="T22" y="T23"/>
                  </a:cxn>
                  <a:cxn ang="T72">
                    <a:pos x="T24" y="T25"/>
                  </a:cxn>
                  <a:cxn ang="T73">
                    <a:pos x="T26" y="T27"/>
                  </a:cxn>
                  <a:cxn ang="T74">
                    <a:pos x="T28" y="T29"/>
                  </a:cxn>
                  <a:cxn ang="T75">
                    <a:pos x="T30" y="T31"/>
                  </a:cxn>
                  <a:cxn ang="T76">
                    <a:pos x="T32" y="T33"/>
                  </a:cxn>
                  <a:cxn ang="T77">
                    <a:pos x="T34" y="T35"/>
                  </a:cxn>
                  <a:cxn ang="T78">
                    <a:pos x="T36" y="T37"/>
                  </a:cxn>
                  <a:cxn ang="T79">
                    <a:pos x="T38" y="T39"/>
                  </a:cxn>
                  <a:cxn ang="T80">
                    <a:pos x="T40" y="T41"/>
                  </a:cxn>
                  <a:cxn ang="T81">
                    <a:pos x="T42" y="T43"/>
                  </a:cxn>
                  <a:cxn ang="T82">
                    <a:pos x="T44" y="T45"/>
                  </a:cxn>
                  <a:cxn ang="T83">
                    <a:pos x="T46" y="T47"/>
                  </a:cxn>
                  <a:cxn ang="T84">
                    <a:pos x="T48" y="T49"/>
                  </a:cxn>
                  <a:cxn ang="T85">
                    <a:pos x="T50" y="T51"/>
                  </a:cxn>
                  <a:cxn ang="T86">
                    <a:pos x="T52" y="T53"/>
                  </a:cxn>
                  <a:cxn ang="T87">
                    <a:pos x="T54" y="T55"/>
                  </a:cxn>
                  <a:cxn ang="T88">
                    <a:pos x="T56" y="T57"/>
                  </a:cxn>
                  <a:cxn ang="T89">
                    <a:pos x="T58" y="T59"/>
                  </a:cxn>
                </a:cxnLst>
                <a:rect l="T90" t="T91" r="T92" b="T93"/>
                <a:pathLst>
                  <a:path w="306" h="492">
                    <a:moveTo>
                      <a:pt x="138" y="462"/>
                    </a:moveTo>
                    <a:lnTo>
                      <a:pt x="0" y="438"/>
                    </a:lnTo>
                    <a:lnTo>
                      <a:pt x="36" y="300"/>
                    </a:lnTo>
                    <a:lnTo>
                      <a:pt x="24" y="282"/>
                    </a:lnTo>
                    <a:lnTo>
                      <a:pt x="78" y="216"/>
                    </a:lnTo>
                    <a:lnTo>
                      <a:pt x="60" y="186"/>
                    </a:lnTo>
                    <a:lnTo>
                      <a:pt x="102" y="0"/>
                    </a:lnTo>
                    <a:lnTo>
                      <a:pt x="138" y="12"/>
                    </a:lnTo>
                    <a:lnTo>
                      <a:pt x="126" y="72"/>
                    </a:lnTo>
                    <a:lnTo>
                      <a:pt x="138" y="102"/>
                    </a:lnTo>
                    <a:lnTo>
                      <a:pt x="132" y="108"/>
                    </a:lnTo>
                    <a:lnTo>
                      <a:pt x="150" y="126"/>
                    </a:lnTo>
                    <a:lnTo>
                      <a:pt x="162" y="162"/>
                    </a:lnTo>
                    <a:lnTo>
                      <a:pt x="186" y="174"/>
                    </a:lnTo>
                    <a:lnTo>
                      <a:pt x="162" y="234"/>
                    </a:lnTo>
                    <a:lnTo>
                      <a:pt x="168" y="246"/>
                    </a:lnTo>
                    <a:lnTo>
                      <a:pt x="186" y="234"/>
                    </a:lnTo>
                    <a:lnTo>
                      <a:pt x="192" y="240"/>
                    </a:lnTo>
                    <a:lnTo>
                      <a:pt x="204" y="288"/>
                    </a:lnTo>
                    <a:lnTo>
                      <a:pt x="216" y="300"/>
                    </a:lnTo>
                    <a:lnTo>
                      <a:pt x="222" y="324"/>
                    </a:lnTo>
                    <a:lnTo>
                      <a:pt x="228" y="318"/>
                    </a:lnTo>
                    <a:lnTo>
                      <a:pt x="246" y="324"/>
                    </a:lnTo>
                    <a:lnTo>
                      <a:pt x="252" y="318"/>
                    </a:lnTo>
                    <a:lnTo>
                      <a:pt x="288" y="324"/>
                    </a:lnTo>
                    <a:lnTo>
                      <a:pt x="294" y="312"/>
                    </a:lnTo>
                    <a:lnTo>
                      <a:pt x="306" y="330"/>
                    </a:lnTo>
                    <a:lnTo>
                      <a:pt x="282" y="492"/>
                    </a:lnTo>
                    <a:lnTo>
                      <a:pt x="186" y="474"/>
                    </a:lnTo>
                    <a:lnTo>
                      <a:pt x="138" y="462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18" name="Freeform 295"/>
              <p:cNvSpPr>
                <a:spLocks noChangeAspect="1"/>
              </p:cNvSpPr>
              <p:nvPr/>
            </p:nvSpPr>
            <p:spPr bwMode="auto">
              <a:xfrm>
                <a:off x="450" y="1518"/>
                <a:ext cx="306" cy="492"/>
              </a:xfrm>
              <a:custGeom>
                <a:avLst/>
                <a:gdLst>
                  <a:gd name="T0" fmla="*/ 138 w 306"/>
                  <a:gd name="T1" fmla="*/ 462 h 492"/>
                  <a:gd name="T2" fmla="*/ 0 w 306"/>
                  <a:gd name="T3" fmla="*/ 438 h 492"/>
                  <a:gd name="T4" fmla="*/ 36 w 306"/>
                  <a:gd name="T5" fmla="*/ 300 h 492"/>
                  <a:gd name="T6" fmla="*/ 24 w 306"/>
                  <a:gd name="T7" fmla="*/ 282 h 492"/>
                  <a:gd name="T8" fmla="*/ 78 w 306"/>
                  <a:gd name="T9" fmla="*/ 216 h 492"/>
                  <a:gd name="T10" fmla="*/ 60 w 306"/>
                  <a:gd name="T11" fmla="*/ 186 h 492"/>
                  <a:gd name="T12" fmla="*/ 102 w 306"/>
                  <a:gd name="T13" fmla="*/ 0 h 492"/>
                  <a:gd name="T14" fmla="*/ 138 w 306"/>
                  <a:gd name="T15" fmla="*/ 12 h 492"/>
                  <a:gd name="T16" fmla="*/ 126 w 306"/>
                  <a:gd name="T17" fmla="*/ 72 h 492"/>
                  <a:gd name="T18" fmla="*/ 138 w 306"/>
                  <a:gd name="T19" fmla="*/ 102 h 492"/>
                  <a:gd name="T20" fmla="*/ 132 w 306"/>
                  <a:gd name="T21" fmla="*/ 108 h 492"/>
                  <a:gd name="T22" fmla="*/ 150 w 306"/>
                  <a:gd name="T23" fmla="*/ 126 h 492"/>
                  <a:gd name="T24" fmla="*/ 162 w 306"/>
                  <a:gd name="T25" fmla="*/ 162 h 492"/>
                  <a:gd name="T26" fmla="*/ 186 w 306"/>
                  <a:gd name="T27" fmla="*/ 174 h 492"/>
                  <a:gd name="T28" fmla="*/ 162 w 306"/>
                  <a:gd name="T29" fmla="*/ 234 h 492"/>
                  <a:gd name="T30" fmla="*/ 168 w 306"/>
                  <a:gd name="T31" fmla="*/ 246 h 492"/>
                  <a:gd name="T32" fmla="*/ 186 w 306"/>
                  <a:gd name="T33" fmla="*/ 234 h 492"/>
                  <a:gd name="T34" fmla="*/ 192 w 306"/>
                  <a:gd name="T35" fmla="*/ 240 h 492"/>
                  <a:gd name="T36" fmla="*/ 204 w 306"/>
                  <a:gd name="T37" fmla="*/ 288 h 492"/>
                  <a:gd name="T38" fmla="*/ 216 w 306"/>
                  <a:gd name="T39" fmla="*/ 300 h 492"/>
                  <a:gd name="T40" fmla="*/ 222 w 306"/>
                  <a:gd name="T41" fmla="*/ 324 h 492"/>
                  <a:gd name="T42" fmla="*/ 228 w 306"/>
                  <a:gd name="T43" fmla="*/ 318 h 492"/>
                  <a:gd name="T44" fmla="*/ 246 w 306"/>
                  <a:gd name="T45" fmla="*/ 324 h 492"/>
                  <a:gd name="T46" fmla="*/ 252 w 306"/>
                  <a:gd name="T47" fmla="*/ 318 h 492"/>
                  <a:gd name="T48" fmla="*/ 288 w 306"/>
                  <a:gd name="T49" fmla="*/ 324 h 492"/>
                  <a:gd name="T50" fmla="*/ 294 w 306"/>
                  <a:gd name="T51" fmla="*/ 312 h 492"/>
                  <a:gd name="T52" fmla="*/ 306 w 306"/>
                  <a:gd name="T53" fmla="*/ 330 h 492"/>
                  <a:gd name="T54" fmla="*/ 282 w 306"/>
                  <a:gd name="T55" fmla="*/ 492 h 492"/>
                  <a:gd name="T56" fmla="*/ 186 w 306"/>
                  <a:gd name="T57" fmla="*/ 474 h 492"/>
                  <a:gd name="T58" fmla="*/ 138 w 306"/>
                  <a:gd name="T59" fmla="*/ 462 h 492"/>
                  <a:gd name="T60" fmla="*/ 138 w 306"/>
                  <a:gd name="T61" fmla="*/ 468 h 492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w 306"/>
                  <a:gd name="T94" fmla="*/ 0 h 492"/>
                  <a:gd name="T95" fmla="*/ 306 w 306"/>
                  <a:gd name="T96" fmla="*/ 492 h 492"/>
                </a:gdLst>
                <a:ahLst/>
                <a:cxnLst>
                  <a:cxn ang="T62">
                    <a:pos x="T0" y="T1"/>
                  </a:cxn>
                  <a:cxn ang="T63">
                    <a:pos x="T2" y="T3"/>
                  </a:cxn>
                  <a:cxn ang="T64">
                    <a:pos x="T4" y="T5"/>
                  </a:cxn>
                  <a:cxn ang="T65">
                    <a:pos x="T6" y="T7"/>
                  </a:cxn>
                  <a:cxn ang="T66">
                    <a:pos x="T8" y="T9"/>
                  </a:cxn>
                  <a:cxn ang="T67">
                    <a:pos x="T10" y="T11"/>
                  </a:cxn>
                  <a:cxn ang="T68">
                    <a:pos x="T12" y="T13"/>
                  </a:cxn>
                  <a:cxn ang="T69">
                    <a:pos x="T14" y="T15"/>
                  </a:cxn>
                  <a:cxn ang="T70">
                    <a:pos x="T16" y="T17"/>
                  </a:cxn>
                  <a:cxn ang="T71">
                    <a:pos x="T18" y="T19"/>
                  </a:cxn>
                  <a:cxn ang="T72">
                    <a:pos x="T20" y="T21"/>
                  </a:cxn>
                  <a:cxn ang="T73">
                    <a:pos x="T22" y="T23"/>
                  </a:cxn>
                  <a:cxn ang="T74">
                    <a:pos x="T24" y="T25"/>
                  </a:cxn>
                  <a:cxn ang="T75">
                    <a:pos x="T26" y="T27"/>
                  </a:cxn>
                  <a:cxn ang="T76">
                    <a:pos x="T28" y="T29"/>
                  </a:cxn>
                  <a:cxn ang="T77">
                    <a:pos x="T30" y="T31"/>
                  </a:cxn>
                  <a:cxn ang="T78">
                    <a:pos x="T32" y="T33"/>
                  </a:cxn>
                  <a:cxn ang="T79">
                    <a:pos x="T34" y="T35"/>
                  </a:cxn>
                  <a:cxn ang="T80">
                    <a:pos x="T36" y="T37"/>
                  </a:cxn>
                  <a:cxn ang="T81">
                    <a:pos x="T38" y="T39"/>
                  </a:cxn>
                  <a:cxn ang="T82">
                    <a:pos x="T40" y="T41"/>
                  </a:cxn>
                  <a:cxn ang="T83">
                    <a:pos x="T42" y="T43"/>
                  </a:cxn>
                  <a:cxn ang="T84">
                    <a:pos x="T44" y="T45"/>
                  </a:cxn>
                  <a:cxn ang="T85">
                    <a:pos x="T46" y="T47"/>
                  </a:cxn>
                  <a:cxn ang="T86">
                    <a:pos x="T48" y="T49"/>
                  </a:cxn>
                  <a:cxn ang="T87">
                    <a:pos x="T50" y="T51"/>
                  </a:cxn>
                  <a:cxn ang="T88">
                    <a:pos x="T52" y="T53"/>
                  </a:cxn>
                  <a:cxn ang="T89">
                    <a:pos x="T54" y="T55"/>
                  </a:cxn>
                  <a:cxn ang="T90">
                    <a:pos x="T56" y="T57"/>
                  </a:cxn>
                  <a:cxn ang="T91">
                    <a:pos x="T58" y="T59"/>
                  </a:cxn>
                  <a:cxn ang="T92">
                    <a:pos x="T60" y="T61"/>
                  </a:cxn>
                </a:cxnLst>
                <a:rect l="T93" t="T94" r="T95" b="T96"/>
                <a:pathLst>
                  <a:path w="306" h="492">
                    <a:moveTo>
                      <a:pt x="138" y="462"/>
                    </a:moveTo>
                    <a:lnTo>
                      <a:pt x="0" y="438"/>
                    </a:lnTo>
                    <a:lnTo>
                      <a:pt x="36" y="300"/>
                    </a:lnTo>
                    <a:lnTo>
                      <a:pt x="24" y="282"/>
                    </a:lnTo>
                    <a:lnTo>
                      <a:pt x="78" y="216"/>
                    </a:lnTo>
                    <a:lnTo>
                      <a:pt x="60" y="186"/>
                    </a:lnTo>
                    <a:lnTo>
                      <a:pt x="102" y="0"/>
                    </a:lnTo>
                    <a:lnTo>
                      <a:pt x="138" y="12"/>
                    </a:lnTo>
                    <a:lnTo>
                      <a:pt x="126" y="72"/>
                    </a:lnTo>
                    <a:lnTo>
                      <a:pt x="138" y="102"/>
                    </a:lnTo>
                    <a:lnTo>
                      <a:pt x="132" y="108"/>
                    </a:lnTo>
                    <a:lnTo>
                      <a:pt x="150" y="126"/>
                    </a:lnTo>
                    <a:lnTo>
                      <a:pt x="162" y="162"/>
                    </a:lnTo>
                    <a:lnTo>
                      <a:pt x="186" y="174"/>
                    </a:lnTo>
                    <a:lnTo>
                      <a:pt x="162" y="234"/>
                    </a:lnTo>
                    <a:lnTo>
                      <a:pt x="168" y="246"/>
                    </a:lnTo>
                    <a:lnTo>
                      <a:pt x="186" y="234"/>
                    </a:lnTo>
                    <a:lnTo>
                      <a:pt x="192" y="240"/>
                    </a:lnTo>
                    <a:lnTo>
                      <a:pt x="204" y="288"/>
                    </a:lnTo>
                    <a:lnTo>
                      <a:pt x="216" y="300"/>
                    </a:lnTo>
                    <a:lnTo>
                      <a:pt x="222" y="324"/>
                    </a:lnTo>
                    <a:lnTo>
                      <a:pt x="228" y="318"/>
                    </a:lnTo>
                    <a:lnTo>
                      <a:pt x="246" y="324"/>
                    </a:lnTo>
                    <a:lnTo>
                      <a:pt x="252" y="318"/>
                    </a:lnTo>
                    <a:lnTo>
                      <a:pt x="288" y="324"/>
                    </a:lnTo>
                    <a:lnTo>
                      <a:pt x="294" y="312"/>
                    </a:lnTo>
                    <a:lnTo>
                      <a:pt x="306" y="330"/>
                    </a:lnTo>
                    <a:lnTo>
                      <a:pt x="282" y="492"/>
                    </a:lnTo>
                    <a:lnTo>
                      <a:pt x="186" y="474"/>
                    </a:lnTo>
                    <a:lnTo>
                      <a:pt x="138" y="462"/>
                    </a:lnTo>
                    <a:lnTo>
                      <a:pt x="138" y="46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19" name="Freeform 296"/>
              <p:cNvSpPr>
                <a:spLocks noChangeAspect="1"/>
              </p:cNvSpPr>
              <p:nvPr/>
            </p:nvSpPr>
            <p:spPr bwMode="auto">
              <a:xfrm>
                <a:off x="1662" y="2016"/>
                <a:ext cx="198" cy="360"/>
              </a:xfrm>
              <a:custGeom>
                <a:avLst/>
                <a:gdLst>
                  <a:gd name="T0" fmla="*/ 126 w 198"/>
                  <a:gd name="T1" fmla="*/ 360 h 360"/>
                  <a:gd name="T2" fmla="*/ 108 w 198"/>
                  <a:gd name="T3" fmla="*/ 342 h 360"/>
                  <a:gd name="T4" fmla="*/ 108 w 198"/>
                  <a:gd name="T5" fmla="*/ 318 h 360"/>
                  <a:gd name="T6" fmla="*/ 60 w 198"/>
                  <a:gd name="T7" fmla="*/ 282 h 360"/>
                  <a:gd name="T8" fmla="*/ 72 w 198"/>
                  <a:gd name="T9" fmla="*/ 246 h 360"/>
                  <a:gd name="T10" fmla="*/ 54 w 198"/>
                  <a:gd name="T11" fmla="*/ 234 h 360"/>
                  <a:gd name="T12" fmla="*/ 42 w 198"/>
                  <a:gd name="T13" fmla="*/ 240 h 360"/>
                  <a:gd name="T14" fmla="*/ 36 w 198"/>
                  <a:gd name="T15" fmla="*/ 216 h 360"/>
                  <a:gd name="T16" fmla="*/ 12 w 198"/>
                  <a:gd name="T17" fmla="*/ 198 h 360"/>
                  <a:gd name="T18" fmla="*/ 0 w 198"/>
                  <a:gd name="T19" fmla="*/ 180 h 360"/>
                  <a:gd name="T20" fmla="*/ 0 w 198"/>
                  <a:gd name="T21" fmla="*/ 138 h 360"/>
                  <a:gd name="T22" fmla="*/ 18 w 198"/>
                  <a:gd name="T23" fmla="*/ 126 h 360"/>
                  <a:gd name="T24" fmla="*/ 24 w 198"/>
                  <a:gd name="T25" fmla="*/ 108 h 360"/>
                  <a:gd name="T26" fmla="*/ 18 w 198"/>
                  <a:gd name="T27" fmla="*/ 78 h 360"/>
                  <a:gd name="T28" fmla="*/ 42 w 198"/>
                  <a:gd name="T29" fmla="*/ 72 h 360"/>
                  <a:gd name="T30" fmla="*/ 54 w 198"/>
                  <a:gd name="T31" fmla="*/ 54 h 360"/>
                  <a:gd name="T32" fmla="*/ 54 w 198"/>
                  <a:gd name="T33" fmla="*/ 30 h 360"/>
                  <a:gd name="T34" fmla="*/ 30 w 198"/>
                  <a:gd name="T35" fmla="*/ 12 h 360"/>
                  <a:gd name="T36" fmla="*/ 42 w 198"/>
                  <a:gd name="T37" fmla="*/ 6 h 360"/>
                  <a:gd name="T38" fmla="*/ 168 w 198"/>
                  <a:gd name="T39" fmla="*/ 0 h 360"/>
                  <a:gd name="T40" fmla="*/ 180 w 198"/>
                  <a:gd name="T41" fmla="*/ 48 h 360"/>
                  <a:gd name="T42" fmla="*/ 192 w 198"/>
                  <a:gd name="T43" fmla="*/ 198 h 360"/>
                  <a:gd name="T44" fmla="*/ 192 w 198"/>
                  <a:gd name="T45" fmla="*/ 216 h 360"/>
                  <a:gd name="T46" fmla="*/ 198 w 198"/>
                  <a:gd name="T47" fmla="*/ 240 h 360"/>
                  <a:gd name="T48" fmla="*/ 180 w 198"/>
                  <a:gd name="T49" fmla="*/ 276 h 360"/>
                  <a:gd name="T50" fmla="*/ 180 w 198"/>
                  <a:gd name="T51" fmla="*/ 300 h 360"/>
                  <a:gd name="T52" fmla="*/ 174 w 198"/>
                  <a:gd name="T53" fmla="*/ 312 h 360"/>
                  <a:gd name="T54" fmla="*/ 180 w 198"/>
                  <a:gd name="T55" fmla="*/ 324 h 360"/>
                  <a:gd name="T56" fmla="*/ 156 w 198"/>
                  <a:gd name="T57" fmla="*/ 330 h 360"/>
                  <a:gd name="T58" fmla="*/ 162 w 198"/>
                  <a:gd name="T59" fmla="*/ 348 h 360"/>
                  <a:gd name="T60" fmla="*/ 132 w 198"/>
                  <a:gd name="T61" fmla="*/ 342 h 360"/>
                  <a:gd name="T62" fmla="*/ 126 w 198"/>
                  <a:gd name="T63" fmla="*/ 354 h 360"/>
                  <a:gd name="T64" fmla="*/ 126 w 198"/>
                  <a:gd name="T65" fmla="*/ 360 h 360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198"/>
                  <a:gd name="T100" fmla="*/ 0 h 360"/>
                  <a:gd name="T101" fmla="*/ 198 w 198"/>
                  <a:gd name="T102" fmla="*/ 360 h 360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198" h="360">
                    <a:moveTo>
                      <a:pt x="126" y="360"/>
                    </a:moveTo>
                    <a:lnTo>
                      <a:pt x="108" y="342"/>
                    </a:lnTo>
                    <a:lnTo>
                      <a:pt x="108" y="318"/>
                    </a:lnTo>
                    <a:lnTo>
                      <a:pt x="60" y="282"/>
                    </a:lnTo>
                    <a:lnTo>
                      <a:pt x="72" y="246"/>
                    </a:lnTo>
                    <a:lnTo>
                      <a:pt x="54" y="234"/>
                    </a:lnTo>
                    <a:lnTo>
                      <a:pt x="42" y="240"/>
                    </a:lnTo>
                    <a:lnTo>
                      <a:pt x="36" y="216"/>
                    </a:lnTo>
                    <a:lnTo>
                      <a:pt x="12" y="198"/>
                    </a:lnTo>
                    <a:lnTo>
                      <a:pt x="0" y="180"/>
                    </a:lnTo>
                    <a:lnTo>
                      <a:pt x="0" y="138"/>
                    </a:lnTo>
                    <a:lnTo>
                      <a:pt x="18" y="126"/>
                    </a:lnTo>
                    <a:lnTo>
                      <a:pt x="24" y="108"/>
                    </a:lnTo>
                    <a:lnTo>
                      <a:pt x="18" y="78"/>
                    </a:lnTo>
                    <a:lnTo>
                      <a:pt x="42" y="72"/>
                    </a:lnTo>
                    <a:lnTo>
                      <a:pt x="54" y="54"/>
                    </a:lnTo>
                    <a:lnTo>
                      <a:pt x="54" y="30"/>
                    </a:lnTo>
                    <a:lnTo>
                      <a:pt x="30" y="12"/>
                    </a:lnTo>
                    <a:lnTo>
                      <a:pt x="42" y="6"/>
                    </a:lnTo>
                    <a:lnTo>
                      <a:pt x="168" y="0"/>
                    </a:lnTo>
                    <a:lnTo>
                      <a:pt x="180" y="48"/>
                    </a:lnTo>
                    <a:lnTo>
                      <a:pt x="192" y="198"/>
                    </a:lnTo>
                    <a:lnTo>
                      <a:pt x="192" y="216"/>
                    </a:lnTo>
                    <a:lnTo>
                      <a:pt x="198" y="240"/>
                    </a:lnTo>
                    <a:lnTo>
                      <a:pt x="180" y="276"/>
                    </a:lnTo>
                    <a:lnTo>
                      <a:pt x="180" y="300"/>
                    </a:lnTo>
                    <a:lnTo>
                      <a:pt x="174" y="312"/>
                    </a:lnTo>
                    <a:lnTo>
                      <a:pt x="180" y="324"/>
                    </a:lnTo>
                    <a:lnTo>
                      <a:pt x="156" y="330"/>
                    </a:lnTo>
                    <a:lnTo>
                      <a:pt x="162" y="348"/>
                    </a:lnTo>
                    <a:lnTo>
                      <a:pt x="132" y="342"/>
                    </a:lnTo>
                    <a:lnTo>
                      <a:pt x="126" y="354"/>
                    </a:lnTo>
                    <a:lnTo>
                      <a:pt x="126" y="36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20" name="Freeform 297"/>
              <p:cNvSpPr>
                <a:spLocks noChangeAspect="1"/>
              </p:cNvSpPr>
              <p:nvPr/>
            </p:nvSpPr>
            <p:spPr bwMode="auto">
              <a:xfrm>
                <a:off x="1662" y="2016"/>
                <a:ext cx="198" cy="366"/>
              </a:xfrm>
              <a:custGeom>
                <a:avLst/>
                <a:gdLst>
                  <a:gd name="T0" fmla="*/ 126 w 198"/>
                  <a:gd name="T1" fmla="*/ 360 h 366"/>
                  <a:gd name="T2" fmla="*/ 108 w 198"/>
                  <a:gd name="T3" fmla="*/ 342 h 366"/>
                  <a:gd name="T4" fmla="*/ 108 w 198"/>
                  <a:gd name="T5" fmla="*/ 318 h 366"/>
                  <a:gd name="T6" fmla="*/ 60 w 198"/>
                  <a:gd name="T7" fmla="*/ 282 h 366"/>
                  <a:gd name="T8" fmla="*/ 72 w 198"/>
                  <a:gd name="T9" fmla="*/ 246 h 366"/>
                  <a:gd name="T10" fmla="*/ 54 w 198"/>
                  <a:gd name="T11" fmla="*/ 234 h 366"/>
                  <a:gd name="T12" fmla="*/ 42 w 198"/>
                  <a:gd name="T13" fmla="*/ 240 h 366"/>
                  <a:gd name="T14" fmla="*/ 36 w 198"/>
                  <a:gd name="T15" fmla="*/ 216 h 366"/>
                  <a:gd name="T16" fmla="*/ 12 w 198"/>
                  <a:gd name="T17" fmla="*/ 198 h 366"/>
                  <a:gd name="T18" fmla="*/ 0 w 198"/>
                  <a:gd name="T19" fmla="*/ 180 h 366"/>
                  <a:gd name="T20" fmla="*/ 0 w 198"/>
                  <a:gd name="T21" fmla="*/ 138 h 366"/>
                  <a:gd name="T22" fmla="*/ 18 w 198"/>
                  <a:gd name="T23" fmla="*/ 126 h 366"/>
                  <a:gd name="T24" fmla="*/ 24 w 198"/>
                  <a:gd name="T25" fmla="*/ 108 h 366"/>
                  <a:gd name="T26" fmla="*/ 18 w 198"/>
                  <a:gd name="T27" fmla="*/ 78 h 366"/>
                  <a:gd name="T28" fmla="*/ 42 w 198"/>
                  <a:gd name="T29" fmla="*/ 72 h 366"/>
                  <a:gd name="T30" fmla="*/ 54 w 198"/>
                  <a:gd name="T31" fmla="*/ 54 h 366"/>
                  <a:gd name="T32" fmla="*/ 54 w 198"/>
                  <a:gd name="T33" fmla="*/ 30 h 366"/>
                  <a:gd name="T34" fmla="*/ 30 w 198"/>
                  <a:gd name="T35" fmla="*/ 12 h 366"/>
                  <a:gd name="T36" fmla="*/ 42 w 198"/>
                  <a:gd name="T37" fmla="*/ 6 h 366"/>
                  <a:gd name="T38" fmla="*/ 168 w 198"/>
                  <a:gd name="T39" fmla="*/ 0 h 366"/>
                  <a:gd name="T40" fmla="*/ 180 w 198"/>
                  <a:gd name="T41" fmla="*/ 48 h 366"/>
                  <a:gd name="T42" fmla="*/ 192 w 198"/>
                  <a:gd name="T43" fmla="*/ 198 h 366"/>
                  <a:gd name="T44" fmla="*/ 192 w 198"/>
                  <a:gd name="T45" fmla="*/ 216 h 366"/>
                  <a:gd name="T46" fmla="*/ 198 w 198"/>
                  <a:gd name="T47" fmla="*/ 240 h 366"/>
                  <a:gd name="T48" fmla="*/ 180 w 198"/>
                  <a:gd name="T49" fmla="*/ 276 h 366"/>
                  <a:gd name="T50" fmla="*/ 180 w 198"/>
                  <a:gd name="T51" fmla="*/ 300 h 366"/>
                  <a:gd name="T52" fmla="*/ 174 w 198"/>
                  <a:gd name="T53" fmla="*/ 312 h 366"/>
                  <a:gd name="T54" fmla="*/ 180 w 198"/>
                  <a:gd name="T55" fmla="*/ 324 h 366"/>
                  <a:gd name="T56" fmla="*/ 156 w 198"/>
                  <a:gd name="T57" fmla="*/ 330 h 366"/>
                  <a:gd name="T58" fmla="*/ 162 w 198"/>
                  <a:gd name="T59" fmla="*/ 348 h 366"/>
                  <a:gd name="T60" fmla="*/ 132 w 198"/>
                  <a:gd name="T61" fmla="*/ 342 h 366"/>
                  <a:gd name="T62" fmla="*/ 126 w 198"/>
                  <a:gd name="T63" fmla="*/ 354 h 366"/>
                  <a:gd name="T64" fmla="*/ 126 w 198"/>
                  <a:gd name="T65" fmla="*/ 360 h 366"/>
                  <a:gd name="T66" fmla="*/ 126 w 198"/>
                  <a:gd name="T67" fmla="*/ 366 h 36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w 198"/>
                  <a:gd name="T103" fmla="*/ 0 h 366"/>
                  <a:gd name="T104" fmla="*/ 198 w 198"/>
                  <a:gd name="T105" fmla="*/ 366 h 366"/>
                </a:gdLst>
                <a:ahLst/>
                <a:cxnLst>
                  <a:cxn ang="T68">
                    <a:pos x="T0" y="T1"/>
                  </a:cxn>
                  <a:cxn ang="T69">
                    <a:pos x="T2" y="T3"/>
                  </a:cxn>
                  <a:cxn ang="T70">
                    <a:pos x="T4" y="T5"/>
                  </a:cxn>
                  <a:cxn ang="T71">
                    <a:pos x="T6" y="T7"/>
                  </a:cxn>
                  <a:cxn ang="T72">
                    <a:pos x="T8" y="T9"/>
                  </a:cxn>
                  <a:cxn ang="T73">
                    <a:pos x="T10" y="T11"/>
                  </a:cxn>
                  <a:cxn ang="T74">
                    <a:pos x="T12" y="T13"/>
                  </a:cxn>
                  <a:cxn ang="T75">
                    <a:pos x="T14" y="T15"/>
                  </a:cxn>
                  <a:cxn ang="T76">
                    <a:pos x="T16" y="T17"/>
                  </a:cxn>
                  <a:cxn ang="T77">
                    <a:pos x="T18" y="T19"/>
                  </a:cxn>
                  <a:cxn ang="T78">
                    <a:pos x="T20" y="T21"/>
                  </a:cxn>
                  <a:cxn ang="T79">
                    <a:pos x="T22" y="T23"/>
                  </a:cxn>
                  <a:cxn ang="T80">
                    <a:pos x="T24" y="T25"/>
                  </a:cxn>
                  <a:cxn ang="T81">
                    <a:pos x="T26" y="T27"/>
                  </a:cxn>
                  <a:cxn ang="T82">
                    <a:pos x="T28" y="T29"/>
                  </a:cxn>
                  <a:cxn ang="T83">
                    <a:pos x="T30" y="T31"/>
                  </a:cxn>
                  <a:cxn ang="T84">
                    <a:pos x="T32" y="T33"/>
                  </a:cxn>
                  <a:cxn ang="T85">
                    <a:pos x="T34" y="T35"/>
                  </a:cxn>
                  <a:cxn ang="T86">
                    <a:pos x="T36" y="T37"/>
                  </a:cxn>
                  <a:cxn ang="T87">
                    <a:pos x="T38" y="T39"/>
                  </a:cxn>
                  <a:cxn ang="T88">
                    <a:pos x="T40" y="T41"/>
                  </a:cxn>
                  <a:cxn ang="T89">
                    <a:pos x="T42" y="T43"/>
                  </a:cxn>
                  <a:cxn ang="T90">
                    <a:pos x="T44" y="T45"/>
                  </a:cxn>
                  <a:cxn ang="T91">
                    <a:pos x="T46" y="T47"/>
                  </a:cxn>
                  <a:cxn ang="T92">
                    <a:pos x="T48" y="T49"/>
                  </a:cxn>
                  <a:cxn ang="T93">
                    <a:pos x="T50" y="T51"/>
                  </a:cxn>
                  <a:cxn ang="T94">
                    <a:pos x="T52" y="T53"/>
                  </a:cxn>
                  <a:cxn ang="T95">
                    <a:pos x="T54" y="T55"/>
                  </a:cxn>
                  <a:cxn ang="T96">
                    <a:pos x="T56" y="T57"/>
                  </a:cxn>
                  <a:cxn ang="T97">
                    <a:pos x="T58" y="T59"/>
                  </a:cxn>
                  <a:cxn ang="T98">
                    <a:pos x="T60" y="T61"/>
                  </a:cxn>
                  <a:cxn ang="T99">
                    <a:pos x="T62" y="T63"/>
                  </a:cxn>
                  <a:cxn ang="T100">
                    <a:pos x="T64" y="T65"/>
                  </a:cxn>
                  <a:cxn ang="T101">
                    <a:pos x="T66" y="T67"/>
                  </a:cxn>
                </a:cxnLst>
                <a:rect l="T102" t="T103" r="T104" b="T105"/>
                <a:pathLst>
                  <a:path w="198" h="366">
                    <a:moveTo>
                      <a:pt x="126" y="360"/>
                    </a:moveTo>
                    <a:lnTo>
                      <a:pt x="108" y="342"/>
                    </a:lnTo>
                    <a:lnTo>
                      <a:pt x="108" y="318"/>
                    </a:lnTo>
                    <a:lnTo>
                      <a:pt x="60" y="282"/>
                    </a:lnTo>
                    <a:lnTo>
                      <a:pt x="72" y="246"/>
                    </a:lnTo>
                    <a:lnTo>
                      <a:pt x="54" y="234"/>
                    </a:lnTo>
                    <a:lnTo>
                      <a:pt x="42" y="240"/>
                    </a:lnTo>
                    <a:lnTo>
                      <a:pt x="36" y="216"/>
                    </a:lnTo>
                    <a:lnTo>
                      <a:pt x="12" y="198"/>
                    </a:lnTo>
                    <a:lnTo>
                      <a:pt x="0" y="180"/>
                    </a:lnTo>
                    <a:lnTo>
                      <a:pt x="0" y="138"/>
                    </a:lnTo>
                    <a:lnTo>
                      <a:pt x="18" y="126"/>
                    </a:lnTo>
                    <a:lnTo>
                      <a:pt x="24" y="108"/>
                    </a:lnTo>
                    <a:lnTo>
                      <a:pt x="18" y="78"/>
                    </a:lnTo>
                    <a:lnTo>
                      <a:pt x="42" y="72"/>
                    </a:lnTo>
                    <a:lnTo>
                      <a:pt x="54" y="54"/>
                    </a:lnTo>
                    <a:lnTo>
                      <a:pt x="54" y="30"/>
                    </a:lnTo>
                    <a:lnTo>
                      <a:pt x="30" y="12"/>
                    </a:lnTo>
                    <a:lnTo>
                      <a:pt x="42" y="6"/>
                    </a:lnTo>
                    <a:lnTo>
                      <a:pt x="168" y="0"/>
                    </a:lnTo>
                    <a:lnTo>
                      <a:pt x="180" y="48"/>
                    </a:lnTo>
                    <a:lnTo>
                      <a:pt x="192" y="198"/>
                    </a:lnTo>
                    <a:lnTo>
                      <a:pt x="192" y="216"/>
                    </a:lnTo>
                    <a:lnTo>
                      <a:pt x="198" y="240"/>
                    </a:lnTo>
                    <a:lnTo>
                      <a:pt x="180" y="276"/>
                    </a:lnTo>
                    <a:lnTo>
                      <a:pt x="180" y="300"/>
                    </a:lnTo>
                    <a:lnTo>
                      <a:pt x="174" y="312"/>
                    </a:lnTo>
                    <a:lnTo>
                      <a:pt x="180" y="324"/>
                    </a:lnTo>
                    <a:lnTo>
                      <a:pt x="156" y="330"/>
                    </a:lnTo>
                    <a:lnTo>
                      <a:pt x="162" y="348"/>
                    </a:lnTo>
                    <a:lnTo>
                      <a:pt x="132" y="342"/>
                    </a:lnTo>
                    <a:lnTo>
                      <a:pt x="126" y="354"/>
                    </a:lnTo>
                    <a:lnTo>
                      <a:pt x="126" y="360"/>
                    </a:lnTo>
                    <a:lnTo>
                      <a:pt x="126" y="3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21" name="Freeform 298"/>
              <p:cNvSpPr>
                <a:spLocks noChangeAspect="1"/>
              </p:cNvSpPr>
              <p:nvPr/>
            </p:nvSpPr>
            <p:spPr bwMode="auto">
              <a:xfrm>
                <a:off x="1842" y="2052"/>
                <a:ext cx="150" cy="264"/>
              </a:xfrm>
              <a:custGeom>
                <a:avLst/>
                <a:gdLst>
                  <a:gd name="T0" fmla="*/ 0 w 150"/>
                  <a:gd name="T1" fmla="*/ 264 h 264"/>
                  <a:gd name="T2" fmla="*/ 0 w 150"/>
                  <a:gd name="T3" fmla="*/ 240 h 264"/>
                  <a:gd name="T4" fmla="*/ 18 w 150"/>
                  <a:gd name="T5" fmla="*/ 204 h 264"/>
                  <a:gd name="T6" fmla="*/ 12 w 150"/>
                  <a:gd name="T7" fmla="*/ 180 h 264"/>
                  <a:gd name="T8" fmla="*/ 12 w 150"/>
                  <a:gd name="T9" fmla="*/ 162 h 264"/>
                  <a:gd name="T10" fmla="*/ 0 w 150"/>
                  <a:gd name="T11" fmla="*/ 12 h 264"/>
                  <a:gd name="T12" fmla="*/ 18 w 150"/>
                  <a:gd name="T13" fmla="*/ 18 h 264"/>
                  <a:gd name="T14" fmla="*/ 36 w 150"/>
                  <a:gd name="T15" fmla="*/ 6 h 264"/>
                  <a:gd name="T16" fmla="*/ 132 w 150"/>
                  <a:gd name="T17" fmla="*/ 0 h 264"/>
                  <a:gd name="T18" fmla="*/ 150 w 150"/>
                  <a:gd name="T19" fmla="*/ 168 h 264"/>
                  <a:gd name="T20" fmla="*/ 150 w 150"/>
                  <a:gd name="T21" fmla="*/ 186 h 264"/>
                  <a:gd name="T22" fmla="*/ 120 w 150"/>
                  <a:gd name="T23" fmla="*/ 198 h 264"/>
                  <a:gd name="T24" fmla="*/ 126 w 150"/>
                  <a:gd name="T25" fmla="*/ 204 h 264"/>
                  <a:gd name="T26" fmla="*/ 102 w 150"/>
                  <a:gd name="T27" fmla="*/ 246 h 264"/>
                  <a:gd name="T28" fmla="*/ 90 w 150"/>
                  <a:gd name="T29" fmla="*/ 240 h 264"/>
                  <a:gd name="T30" fmla="*/ 84 w 150"/>
                  <a:gd name="T31" fmla="*/ 234 h 264"/>
                  <a:gd name="T32" fmla="*/ 66 w 150"/>
                  <a:gd name="T33" fmla="*/ 258 h 264"/>
                  <a:gd name="T34" fmla="*/ 60 w 150"/>
                  <a:gd name="T35" fmla="*/ 246 h 264"/>
                  <a:gd name="T36" fmla="*/ 48 w 150"/>
                  <a:gd name="T37" fmla="*/ 264 h 264"/>
                  <a:gd name="T38" fmla="*/ 18 w 150"/>
                  <a:gd name="T39" fmla="*/ 252 h 264"/>
                  <a:gd name="T40" fmla="*/ 18 w 150"/>
                  <a:gd name="T41" fmla="*/ 264 h 264"/>
                  <a:gd name="T42" fmla="*/ 6 w 150"/>
                  <a:gd name="T43" fmla="*/ 258 h 264"/>
                  <a:gd name="T44" fmla="*/ 0 w 150"/>
                  <a:gd name="T45" fmla="*/ 264 h 264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150"/>
                  <a:gd name="T70" fmla="*/ 0 h 264"/>
                  <a:gd name="T71" fmla="*/ 150 w 150"/>
                  <a:gd name="T72" fmla="*/ 264 h 264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150" h="264">
                    <a:moveTo>
                      <a:pt x="0" y="264"/>
                    </a:moveTo>
                    <a:lnTo>
                      <a:pt x="0" y="240"/>
                    </a:lnTo>
                    <a:lnTo>
                      <a:pt x="18" y="204"/>
                    </a:lnTo>
                    <a:lnTo>
                      <a:pt x="12" y="180"/>
                    </a:lnTo>
                    <a:lnTo>
                      <a:pt x="12" y="162"/>
                    </a:lnTo>
                    <a:lnTo>
                      <a:pt x="0" y="12"/>
                    </a:lnTo>
                    <a:lnTo>
                      <a:pt x="18" y="18"/>
                    </a:lnTo>
                    <a:lnTo>
                      <a:pt x="36" y="6"/>
                    </a:lnTo>
                    <a:lnTo>
                      <a:pt x="132" y="0"/>
                    </a:lnTo>
                    <a:lnTo>
                      <a:pt x="150" y="168"/>
                    </a:lnTo>
                    <a:lnTo>
                      <a:pt x="150" y="186"/>
                    </a:lnTo>
                    <a:lnTo>
                      <a:pt x="120" y="198"/>
                    </a:lnTo>
                    <a:lnTo>
                      <a:pt x="126" y="204"/>
                    </a:lnTo>
                    <a:lnTo>
                      <a:pt x="102" y="246"/>
                    </a:lnTo>
                    <a:lnTo>
                      <a:pt x="90" y="240"/>
                    </a:lnTo>
                    <a:lnTo>
                      <a:pt x="84" y="234"/>
                    </a:lnTo>
                    <a:lnTo>
                      <a:pt x="66" y="258"/>
                    </a:lnTo>
                    <a:lnTo>
                      <a:pt x="60" y="246"/>
                    </a:lnTo>
                    <a:lnTo>
                      <a:pt x="48" y="264"/>
                    </a:lnTo>
                    <a:lnTo>
                      <a:pt x="18" y="252"/>
                    </a:lnTo>
                    <a:lnTo>
                      <a:pt x="18" y="264"/>
                    </a:lnTo>
                    <a:lnTo>
                      <a:pt x="6" y="258"/>
                    </a:lnTo>
                    <a:lnTo>
                      <a:pt x="0" y="26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22" name="Freeform 299"/>
              <p:cNvSpPr>
                <a:spLocks noChangeAspect="1"/>
              </p:cNvSpPr>
              <p:nvPr/>
            </p:nvSpPr>
            <p:spPr bwMode="auto">
              <a:xfrm>
                <a:off x="1842" y="2052"/>
                <a:ext cx="150" cy="270"/>
              </a:xfrm>
              <a:custGeom>
                <a:avLst/>
                <a:gdLst>
                  <a:gd name="T0" fmla="*/ 0 w 150"/>
                  <a:gd name="T1" fmla="*/ 264 h 270"/>
                  <a:gd name="T2" fmla="*/ 0 w 150"/>
                  <a:gd name="T3" fmla="*/ 240 h 270"/>
                  <a:gd name="T4" fmla="*/ 18 w 150"/>
                  <a:gd name="T5" fmla="*/ 204 h 270"/>
                  <a:gd name="T6" fmla="*/ 12 w 150"/>
                  <a:gd name="T7" fmla="*/ 180 h 270"/>
                  <a:gd name="T8" fmla="*/ 12 w 150"/>
                  <a:gd name="T9" fmla="*/ 162 h 270"/>
                  <a:gd name="T10" fmla="*/ 0 w 150"/>
                  <a:gd name="T11" fmla="*/ 12 h 270"/>
                  <a:gd name="T12" fmla="*/ 18 w 150"/>
                  <a:gd name="T13" fmla="*/ 18 h 270"/>
                  <a:gd name="T14" fmla="*/ 36 w 150"/>
                  <a:gd name="T15" fmla="*/ 6 h 270"/>
                  <a:gd name="T16" fmla="*/ 132 w 150"/>
                  <a:gd name="T17" fmla="*/ 0 h 270"/>
                  <a:gd name="T18" fmla="*/ 150 w 150"/>
                  <a:gd name="T19" fmla="*/ 168 h 270"/>
                  <a:gd name="T20" fmla="*/ 150 w 150"/>
                  <a:gd name="T21" fmla="*/ 186 h 270"/>
                  <a:gd name="T22" fmla="*/ 120 w 150"/>
                  <a:gd name="T23" fmla="*/ 198 h 270"/>
                  <a:gd name="T24" fmla="*/ 126 w 150"/>
                  <a:gd name="T25" fmla="*/ 204 h 270"/>
                  <a:gd name="T26" fmla="*/ 102 w 150"/>
                  <a:gd name="T27" fmla="*/ 246 h 270"/>
                  <a:gd name="T28" fmla="*/ 90 w 150"/>
                  <a:gd name="T29" fmla="*/ 240 h 270"/>
                  <a:gd name="T30" fmla="*/ 84 w 150"/>
                  <a:gd name="T31" fmla="*/ 234 h 270"/>
                  <a:gd name="T32" fmla="*/ 66 w 150"/>
                  <a:gd name="T33" fmla="*/ 258 h 270"/>
                  <a:gd name="T34" fmla="*/ 60 w 150"/>
                  <a:gd name="T35" fmla="*/ 246 h 270"/>
                  <a:gd name="T36" fmla="*/ 48 w 150"/>
                  <a:gd name="T37" fmla="*/ 264 h 270"/>
                  <a:gd name="T38" fmla="*/ 18 w 150"/>
                  <a:gd name="T39" fmla="*/ 252 h 270"/>
                  <a:gd name="T40" fmla="*/ 18 w 150"/>
                  <a:gd name="T41" fmla="*/ 264 h 270"/>
                  <a:gd name="T42" fmla="*/ 6 w 150"/>
                  <a:gd name="T43" fmla="*/ 258 h 270"/>
                  <a:gd name="T44" fmla="*/ 0 w 150"/>
                  <a:gd name="T45" fmla="*/ 264 h 270"/>
                  <a:gd name="T46" fmla="*/ 0 w 150"/>
                  <a:gd name="T47" fmla="*/ 270 h 270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w 150"/>
                  <a:gd name="T73" fmla="*/ 0 h 270"/>
                  <a:gd name="T74" fmla="*/ 150 w 150"/>
                  <a:gd name="T75" fmla="*/ 270 h 270"/>
                </a:gdLst>
                <a:ahLst/>
                <a:cxnLst>
                  <a:cxn ang="T48">
                    <a:pos x="T0" y="T1"/>
                  </a:cxn>
                  <a:cxn ang="T49">
                    <a:pos x="T2" y="T3"/>
                  </a:cxn>
                  <a:cxn ang="T50">
                    <a:pos x="T4" y="T5"/>
                  </a:cxn>
                  <a:cxn ang="T51">
                    <a:pos x="T6" y="T7"/>
                  </a:cxn>
                  <a:cxn ang="T52">
                    <a:pos x="T8" y="T9"/>
                  </a:cxn>
                  <a:cxn ang="T53">
                    <a:pos x="T10" y="T11"/>
                  </a:cxn>
                  <a:cxn ang="T54">
                    <a:pos x="T12" y="T13"/>
                  </a:cxn>
                  <a:cxn ang="T55">
                    <a:pos x="T14" y="T15"/>
                  </a:cxn>
                  <a:cxn ang="T56">
                    <a:pos x="T16" y="T17"/>
                  </a:cxn>
                  <a:cxn ang="T57">
                    <a:pos x="T18" y="T19"/>
                  </a:cxn>
                  <a:cxn ang="T58">
                    <a:pos x="T20" y="T21"/>
                  </a:cxn>
                  <a:cxn ang="T59">
                    <a:pos x="T22" y="T23"/>
                  </a:cxn>
                  <a:cxn ang="T60">
                    <a:pos x="T24" y="T25"/>
                  </a:cxn>
                  <a:cxn ang="T61">
                    <a:pos x="T26" y="T27"/>
                  </a:cxn>
                  <a:cxn ang="T62">
                    <a:pos x="T28" y="T29"/>
                  </a:cxn>
                  <a:cxn ang="T63">
                    <a:pos x="T30" y="T31"/>
                  </a:cxn>
                  <a:cxn ang="T64">
                    <a:pos x="T32" y="T33"/>
                  </a:cxn>
                  <a:cxn ang="T65">
                    <a:pos x="T34" y="T35"/>
                  </a:cxn>
                  <a:cxn ang="T66">
                    <a:pos x="T36" y="T37"/>
                  </a:cxn>
                  <a:cxn ang="T67">
                    <a:pos x="T38" y="T39"/>
                  </a:cxn>
                  <a:cxn ang="T68">
                    <a:pos x="T40" y="T41"/>
                  </a:cxn>
                  <a:cxn ang="T69">
                    <a:pos x="T42" y="T43"/>
                  </a:cxn>
                  <a:cxn ang="T70">
                    <a:pos x="T44" y="T45"/>
                  </a:cxn>
                  <a:cxn ang="T71">
                    <a:pos x="T46" y="T47"/>
                  </a:cxn>
                </a:cxnLst>
                <a:rect l="T72" t="T73" r="T74" b="T75"/>
                <a:pathLst>
                  <a:path w="150" h="270">
                    <a:moveTo>
                      <a:pt x="0" y="264"/>
                    </a:moveTo>
                    <a:lnTo>
                      <a:pt x="0" y="240"/>
                    </a:lnTo>
                    <a:lnTo>
                      <a:pt x="18" y="204"/>
                    </a:lnTo>
                    <a:lnTo>
                      <a:pt x="12" y="180"/>
                    </a:lnTo>
                    <a:lnTo>
                      <a:pt x="12" y="162"/>
                    </a:lnTo>
                    <a:lnTo>
                      <a:pt x="0" y="12"/>
                    </a:lnTo>
                    <a:lnTo>
                      <a:pt x="18" y="18"/>
                    </a:lnTo>
                    <a:lnTo>
                      <a:pt x="36" y="6"/>
                    </a:lnTo>
                    <a:lnTo>
                      <a:pt x="132" y="0"/>
                    </a:lnTo>
                    <a:lnTo>
                      <a:pt x="150" y="168"/>
                    </a:lnTo>
                    <a:lnTo>
                      <a:pt x="150" y="186"/>
                    </a:lnTo>
                    <a:lnTo>
                      <a:pt x="120" y="198"/>
                    </a:lnTo>
                    <a:lnTo>
                      <a:pt x="126" y="204"/>
                    </a:lnTo>
                    <a:lnTo>
                      <a:pt x="102" y="246"/>
                    </a:lnTo>
                    <a:lnTo>
                      <a:pt x="90" y="240"/>
                    </a:lnTo>
                    <a:lnTo>
                      <a:pt x="84" y="234"/>
                    </a:lnTo>
                    <a:lnTo>
                      <a:pt x="66" y="258"/>
                    </a:lnTo>
                    <a:lnTo>
                      <a:pt x="60" y="246"/>
                    </a:lnTo>
                    <a:lnTo>
                      <a:pt x="48" y="264"/>
                    </a:lnTo>
                    <a:lnTo>
                      <a:pt x="18" y="252"/>
                    </a:lnTo>
                    <a:lnTo>
                      <a:pt x="18" y="264"/>
                    </a:lnTo>
                    <a:lnTo>
                      <a:pt x="6" y="258"/>
                    </a:lnTo>
                    <a:lnTo>
                      <a:pt x="0" y="264"/>
                    </a:lnTo>
                    <a:lnTo>
                      <a:pt x="0" y="27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23" name="Freeform 300"/>
              <p:cNvSpPr>
                <a:spLocks noChangeAspect="1"/>
              </p:cNvSpPr>
              <p:nvPr/>
            </p:nvSpPr>
            <p:spPr bwMode="auto">
              <a:xfrm>
                <a:off x="1410" y="1962"/>
                <a:ext cx="306" cy="204"/>
              </a:xfrm>
              <a:custGeom>
                <a:avLst/>
                <a:gdLst>
                  <a:gd name="T0" fmla="*/ 252 w 306"/>
                  <a:gd name="T1" fmla="*/ 204 h 204"/>
                  <a:gd name="T2" fmla="*/ 240 w 306"/>
                  <a:gd name="T3" fmla="*/ 186 h 204"/>
                  <a:gd name="T4" fmla="*/ 42 w 306"/>
                  <a:gd name="T5" fmla="*/ 192 h 204"/>
                  <a:gd name="T6" fmla="*/ 36 w 306"/>
                  <a:gd name="T7" fmla="*/ 150 h 204"/>
                  <a:gd name="T8" fmla="*/ 12 w 306"/>
                  <a:gd name="T9" fmla="*/ 72 h 204"/>
                  <a:gd name="T10" fmla="*/ 0 w 306"/>
                  <a:gd name="T11" fmla="*/ 54 h 204"/>
                  <a:gd name="T12" fmla="*/ 12 w 306"/>
                  <a:gd name="T13" fmla="*/ 30 h 204"/>
                  <a:gd name="T14" fmla="*/ 6 w 306"/>
                  <a:gd name="T15" fmla="*/ 12 h 204"/>
                  <a:gd name="T16" fmla="*/ 12 w 306"/>
                  <a:gd name="T17" fmla="*/ 6 h 204"/>
                  <a:gd name="T18" fmla="*/ 252 w 306"/>
                  <a:gd name="T19" fmla="*/ 0 h 204"/>
                  <a:gd name="T20" fmla="*/ 264 w 306"/>
                  <a:gd name="T21" fmla="*/ 18 h 204"/>
                  <a:gd name="T22" fmla="*/ 258 w 306"/>
                  <a:gd name="T23" fmla="*/ 30 h 204"/>
                  <a:gd name="T24" fmla="*/ 264 w 306"/>
                  <a:gd name="T25" fmla="*/ 48 h 204"/>
                  <a:gd name="T26" fmla="*/ 282 w 306"/>
                  <a:gd name="T27" fmla="*/ 66 h 204"/>
                  <a:gd name="T28" fmla="*/ 306 w 306"/>
                  <a:gd name="T29" fmla="*/ 84 h 204"/>
                  <a:gd name="T30" fmla="*/ 306 w 306"/>
                  <a:gd name="T31" fmla="*/ 108 h 204"/>
                  <a:gd name="T32" fmla="*/ 294 w 306"/>
                  <a:gd name="T33" fmla="*/ 126 h 204"/>
                  <a:gd name="T34" fmla="*/ 270 w 306"/>
                  <a:gd name="T35" fmla="*/ 132 h 204"/>
                  <a:gd name="T36" fmla="*/ 276 w 306"/>
                  <a:gd name="T37" fmla="*/ 162 h 204"/>
                  <a:gd name="T38" fmla="*/ 270 w 306"/>
                  <a:gd name="T39" fmla="*/ 180 h 204"/>
                  <a:gd name="T40" fmla="*/ 252 w 306"/>
                  <a:gd name="T41" fmla="*/ 192 h 204"/>
                  <a:gd name="T42" fmla="*/ 252 w 306"/>
                  <a:gd name="T43" fmla="*/ 204 h 204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306"/>
                  <a:gd name="T67" fmla="*/ 0 h 204"/>
                  <a:gd name="T68" fmla="*/ 306 w 306"/>
                  <a:gd name="T69" fmla="*/ 204 h 204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306" h="204">
                    <a:moveTo>
                      <a:pt x="252" y="204"/>
                    </a:moveTo>
                    <a:lnTo>
                      <a:pt x="240" y="186"/>
                    </a:lnTo>
                    <a:lnTo>
                      <a:pt x="42" y="192"/>
                    </a:lnTo>
                    <a:lnTo>
                      <a:pt x="36" y="150"/>
                    </a:lnTo>
                    <a:lnTo>
                      <a:pt x="12" y="72"/>
                    </a:lnTo>
                    <a:lnTo>
                      <a:pt x="0" y="54"/>
                    </a:lnTo>
                    <a:lnTo>
                      <a:pt x="12" y="30"/>
                    </a:lnTo>
                    <a:lnTo>
                      <a:pt x="6" y="12"/>
                    </a:lnTo>
                    <a:lnTo>
                      <a:pt x="12" y="6"/>
                    </a:lnTo>
                    <a:lnTo>
                      <a:pt x="252" y="0"/>
                    </a:lnTo>
                    <a:lnTo>
                      <a:pt x="264" y="18"/>
                    </a:lnTo>
                    <a:lnTo>
                      <a:pt x="258" y="30"/>
                    </a:lnTo>
                    <a:lnTo>
                      <a:pt x="264" y="48"/>
                    </a:lnTo>
                    <a:lnTo>
                      <a:pt x="282" y="66"/>
                    </a:lnTo>
                    <a:lnTo>
                      <a:pt x="306" y="84"/>
                    </a:lnTo>
                    <a:lnTo>
                      <a:pt x="306" y="108"/>
                    </a:lnTo>
                    <a:lnTo>
                      <a:pt x="294" y="126"/>
                    </a:lnTo>
                    <a:lnTo>
                      <a:pt x="270" y="132"/>
                    </a:lnTo>
                    <a:lnTo>
                      <a:pt x="276" y="162"/>
                    </a:lnTo>
                    <a:lnTo>
                      <a:pt x="270" y="180"/>
                    </a:lnTo>
                    <a:lnTo>
                      <a:pt x="252" y="192"/>
                    </a:lnTo>
                    <a:lnTo>
                      <a:pt x="252" y="20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24" name="Freeform 301"/>
              <p:cNvSpPr>
                <a:spLocks noChangeAspect="1"/>
              </p:cNvSpPr>
              <p:nvPr/>
            </p:nvSpPr>
            <p:spPr bwMode="auto">
              <a:xfrm>
                <a:off x="1410" y="1962"/>
                <a:ext cx="306" cy="210"/>
              </a:xfrm>
              <a:custGeom>
                <a:avLst/>
                <a:gdLst>
                  <a:gd name="T0" fmla="*/ 252 w 306"/>
                  <a:gd name="T1" fmla="*/ 204 h 210"/>
                  <a:gd name="T2" fmla="*/ 240 w 306"/>
                  <a:gd name="T3" fmla="*/ 186 h 210"/>
                  <a:gd name="T4" fmla="*/ 42 w 306"/>
                  <a:gd name="T5" fmla="*/ 192 h 210"/>
                  <a:gd name="T6" fmla="*/ 36 w 306"/>
                  <a:gd name="T7" fmla="*/ 150 h 210"/>
                  <a:gd name="T8" fmla="*/ 12 w 306"/>
                  <a:gd name="T9" fmla="*/ 72 h 210"/>
                  <a:gd name="T10" fmla="*/ 0 w 306"/>
                  <a:gd name="T11" fmla="*/ 54 h 210"/>
                  <a:gd name="T12" fmla="*/ 12 w 306"/>
                  <a:gd name="T13" fmla="*/ 30 h 210"/>
                  <a:gd name="T14" fmla="*/ 6 w 306"/>
                  <a:gd name="T15" fmla="*/ 12 h 210"/>
                  <a:gd name="T16" fmla="*/ 12 w 306"/>
                  <a:gd name="T17" fmla="*/ 6 h 210"/>
                  <a:gd name="T18" fmla="*/ 252 w 306"/>
                  <a:gd name="T19" fmla="*/ 0 h 210"/>
                  <a:gd name="T20" fmla="*/ 264 w 306"/>
                  <a:gd name="T21" fmla="*/ 18 h 210"/>
                  <a:gd name="T22" fmla="*/ 258 w 306"/>
                  <a:gd name="T23" fmla="*/ 30 h 210"/>
                  <a:gd name="T24" fmla="*/ 264 w 306"/>
                  <a:gd name="T25" fmla="*/ 48 h 210"/>
                  <a:gd name="T26" fmla="*/ 282 w 306"/>
                  <a:gd name="T27" fmla="*/ 66 h 210"/>
                  <a:gd name="T28" fmla="*/ 306 w 306"/>
                  <a:gd name="T29" fmla="*/ 84 h 210"/>
                  <a:gd name="T30" fmla="*/ 306 w 306"/>
                  <a:gd name="T31" fmla="*/ 108 h 210"/>
                  <a:gd name="T32" fmla="*/ 294 w 306"/>
                  <a:gd name="T33" fmla="*/ 126 h 210"/>
                  <a:gd name="T34" fmla="*/ 270 w 306"/>
                  <a:gd name="T35" fmla="*/ 132 h 210"/>
                  <a:gd name="T36" fmla="*/ 276 w 306"/>
                  <a:gd name="T37" fmla="*/ 162 h 210"/>
                  <a:gd name="T38" fmla="*/ 270 w 306"/>
                  <a:gd name="T39" fmla="*/ 180 h 210"/>
                  <a:gd name="T40" fmla="*/ 252 w 306"/>
                  <a:gd name="T41" fmla="*/ 192 h 210"/>
                  <a:gd name="T42" fmla="*/ 252 w 306"/>
                  <a:gd name="T43" fmla="*/ 204 h 210"/>
                  <a:gd name="T44" fmla="*/ 252 w 306"/>
                  <a:gd name="T45" fmla="*/ 210 h 210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306"/>
                  <a:gd name="T70" fmla="*/ 0 h 210"/>
                  <a:gd name="T71" fmla="*/ 306 w 306"/>
                  <a:gd name="T72" fmla="*/ 210 h 210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306" h="210">
                    <a:moveTo>
                      <a:pt x="252" y="204"/>
                    </a:moveTo>
                    <a:lnTo>
                      <a:pt x="240" y="186"/>
                    </a:lnTo>
                    <a:lnTo>
                      <a:pt x="42" y="192"/>
                    </a:lnTo>
                    <a:lnTo>
                      <a:pt x="36" y="150"/>
                    </a:lnTo>
                    <a:lnTo>
                      <a:pt x="12" y="72"/>
                    </a:lnTo>
                    <a:lnTo>
                      <a:pt x="0" y="54"/>
                    </a:lnTo>
                    <a:lnTo>
                      <a:pt x="12" y="30"/>
                    </a:lnTo>
                    <a:lnTo>
                      <a:pt x="6" y="12"/>
                    </a:lnTo>
                    <a:lnTo>
                      <a:pt x="12" y="6"/>
                    </a:lnTo>
                    <a:lnTo>
                      <a:pt x="252" y="0"/>
                    </a:lnTo>
                    <a:lnTo>
                      <a:pt x="264" y="18"/>
                    </a:lnTo>
                    <a:lnTo>
                      <a:pt x="258" y="30"/>
                    </a:lnTo>
                    <a:lnTo>
                      <a:pt x="264" y="48"/>
                    </a:lnTo>
                    <a:lnTo>
                      <a:pt x="282" y="66"/>
                    </a:lnTo>
                    <a:lnTo>
                      <a:pt x="306" y="84"/>
                    </a:lnTo>
                    <a:lnTo>
                      <a:pt x="306" y="108"/>
                    </a:lnTo>
                    <a:lnTo>
                      <a:pt x="294" y="126"/>
                    </a:lnTo>
                    <a:lnTo>
                      <a:pt x="270" y="132"/>
                    </a:lnTo>
                    <a:lnTo>
                      <a:pt x="276" y="162"/>
                    </a:lnTo>
                    <a:lnTo>
                      <a:pt x="270" y="180"/>
                    </a:lnTo>
                    <a:lnTo>
                      <a:pt x="252" y="192"/>
                    </a:lnTo>
                    <a:lnTo>
                      <a:pt x="252" y="204"/>
                    </a:lnTo>
                    <a:lnTo>
                      <a:pt x="252" y="21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25" name="Freeform 302"/>
              <p:cNvSpPr>
                <a:spLocks noChangeAspect="1"/>
              </p:cNvSpPr>
              <p:nvPr/>
            </p:nvSpPr>
            <p:spPr bwMode="auto">
              <a:xfrm>
                <a:off x="1134" y="2184"/>
                <a:ext cx="378" cy="198"/>
              </a:xfrm>
              <a:custGeom>
                <a:avLst/>
                <a:gdLst>
                  <a:gd name="T0" fmla="*/ 342 w 378"/>
                  <a:gd name="T1" fmla="*/ 6 h 198"/>
                  <a:gd name="T2" fmla="*/ 360 w 378"/>
                  <a:gd name="T3" fmla="*/ 18 h 198"/>
                  <a:gd name="T4" fmla="*/ 348 w 378"/>
                  <a:gd name="T5" fmla="*/ 36 h 198"/>
                  <a:gd name="T6" fmla="*/ 378 w 378"/>
                  <a:gd name="T7" fmla="*/ 60 h 198"/>
                  <a:gd name="T8" fmla="*/ 378 w 378"/>
                  <a:gd name="T9" fmla="*/ 198 h 198"/>
                  <a:gd name="T10" fmla="*/ 0 w 378"/>
                  <a:gd name="T11" fmla="*/ 192 h 198"/>
                  <a:gd name="T12" fmla="*/ 12 w 378"/>
                  <a:gd name="T13" fmla="*/ 0 h 198"/>
                  <a:gd name="T14" fmla="*/ 336 w 378"/>
                  <a:gd name="T15" fmla="*/ 6 h 198"/>
                  <a:gd name="T16" fmla="*/ 342 w 378"/>
                  <a:gd name="T17" fmla="*/ 6 h 198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378"/>
                  <a:gd name="T28" fmla="*/ 0 h 198"/>
                  <a:gd name="T29" fmla="*/ 378 w 378"/>
                  <a:gd name="T30" fmla="*/ 198 h 198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378" h="198">
                    <a:moveTo>
                      <a:pt x="342" y="6"/>
                    </a:moveTo>
                    <a:lnTo>
                      <a:pt x="360" y="18"/>
                    </a:lnTo>
                    <a:lnTo>
                      <a:pt x="348" y="36"/>
                    </a:lnTo>
                    <a:lnTo>
                      <a:pt x="378" y="60"/>
                    </a:lnTo>
                    <a:lnTo>
                      <a:pt x="378" y="198"/>
                    </a:lnTo>
                    <a:lnTo>
                      <a:pt x="0" y="192"/>
                    </a:lnTo>
                    <a:lnTo>
                      <a:pt x="12" y="0"/>
                    </a:lnTo>
                    <a:lnTo>
                      <a:pt x="336" y="6"/>
                    </a:lnTo>
                    <a:lnTo>
                      <a:pt x="342" y="6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26" name="Freeform 303"/>
              <p:cNvSpPr>
                <a:spLocks noChangeAspect="1"/>
              </p:cNvSpPr>
              <p:nvPr/>
            </p:nvSpPr>
            <p:spPr bwMode="auto">
              <a:xfrm>
                <a:off x="1134" y="2184"/>
                <a:ext cx="378" cy="198"/>
              </a:xfrm>
              <a:custGeom>
                <a:avLst/>
                <a:gdLst>
                  <a:gd name="T0" fmla="*/ 342 w 378"/>
                  <a:gd name="T1" fmla="*/ 6 h 198"/>
                  <a:gd name="T2" fmla="*/ 360 w 378"/>
                  <a:gd name="T3" fmla="*/ 18 h 198"/>
                  <a:gd name="T4" fmla="*/ 348 w 378"/>
                  <a:gd name="T5" fmla="*/ 36 h 198"/>
                  <a:gd name="T6" fmla="*/ 378 w 378"/>
                  <a:gd name="T7" fmla="*/ 60 h 198"/>
                  <a:gd name="T8" fmla="*/ 378 w 378"/>
                  <a:gd name="T9" fmla="*/ 198 h 198"/>
                  <a:gd name="T10" fmla="*/ 0 w 378"/>
                  <a:gd name="T11" fmla="*/ 192 h 198"/>
                  <a:gd name="T12" fmla="*/ 12 w 378"/>
                  <a:gd name="T13" fmla="*/ 0 h 198"/>
                  <a:gd name="T14" fmla="*/ 336 w 378"/>
                  <a:gd name="T15" fmla="*/ 6 h 198"/>
                  <a:gd name="T16" fmla="*/ 342 w 378"/>
                  <a:gd name="T17" fmla="*/ 6 h 198"/>
                  <a:gd name="T18" fmla="*/ 342 w 378"/>
                  <a:gd name="T19" fmla="*/ 12 h 19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78"/>
                  <a:gd name="T31" fmla="*/ 0 h 198"/>
                  <a:gd name="T32" fmla="*/ 378 w 378"/>
                  <a:gd name="T33" fmla="*/ 198 h 19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78" h="198">
                    <a:moveTo>
                      <a:pt x="342" y="6"/>
                    </a:moveTo>
                    <a:lnTo>
                      <a:pt x="360" y="18"/>
                    </a:lnTo>
                    <a:lnTo>
                      <a:pt x="348" y="36"/>
                    </a:lnTo>
                    <a:lnTo>
                      <a:pt x="378" y="60"/>
                    </a:lnTo>
                    <a:lnTo>
                      <a:pt x="378" y="198"/>
                    </a:lnTo>
                    <a:lnTo>
                      <a:pt x="0" y="192"/>
                    </a:lnTo>
                    <a:lnTo>
                      <a:pt x="12" y="0"/>
                    </a:lnTo>
                    <a:lnTo>
                      <a:pt x="336" y="6"/>
                    </a:lnTo>
                    <a:lnTo>
                      <a:pt x="342" y="6"/>
                    </a:lnTo>
                    <a:lnTo>
                      <a:pt x="342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27" name="Freeform 304"/>
              <p:cNvSpPr>
                <a:spLocks noChangeAspect="1"/>
              </p:cNvSpPr>
              <p:nvPr/>
            </p:nvSpPr>
            <p:spPr bwMode="auto">
              <a:xfrm>
                <a:off x="1776" y="2214"/>
                <a:ext cx="372" cy="192"/>
              </a:xfrm>
              <a:custGeom>
                <a:avLst/>
                <a:gdLst>
                  <a:gd name="T0" fmla="*/ 294 w 372"/>
                  <a:gd name="T1" fmla="*/ 156 h 192"/>
                  <a:gd name="T2" fmla="*/ 72 w 372"/>
                  <a:gd name="T3" fmla="*/ 174 h 192"/>
                  <a:gd name="T4" fmla="*/ 72 w 372"/>
                  <a:gd name="T5" fmla="*/ 186 h 192"/>
                  <a:gd name="T6" fmla="*/ 0 w 372"/>
                  <a:gd name="T7" fmla="*/ 192 h 192"/>
                  <a:gd name="T8" fmla="*/ 6 w 372"/>
                  <a:gd name="T9" fmla="*/ 186 h 192"/>
                  <a:gd name="T10" fmla="*/ 12 w 372"/>
                  <a:gd name="T11" fmla="*/ 186 h 192"/>
                  <a:gd name="T12" fmla="*/ 12 w 372"/>
                  <a:gd name="T13" fmla="*/ 156 h 192"/>
                  <a:gd name="T14" fmla="*/ 18 w 372"/>
                  <a:gd name="T15" fmla="*/ 144 h 192"/>
                  <a:gd name="T16" fmla="*/ 48 w 372"/>
                  <a:gd name="T17" fmla="*/ 150 h 192"/>
                  <a:gd name="T18" fmla="*/ 42 w 372"/>
                  <a:gd name="T19" fmla="*/ 132 h 192"/>
                  <a:gd name="T20" fmla="*/ 66 w 372"/>
                  <a:gd name="T21" fmla="*/ 126 h 192"/>
                  <a:gd name="T22" fmla="*/ 60 w 372"/>
                  <a:gd name="T23" fmla="*/ 114 h 192"/>
                  <a:gd name="T24" fmla="*/ 66 w 372"/>
                  <a:gd name="T25" fmla="*/ 102 h 192"/>
                  <a:gd name="T26" fmla="*/ 72 w 372"/>
                  <a:gd name="T27" fmla="*/ 96 h 192"/>
                  <a:gd name="T28" fmla="*/ 84 w 372"/>
                  <a:gd name="T29" fmla="*/ 102 h 192"/>
                  <a:gd name="T30" fmla="*/ 84 w 372"/>
                  <a:gd name="T31" fmla="*/ 90 h 192"/>
                  <a:gd name="T32" fmla="*/ 114 w 372"/>
                  <a:gd name="T33" fmla="*/ 102 h 192"/>
                  <a:gd name="T34" fmla="*/ 126 w 372"/>
                  <a:gd name="T35" fmla="*/ 84 h 192"/>
                  <a:gd name="T36" fmla="*/ 132 w 372"/>
                  <a:gd name="T37" fmla="*/ 96 h 192"/>
                  <a:gd name="T38" fmla="*/ 150 w 372"/>
                  <a:gd name="T39" fmla="*/ 72 h 192"/>
                  <a:gd name="T40" fmla="*/ 156 w 372"/>
                  <a:gd name="T41" fmla="*/ 78 h 192"/>
                  <a:gd name="T42" fmla="*/ 168 w 372"/>
                  <a:gd name="T43" fmla="*/ 84 h 192"/>
                  <a:gd name="T44" fmla="*/ 192 w 372"/>
                  <a:gd name="T45" fmla="*/ 42 h 192"/>
                  <a:gd name="T46" fmla="*/ 186 w 372"/>
                  <a:gd name="T47" fmla="*/ 36 h 192"/>
                  <a:gd name="T48" fmla="*/ 216 w 372"/>
                  <a:gd name="T49" fmla="*/ 24 h 192"/>
                  <a:gd name="T50" fmla="*/ 216 w 372"/>
                  <a:gd name="T51" fmla="*/ 6 h 192"/>
                  <a:gd name="T52" fmla="*/ 234 w 372"/>
                  <a:gd name="T53" fmla="*/ 0 h 192"/>
                  <a:gd name="T54" fmla="*/ 246 w 372"/>
                  <a:gd name="T55" fmla="*/ 18 h 192"/>
                  <a:gd name="T56" fmla="*/ 276 w 372"/>
                  <a:gd name="T57" fmla="*/ 30 h 192"/>
                  <a:gd name="T58" fmla="*/ 312 w 372"/>
                  <a:gd name="T59" fmla="*/ 18 h 192"/>
                  <a:gd name="T60" fmla="*/ 330 w 372"/>
                  <a:gd name="T61" fmla="*/ 36 h 192"/>
                  <a:gd name="T62" fmla="*/ 342 w 372"/>
                  <a:gd name="T63" fmla="*/ 66 h 192"/>
                  <a:gd name="T64" fmla="*/ 372 w 372"/>
                  <a:gd name="T65" fmla="*/ 84 h 192"/>
                  <a:gd name="T66" fmla="*/ 318 w 372"/>
                  <a:gd name="T67" fmla="*/ 144 h 192"/>
                  <a:gd name="T68" fmla="*/ 294 w 372"/>
                  <a:gd name="T69" fmla="*/ 156 h 192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w 372"/>
                  <a:gd name="T106" fmla="*/ 0 h 192"/>
                  <a:gd name="T107" fmla="*/ 372 w 372"/>
                  <a:gd name="T108" fmla="*/ 192 h 192"/>
                </a:gdLst>
                <a:ahLst/>
                <a:cxnLst>
                  <a:cxn ang="T70">
                    <a:pos x="T0" y="T1"/>
                  </a:cxn>
                  <a:cxn ang="T71">
                    <a:pos x="T2" y="T3"/>
                  </a:cxn>
                  <a:cxn ang="T72">
                    <a:pos x="T4" y="T5"/>
                  </a:cxn>
                  <a:cxn ang="T73">
                    <a:pos x="T6" y="T7"/>
                  </a:cxn>
                  <a:cxn ang="T74">
                    <a:pos x="T8" y="T9"/>
                  </a:cxn>
                  <a:cxn ang="T75">
                    <a:pos x="T10" y="T11"/>
                  </a:cxn>
                  <a:cxn ang="T76">
                    <a:pos x="T12" y="T13"/>
                  </a:cxn>
                  <a:cxn ang="T77">
                    <a:pos x="T14" y="T15"/>
                  </a:cxn>
                  <a:cxn ang="T78">
                    <a:pos x="T16" y="T17"/>
                  </a:cxn>
                  <a:cxn ang="T79">
                    <a:pos x="T18" y="T19"/>
                  </a:cxn>
                  <a:cxn ang="T80">
                    <a:pos x="T20" y="T21"/>
                  </a:cxn>
                  <a:cxn ang="T81">
                    <a:pos x="T22" y="T23"/>
                  </a:cxn>
                  <a:cxn ang="T82">
                    <a:pos x="T24" y="T25"/>
                  </a:cxn>
                  <a:cxn ang="T83">
                    <a:pos x="T26" y="T27"/>
                  </a:cxn>
                  <a:cxn ang="T84">
                    <a:pos x="T28" y="T29"/>
                  </a:cxn>
                  <a:cxn ang="T85">
                    <a:pos x="T30" y="T31"/>
                  </a:cxn>
                  <a:cxn ang="T86">
                    <a:pos x="T32" y="T33"/>
                  </a:cxn>
                  <a:cxn ang="T87">
                    <a:pos x="T34" y="T35"/>
                  </a:cxn>
                  <a:cxn ang="T88">
                    <a:pos x="T36" y="T37"/>
                  </a:cxn>
                  <a:cxn ang="T89">
                    <a:pos x="T38" y="T39"/>
                  </a:cxn>
                  <a:cxn ang="T90">
                    <a:pos x="T40" y="T41"/>
                  </a:cxn>
                  <a:cxn ang="T91">
                    <a:pos x="T42" y="T43"/>
                  </a:cxn>
                  <a:cxn ang="T92">
                    <a:pos x="T44" y="T45"/>
                  </a:cxn>
                  <a:cxn ang="T93">
                    <a:pos x="T46" y="T47"/>
                  </a:cxn>
                  <a:cxn ang="T94">
                    <a:pos x="T48" y="T49"/>
                  </a:cxn>
                  <a:cxn ang="T95">
                    <a:pos x="T50" y="T51"/>
                  </a:cxn>
                  <a:cxn ang="T96">
                    <a:pos x="T52" y="T53"/>
                  </a:cxn>
                  <a:cxn ang="T97">
                    <a:pos x="T54" y="T55"/>
                  </a:cxn>
                  <a:cxn ang="T98">
                    <a:pos x="T56" y="T57"/>
                  </a:cxn>
                  <a:cxn ang="T99">
                    <a:pos x="T58" y="T59"/>
                  </a:cxn>
                  <a:cxn ang="T100">
                    <a:pos x="T60" y="T61"/>
                  </a:cxn>
                  <a:cxn ang="T101">
                    <a:pos x="T62" y="T63"/>
                  </a:cxn>
                  <a:cxn ang="T102">
                    <a:pos x="T64" y="T65"/>
                  </a:cxn>
                  <a:cxn ang="T103">
                    <a:pos x="T66" y="T67"/>
                  </a:cxn>
                  <a:cxn ang="T104">
                    <a:pos x="T68" y="T69"/>
                  </a:cxn>
                </a:cxnLst>
                <a:rect l="T105" t="T106" r="T107" b="T108"/>
                <a:pathLst>
                  <a:path w="372" h="192">
                    <a:moveTo>
                      <a:pt x="294" y="156"/>
                    </a:moveTo>
                    <a:lnTo>
                      <a:pt x="72" y="174"/>
                    </a:lnTo>
                    <a:lnTo>
                      <a:pt x="72" y="186"/>
                    </a:lnTo>
                    <a:lnTo>
                      <a:pt x="0" y="192"/>
                    </a:lnTo>
                    <a:lnTo>
                      <a:pt x="6" y="186"/>
                    </a:lnTo>
                    <a:lnTo>
                      <a:pt x="12" y="186"/>
                    </a:lnTo>
                    <a:lnTo>
                      <a:pt x="12" y="156"/>
                    </a:lnTo>
                    <a:lnTo>
                      <a:pt x="18" y="144"/>
                    </a:lnTo>
                    <a:lnTo>
                      <a:pt x="48" y="150"/>
                    </a:lnTo>
                    <a:lnTo>
                      <a:pt x="42" y="132"/>
                    </a:lnTo>
                    <a:lnTo>
                      <a:pt x="66" y="126"/>
                    </a:lnTo>
                    <a:lnTo>
                      <a:pt x="60" y="114"/>
                    </a:lnTo>
                    <a:lnTo>
                      <a:pt x="66" y="102"/>
                    </a:lnTo>
                    <a:lnTo>
                      <a:pt x="72" y="96"/>
                    </a:lnTo>
                    <a:lnTo>
                      <a:pt x="84" y="102"/>
                    </a:lnTo>
                    <a:lnTo>
                      <a:pt x="84" y="90"/>
                    </a:lnTo>
                    <a:lnTo>
                      <a:pt x="114" y="102"/>
                    </a:lnTo>
                    <a:lnTo>
                      <a:pt x="126" y="84"/>
                    </a:lnTo>
                    <a:lnTo>
                      <a:pt x="132" y="96"/>
                    </a:lnTo>
                    <a:lnTo>
                      <a:pt x="150" y="72"/>
                    </a:lnTo>
                    <a:lnTo>
                      <a:pt x="156" y="78"/>
                    </a:lnTo>
                    <a:lnTo>
                      <a:pt x="168" y="84"/>
                    </a:lnTo>
                    <a:lnTo>
                      <a:pt x="192" y="42"/>
                    </a:lnTo>
                    <a:lnTo>
                      <a:pt x="186" y="36"/>
                    </a:lnTo>
                    <a:lnTo>
                      <a:pt x="216" y="24"/>
                    </a:lnTo>
                    <a:lnTo>
                      <a:pt x="216" y="6"/>
                    </a:lnTo>
                    <a:lnTo>
                      <a:pt x="234" y="0"/>
                    </a:lnTo>
                    <a:lnTo>
                      <a:pt x="246" y="18"/>
                    </a:lnTo>
                    <a:lnTo>
                      <a:pt x="276" y="30"/>
                    </a:lnTo>
                    <a:lnTo>
                      <a:pt x="312" y="18"/>
                    </a:lnTo>
                    <a:lnTo>
                      <a:pt x="330" y="36"/>
                    </a:lnTo>
                    <a:lnTo>
                      <a:pt x="342" y="66"/>
                    </a:lnTo>
                    <a:lnTo>
                      <a:pt x="372" y="84"/>
                    </a:lnTo>
                    <a:lnTo>
                      <a:pt x="318" y="144"/>
                    </a:lnTo>
                    <a:lnTo>
                      <a:pt x="294" y="156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28" name="Freeform 305"/>
              <p:cNvSpPr>
                <a:spLocks noChangeAspect="1"/>
              </p:cNvSpPr>
              <p:nvPr/>
            </p:nvSpPr>
            <p:spPr bwMode="auto">
              <a:xfrm>
                <a:off x="1776" y="2214"/>
                <a:ext cx="372" cy="192"/>
              </a:xfrm>
              <a:custGeom>
                <a:avLst/>
                <a:gdLst>
                  <a:gd name="T0" fmla="*/ 294 w 372"/>
                  <a:gd name="T1" fmla="*/ 156 h 192"/>
                  <a:gd name="T2" fmla="*/ 72 w 372"/>
                  <a:gd name="T3" fmla="*/ 174 h 192"/>
                  <a:gd name="T4" fmla="*/ 72 w 372"/>
                  <a:gd name="T5" fmla="*/ 186 h 192"/>
                  <a:gd name="T6" fmla="*/ 0 w 372"/>
                  <a:gd name="T7" fmla="*/ 192 h 192"/>
                  <a:gd name="T8" fmla="*/ 6 w 372"/>
                  <a:gd name="T9" fmla="*/ 186 h 192"/>
                  <a:gd name="T10" fmla="*/ 12 w 372"/>
                  <a:gd name="T11" fmla="*/ 186 h 192"/>
                  <a:gd name="T12" fmla="*/ 12 w 372"/>
                  <a:gd name="T13" fmla="*/ 156 h 192"/>
                  <a:gd name="T14" fmla="*/ 18 w 372"/>
                  <a:gd name="T15" fmla="*/ 144 h 192"/>
                  <a:gd name="T16" fmla="*/ 48 w 372"/>
                  <a:gd name="T17" fmla="*/ 150 h 192"/>
                  <a:gd name="T18" fmla="*/ 42 w 372"/>
                  <a:gd name="T19" fmla="*/ 132 h 192"/>
                  <a:gd name="T20" fmla="*/ 66 w 372"/>
                  <a:gd name="T21" fmla="*/ 126 h 192"/>
                  <a:gd name="T22" fmla="*/ 60 w 372"/>
                  <a:gd name="T23" fmla="*/ 114 h 192"/>
                  <a:gd name="T24" fmla="*/ 66 w 372"/>
                  <a:gd name="T25" fmla="*/ 102 h 192"/>
                  <a:gd name="T26" fmla="*/ 72 w 372"/>
                  <a:gd name="T27" fmla="*/ 96 h 192"/>
                  <a:gd name="T28" fmla="*/ 84 w 372"/>
                  <a:gd name="T29" fmla="*/ 102 h 192"/>
                  <a:gd name="T30" fmla="*/ 84 w 372"/>
                  <a:gd name="T31" fmla="*/ 90 h 192"/>
                  <a:gd name="T32" fmla="*/ 114 w 372"/>
                  <a:gd name="T33" fmla="*/ 102 h 192"/>
                  <a:gd name="T34" fmla="*/ 126 w 372"/>
                  <a:gd name="T35" fmla="*/ 84 h 192"/>
                  <a:gd name="T36" fmla="*/ 132 w 372"/>
                  <a:gd name="T37" fmla="*/ 96 h 192"/>
                  <a:gd name="T38" fmla="*/ 150 w 372"/>
                  <a:gd name="T39" fmla="*/ 72 h 192"/>
                  <a:gd name="T40" fmla="*/ 156 w 372"/>
                  <a:gd name="T41" fmla="*/ 78 h 192"/>
                  <a:gd name="T42" fmla="*/ 168 w 372"/>
                  <a:gd name="T43" fmla="*/ 84 h 192"/>
                  <a:gd name="T44" fmla="*/ 192 w 372"/>
                  <a:gd name="T45" fmla="*/ 42 h 192"/>
                  <a:gd name="T46" fmla="*/ 186 w 372"/>
                  <a:gd name="T47" fmla="*/ 36 h 192"/>
                  <a:gd name="T48" fmla="*/ 216 w 372"/>
                  <a:gd name="T49" fmla="*/ 24 h 192"/>
                  <a:gd name="T50" fmla="*/ 216 w 372"/>
                  <a:gd name="T51" fmla="*/ 6 h 192"/>
                  <a:gd name="T52" fmla="*/ 234 w 372"/>
                  <a:gd name="T53" fmla="*/ 0 h 192"/>
                  <a:gd name="T54" fmla="*/ 246 w 372"/>
                  <a:gd name="T55" fmla="*/ 18 h 192"/>
                  <a:gd name="T56" fmla="*/ 276 w 372"/>
                  <a:gd name="T57" fmla="*/ 30 h 192"/>
                  <a:gd name="T58" fmla="*/ 312 w 372"/>
                  <a:gd name="T59" fmla="*/ 18 h 192"/>
                  <a:gd name="T60" fmla="*/ 330 w 372"/>
                  <a:gd name="T61" fmla="*/ 36 h 192"/>
                  <a:gd name="T62" fmla="*/ 342 w 372"/>
                  <a:gd name="T63" fmla="*/ 66 h 192"/>
                  <a:gd name="T64" fmla="*/ 372 w 372"/>
                  <a:gd name="T65" fmla="*/ 84 h 192"/>
                  <a:gd name="T66" fmla="*/ 318 w 372"/>
                  <a:gd name="T67" fmla="*/ 144 h 192"/>
                  <a:gd name="T68" fmla="*/ 294 w 372"/>
                  <a:gd name="T69" fmla="*/ 156 h 192"/>
                  <a:gd name="T70" fmla="*/ 294 w 372"/>
                  <a:gd name="T71" fmla="*/ 162 h 192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w 372"/>
                  <a:gd name="T109" fmla="*/ 0 h 192"/>
                  <a:gd name="T110" fmla="*/ 372 w 372"/>
                  <a:gd name="T111" fmla="*/ 192 h 192"/>
                </a:gdLst>
                <a:ahLst/>
                <a:cxnLst>
                  <a:cxn ang="T72">
                    <a:pos x="T0" y="T1"/>
                  </a:cxn>
                  <a:cxn ang="T73">
                    <a:pos x="T2" y="T3"/>
                  </a:cxn>
                  <a:cxn ang="T74">
                    <a:pos x="T4" y="T5"/>
                  </a:cxn>
                  <a:cxn ang="T75">
                    <a:pos x="T6" y="T7"/>
                  </a:cxn>
                  <a:cxn ang="T76">
                    <a:pos x="T8" y="T9"/>
                  </a:cxn>
                  <a:cxn ang="T77">
                    <a:pos x="T10" y="T11"/>
                  </a:cxn>
                  <a:cxn ang="T78">
                    <a:pos x="T12" y="T13"/>
                  </a:cxn>
                  <a:cxn ang="T79">
                    <a:pos x="T14" y="T15"/>
                  </a:cxn>
                  <a:cxn ang="T80">
                    <a:pos x="T16" y="T17"/>
                  </a:cxn>
                  <a:cxn ang="T81">
                    <a:pos x="T18" y="T19"/>
                  </a:cxn>
                  <a:cxn ang="T82">
                    <a:pos x="T20" y="T21"/>
                  </a:cxn>
                  <a:cxn ang="T83">
                    <a:pos x="T22" y="T23"/>
                  </a:cxn>
                  <a:cxn ang="T84">
                    <a:pos x="T24" y="T25"/>
                  </a:cxn>
                  <a:cxn ang="T85">
                    <a:pos x="T26" y="T27"/>
                  </a:cxn>
                  <a:cxn ang="T86">
                    <a:pos x="T28" y="T29"/>
                  </a:cxn>
                  <a:cxn ang="T87">
                    <a:pos x="T30" y="T31"/>
                  </a:cxn>
                  <a:cxn ang="T88">
                    <a:pos x="T32" y="T33"/>
                  </a:cxn>
                  <a:cxn ang="T89">
                    <a:pos x="T34" y="T35"/>
                  </a:cxn>
                  <a:cxn ang="T90">
                    <a:pos x="T36" y="T37"/>
                  </a:cxn>
                  <a:cxn ang="T91">
                    <a:pos x="T38" y="T39"/>
                  </a:cxn>
                  <a:cxn ang="T92">
                    <a:pos x="T40" y="T41"/>
                  </a:cxn>
                  <a:cxn ang="T93">
                    <a:pos x="T42" y="T43"/>
                  </a:cxn>
                  <a:cxn ang="T94">
                    <a:pos x="T44" y="T45"/>
                  </a:cxn>
                  <a:cxn ang="T95">
                    <a:pos x="T46" y="T47"/>
                  </a:cxn>
                  <a:cxn ang="T96">
                    <a:pos x="T48" y="T49"/>
                  </a:cxn>
                  <a:cxn ang="T97">
                    <a:pos x="T50" y="T51"/>
                  </a:cxn>
                  <a:cxn ang="T98">
                    <a:pos x="T52" y="T53"/>
                  </a:cxn>
                  <a:cxn ang="T99">
                    <a:pos x="T54" y="T55"/>
                  </a:cxn>
                  <a:cxn ang="T100">
                    <a:pos x="T56" y="T57"/>
                  </a:cxn>
                  <a:cxn ang="T101">
                    <a:pos x="T58" y="T59"/>
                  </a:cxn>
                  <a:cxn ang="T102">
                    <a:pos x="T60" y="T61"/>
                  </a:cxn>
                  <a:cxn ang="T103">
                    <a:pos x="T62" y="T63"/>
                  </a:cxn>
                  <a:cxn ang="T104">
                    <a:pos x="T64" y="T65"/>
                  </a:cxn>
                  <a:cxn ang="T105">
                    <a:pos x="T66" y="T67"/>
                  </a:cxn>
                  <a:cxn ang="T106">
                    <a:pos x="T68" y="T69"/>
                  </a:cxn>
                  <a:cxn ang="T107">
                    <a:pos x="T70" y="T71"/>
                  </a:cxn>
                </a:cxnLst>
                <a:rect l="T108" t="T109" r="T110" b="T111"/>
                <a:pathLst>
                  <a:path w="372" h="192">
                    <a:moveTo>
                      <a:pt x="294" y="156"/>
                    </a:moveTo>
                    <a:lnTo>
                      <a:pt x="72" y="174"/>
                    </a:lnTo>
                    <a:lnTo>
                      <a:pt x="72" y="186"/>
                    </a:lnTo>
                    <a:lnTo>
                      <a:pt x="0" y="192"/>
                    </a:lnTo>
                    <a:lnTo>
                      <a:pt x="6" y="186"/>
                    </a:lnTo>
                    <a:lnTo>
                      <a:pt x="12" y="186"/>
                    </a:lnTo>
                    <a:lnTo>
                      <a:pt x="12" y="156"/>
                    </a:lnTo>
                    <a:lnTo>
                      <a:pt x="18" y="144"/>
                    </a:lnTo>
                    <a:lnTo>
                      <a:pt x="48" y="150"/>
                    </a:lnTo>
                    <a:lnTo>
                      <a:pt x="42" y="132"/>
                    </a:lnTo>
                    <a:lnTo>
                      <a:pt x="66" y="126"/>
                    </a:lnTo>
                    <a:lnTo>
                      <a:pt x="60" y="114"/>
                    </a:lnTo>
                    <a:lnTo>
                      <a:pt x="66" y="102"/>
                    </a:lnTo>
                    <a:lnTo>
                      <a:pt x="72" y="96"/>
                    </a:lnTo>
                    <a:lnTo>
                      <a:pt x="84" y="102"/>
                    </a:lnTo>
                    <a:lnTo>
                      <a:pt x="84" y="90"/>
                    </a:lnTo>
                    <a:lnTo>
                      <a:pt x="114" y="102"/>
                    </a:lnTo>
                    <a:lnTo>
                      <a:pt x="126" y="84"/>
                    </a:lnTo>
                    <a:lnTo>
                      <a:pt x="132" y="96"/>
                    </a:lnTo>
                    <a:lnTo>
                      <a:pt x="150" y="72"/>
                    </a:lnTo>
                    <a:lnTo>
                      <a:pt x="156" y="78"/>
                    </a:lnTo>
                    <a:lnTo>
                      <a:pt x="168" y="84"/>
                    </a:lnTo>
                    <a:lnTo>
                      <a:pt x="192" y="42"/>
                    </a:lnTo>
                    <a:lnTo>
                      <a:pt x="186" y="36"/>
                    </a:lnTo>
                    <a:lnTo>
                      <a:pt x="216" y="24"/>
                    </a:lnTo>
                    <a:lnTo>
                      <a:pt x="216" y="6"/>
                    </a:lnTo>
                    <a:lnTo>
                      <a:pt x="234" y="0"/>
                    </a:lnTo>
                    <a:lnTo>
                      <a:pt x="246" y="18"/>
                    </a:lnTo>
                    <a:lnTo>
                      <a:pt x="276" y="30"/>
                    </a:lnTo>
                    <a:lnTo>
                      <a:pt x="312" y="18"/>
                    </a:lnTo>
                    <a:lnTo>
                      <a:pt x="330" y="36"/>
                    </a:lnTo>
                    <a:lnTo>
                      <a:pt x="342" y="66"/>
                    </a:lnTo>
                    <a:lnTo>
                      <a:pt x="372" y="84"/>
                    </a:lnTo>
                    <a:lnTo>
                      <a:pt x="318" y="144"/>
                    </a:lnTo>
                    <a:lnTo>
                      <a:pt x="294" y="156"/>
                    </a:lnTo>
                    <a:lnTo>
                      <a:pt x="294" y="16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29" name="Freeform 306"/>
              <p:cNvSpPr>
                <a:spLocks noChangeAspect="1"/>
              </p:cNvSpPr>
              <p:nvPr/>
            </p:nvSpPr>
            <p:spPr bwMode="auto">
              <a:xfrm>
                <a:off x="1542" y="2640"/>
                <a:ext cx="288" cy="246"/>
              </a:xfrm>
              <a:custGeom>
                <a:avLst/>
                <a:gdLst>
                  <a:gd name="T0" fmla="*/ 258 w 288"/>
                  <a:gd name="T1" fmla="*/ 174 h 246"/>
                  <a:gd name="T2" fmla="*/ 216 w 288"/>
                  <a:gd name="T3" fmla="*/ 162 h 246"/>
                  <a:gd name="T4" fmla="*/ 204 w 288"/>
                  <a:gd name="T5" fmla="*/ 174 h 246"/>
                  <a:gd name="T6" fmla="*/ 228 w 288"/>
                  <a:gd name="T7" fmla="*/ 180 h 246"/>
                  <a:gd name="T8" fmla="*/ 246 w 288"/>
                  <a:gd name="T9" fmla="*/ 174 h 246"/>
                  <a:gd name="T10" fmla="*/ 240 w 288"/>
                  <a:gd name="T11" fmla="*/ 186 h 246"/>
                  <a:gd name="T12" fmla="*/ 252 w 288"/>
                  <a:gd name="T13" fmla="*/ 192 h 246"/>
                  <a:gd name="T14" fmla="*/ 258 w 288"/>
                  <a:gd name="T15" fmla="*/ 180 h 246"/>
                  <a:gd name="T16" fmla="*/ 276 w 288"/>
                  <a:gd name="T17" fmla="*/ 174 h 246"/>
                  <a:gd name="T18" fmla="*/ 276 w 288"/>
                  <a:gd name="T19" fmla="*/ 186 h 246"/>
                  <a:gd name="T20" fmla="*/ 252 w 288"/>
                  <a:gd name="T21" fmla="*/ 210 h 246"/>
                  <a:gd name="T22" fmla="*/ 258 w 288"/>
                  <a:gd name="T23" fmla="*/ 222 h 246"/>
                  <a:gd name="T24" fmla="*/ 288 w 288"/>
                  <a:gd name="T25" fmla="*/ 234 h 246"/>
                  <a:gd name="T26" fmla="*/ 282 w 288"/>
                  <a:gd name="T27" fmla="*/ 246 h 246"/>
                  <a:gd name="T28" fmla="*/ 276 w 288"/>
                  <a:gd name="T29" fmla="*/ 240 h 246"/>
                  <a:gd name="T30" fmla="*/ 270 w 288"/>
                  <a:gd name="T31" fmla="*/ 246 h 246"/>
                  <a:gd name="T32" fmla="*/ 264 w 288"/>
                  <a:gd name="T33" fmla="*/ 228 h 246"/>
                  <a:gd name="T34" fmla="*/ 228 w 288"/>
                  <a:gd name="T35" fmla="*/ 216 h 246"/>
                  <a:gd name="T36" fmla="*/ 234 w 288"/>
                  <a:gd name="T37" fmla="*/ 234 h 246"/>
                  <a:gd name="T38" fmla="*/ 222 w 288"/>
                  <a:gd name="T39" fmla="*/ 240 h 246"/>
                  <a:gd name="T40" fmla="*/ 216 w 288"/>
                  <a:gd name="T41" fmla="*/ 228 h 246"/>
                  <a:gd name="T42" fmla="*/ 210 w 288"/>
                  <a:gd name="T43" fmla="*/ 234 h 246"/>
                  <a:gd name="T44" fmla="*/ 204 w 288"/>
                  <a:gd name="T45" fmla="*/ 228 h 246"/>
                  <a:gd name="T46" fmla="*/ 198 w 288"/>
                  <a:gd name="T47" fmla="*/ 240 h 246"/>
                  <a:gd name="T48" fmla="*/ 186 w 288"/>
                  <a:gd name="T49" fmla="*/ 246 h 246"/>
                  <a:gd name="T50" fmla="*/ 174 w 288"/>
                  <a:gd name="T51" fmla="*/ 240 h 246"/>
                  <a:gd name="T52" fmla="*/ 162 w 288"/>
                  <a:gd name="T53" fmla="*/ 222 h 246"/>
                  <a:gd name="T54" fmla="*/ 144 w 288"/>
                  <a:gd name="T55" fmla="*/ 216 h 246"/>
                  <a:gd name="T56" fmla="*/ 144 w 288"/>
                  <a:gd name="T57" fmla="*/ 204 h 246"/>
                  <a:gd name="T58" fmla="*/ 126 w 288"/>
                  <a:gd name="T59" fmla="*/ 204 h 246"/>
                  <a:gd name="T60" fmla="*/ 126 w 288"/>
                  <a:gd name="T61" fmla="*/ 198 h 246"/>
                  <a:gd name="T62" fmla="*/ 108 w 288"/>
                  <a:gd name="T63" fmla="*/ 204 h 246"/>
                  <a:gd name="T64" fmla="*/ 120 w 288"/>
                  <a:gd name="T65" fmla="*/ 216 h 246"/>
                  <a:gd name="T66" fmla="*/ 102 w 288"/>
                  <a:gd name="T67" fmla="*/ 222 h 246"/>
                  <a:gd name="T68" fmla="*/ 54 w 288"/>
                  <a:gd name="T69" fmla="*/ 204 h 246"/>
                  <a:gd name="T70" fmla="*/ 18 w 288"/>
                  <a:gd name="T71" fmla="*/ 210 h 246"/>
                  <a:gd name="T72" fmla="*/ 12 w 288"/>
                  <a:gd name="T73" fmla="*/ 204 h 246"/>
                  <a:gd name="T74" fmla="*/ 24 w 288"/>
                  <a:gd name="T75" fmla="*/ 192 h 246"/>
                  <a:gd name="T76" fmla="*/ 24 w 288"/>
                  <a:gd name="T77" fmla="*/ 156 h 246"/>
                  <a:gd name="T78" fmla="*/ 36 w 288"/>
                  <a:gd name="T79" fmla="*/ 126 h 246"/>
                  <a:gd name="T80" fmla="*/ 6 w 288"/>
                  <a:gd name="T81" fmla="*/ 66 h 246"/>
                  <a:gd name="T82" fmla="*/ 0 w 288"/>
                  <a:gd name="T83" fmla="*/ 0 h 246"/>
                  <a:gd name="T84" fmla="*/ 162 w 288"/>
                  <a:gd name="T85" fmla="*/ 0 h 246"/>
                  <a:gd name="T86" fmla="*/ 162 w 288"/>
                  <a:gd name="T87" fmla="*/ 24 h 246"/>
                  <a:gd name="T88" fmla="*/ 168 w 288"/>
                  <a:gd name="T89" fmla="*/ 18 h 246"/>
                  <a:gd name="T90" fmla="*/ 162 w 288"/>
                  <a:gd name="T91" fmla="*/ 30 h 246"/>
                  <a:gd name="T92" fmla="*/ 174 w 288"/>
                  <a:gd name="T93" fmla="*/ 36 h 246"/>
                  <a:gd name="T94" fmla="*/ 162 w 288"/>
                  <a:gd name="T95" fmla="*/ 48 h 246"/>
                  <a:gd name="T96" fmla="*/ 168 w 288"/>
                  <a:gd name="T97" fmla="*/ 48 h 246"/>
                  <a:gd name="T98" fmla="*/ 144 w 288"/>
                  <a:gd name="T99" fmla="*/ 84 h 246"/>
                  <a:gd name="T100" fmla="*/ 138 w 288"/>
                  <a:gd name="T101" fmla="*/ 126 h 246"/>
                  <a:gd name="T102" fmla="*/ 240 w 288"/>
                  <a:gd name="T103" fmla="*/ 120 h 246"/>
                  <a:gd name="T104" fmla="*/ 240 w 288"/>
                  <a:gd name="T105" fmla="*/ 144 h 246"/>
                  <a:gd name="T106" fmla="*/ 252 w 288"/>
                  <a:gd name="T107" fmla="*/ 168 h 246"/>
                  <a:gd name="T108" fmla="*/ 258 w 288"/>
                  <a:gd name="T109" fmla="*/ 174 h 24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w 288"/>
                  <a:gd name="T166" fmla="*/ 0 h 246"/>
                  <a:gd name="T167" fmla="*/ 288 w 288"/>
                  <a:gd name="T168" fmla="*/ 246 h 246"/>
                </a:gdLst>
                <a:ahLst/>
                <a:cxnLst>
                  <a:cxn ang="T110">
                    <a:pos x="T0" y="T1"/>
                  </a:cxn>
                  <a:cxn ang="T111">
                    <a:pos x="T2" y="T3"/>
                  </a:cxn>
                  <a:cxn ang="T112">
                    <a:pos x="T4" y="T5"/>
                  </a:cxn>
                  <a:cxn ang="T113">
                    <a:pos x="T6" y="T7"/>
                  </a:cxn>
                  <a:cxn ang="T114">
                    <a:pos x="T8" y="T9"/>
                  </a:cxn>
                  <a:cxn ang="T115">
                    <a:pos x="T10" y="T11"/>
                  </a:cxn>
                  <a:cxn ang="T116">
                    <a:pos x="T12" y="T13"/>
                  </a:cxn>
                  <a:cxn ang="T117">
                    <a:pos x="T14" y="T15"/>
                  </a:cxn>
                  <a:cxn ang="T118">
                    <a:pos x="T16" y="T17"/>
                  </a:cxn>
                  <a:cxn ang="T119">
                    <a:pos x="T18" y="T19"/>
                  </a:cxn>
                  <a:cxn ang="T120">
                    <a:pos x="T20" y="T21"/>
                  </a:cxn>
                  <a:cxn ang="T121">
                    <a:pos x="T22" y="T23"/>
                  </a:cxn>
                  <a:cxn ang="T122">
                    <a:pos x="T24" y="T25"/>
                  </a:cxn>
                  <a:cxn ang="T123">
                    <a:pos x="T26" y="T27"/>
                  </a:cxn>
                  <a:cxn ang="T124">
                    <a:pos x="T28" y="T29"/>
                  </a:cxn>
                  <a:cxn ang="T125">
                    <a:pos x="T30" y="T31"/>
                  </a:cxn>
                  <a:cxn ang="T126">
                    <a:pos x="T32" y="T33"/>
                  </a:cxn>
                  <a:cxn ang="T127">
                    <a:pos x="T34" y="T35"/>
                  </a:cxn>
                  <a:cxn ang="T128">
                    <a:pos x="T36" y="T37"/>
                  </a:cxn>
                  <a:cxn ang="T129">
                    <a:pos x="T38" y="T39"/>
                  </a:cxn>
                  <a:cxn ang="T130">
                    <a:pos x="T40" y="T41"/>
                  </a:cxn>
                  <a:cxn ang="T131">
                    <a:pos x="T42" y="T43"/>
                  </a:cxn>
                  <a:cxn ang="T132">
                    <a:pos x="T44" y="T45"/>
                  </a:cxn>
                  <a:cxn ang="T133">
                    <a:pos x="T46" y="T47"/>
                  </a:cxn>
                  <a:cxn ang="T134">
                    <a:pos x="T48" y="T49"/>
                  </a:cxn>
                  <a:cxn ang="T135">
                    <a:pos x="T50" y="T51"/>
                  </a:cxn>
                  <a:cxn ang="T136">
                    <a:pos x="T52" y="T53"/>
                  </a:cxn>
                  <a:cxn ang="T137">
                    <a:pos x="T54" y="T55"/>
                  </a:cxn>
                  <a:cxn ang="T138">
                    <a:pos x="T56" y="T57"/>
                  </a:cxn>
                  <a:cxn ang="T139">
                    <a:pos x="T58" y="T59"/>
                  </a:cxn>
                  <a:cxn ang="T140">
                    <a:pos x="T60" y="T61"/>
                  </a:cxn>
                  <a:cxn ang="T141">
                    <a:pos x="T62" y="T63"/>
                  </a:cxn>
                  <a:cxn ang="T142">
                    <a:pos x="T64" y="T65"/>
                  </a:cxn>
                  <a:cxn ang="T143">
                    <a:pos x="T66" y="T67"/>
                  </a:cxn>
                  <a:cxn ang="T144">
                    <a:pos x="T68" y="T69"/>
                  </a:cxn>
                  <a:cxn ang="T145">
                    <a:pos x="T70" y="T71"/>
                  </a:cxn>
                  <a:cxn ang="T146">
                    <a:pos x="T72" y="T73"/>
                  </a:cxn>
                  <a:cxn ang="T147">
                    <a:pos x="T74" y="T75"/>
                  </a:cxn>
                  <a:cxn ang="T148">
                    <a:pos x="T76" y="T77"/>
                  </a:cxn>
                  <a:cxn ang="T149">
                    <a:pos x="T78" y="T79"/>
                  </a:cxn>
                  <a:cxn ang="T150">
                    <a:pos x="T80" y="T81"/>
                  </a:cxn>
                  <a:cxn ang="T151">
                    <a:pos x="T82" y="T83"/>
                  </a:cxn>
                  <a:cxn ang="T152">
                    <a:pos x="T84" y="T85"/>
                  </a:cxn>
                  <a:cxn ang="T153">
                    <a:pos x="T86" y="T87"/>
                  </a:cxn>
                  <a:cxn ang="T154">
                    <a:pos x="T88" y="T89"/>
                  </a:cxn>
                  <a:cxn ang="T155">
                    <a:pos x="T90" y="T91"/>
                  </a:cxn>
                  <a:cxn ang="T156">
                    <a:pos x="T92" y="T93"/>
                  </a:cxn>
                  <a:cxn ang="T157">
                    <a:pos x="T94" y="T95"/>
                  </a:cxn>
                  <a:cxn ang="T158">
                    <a:pos x="T96" y="T97"/>
                  </a:cxn>
                  <a:cxn ang="T159">
                    <a:pos x="T98" y="T99"/>
                  </a:cxn>
                  <a:cxn ang="T160">
                    <a:pos x="T100" y="T101"/>
                  </a:cxn>
                  <a:cxn ang="T161">
                    <a:pos x="T102" y="T103"/>
                  </a:cxn>
                  <a:cxn ang="T162">
                    <a:pos x="T104" y="T105"/>
                  </a:cxn>
                  <a:cxn ang="T163">
                    <a:pos x="T106" y="T107"/>
                  </a:cxn>
                  <a:cxn ang="T164">
                    <a:pos x="T108" y="T109"/>
                  </a:cxn>
                </a:cxnLst>
                <a:rect l="T165" t="T166" r="T167" b="T168"/>
                <a:pathLst>
                  <a:path w="288" h="246">
                    <a:moveTo>
                      <a:pt x="258" y="174"/>
                    </a:moveTo>
                    <a:lnTo>
                      <a:pt x="216" y="162"/>
                    </a:lnTo>
                    <a:lnTo>
                      <a:pt x="204" y="174"/>
                    </a:lnTo>
                    <a:lnTo>
                      <a:pt x="228" y="180"/>
                    </a:lnTo>
                    <a:lnTo>
                      <a:pt x="246" y="174"/>
                    </a:lnTo>
                    <a:lnTo>
                      <a:pt x="240" y="186"/>
                    </a:lnTo>
                    <a:lnTo>
                      <a:pt x="252" y="192"/>
                    </a:lnTo>
                    <a:lnTo>
                      <a:pt x="258" y="180"/>
                    </a:lnTo>
                    <a:lnTo>
                      <a:pt x="276" y="174"/>
                    </a:lnTo>
                    <a:lnTo>
                      <a:pt x="276" y="186"/>
                    </a:lnTo>
                    <a:lnTo>
                      <a:pt x="252" y="210"/>
                    </a:lnTo>
                    <a:lnTo>
                      <a:pt x="258" y="222"/>
                    </a:lnTo>
                    <a:lnTo>
                      <a:pt x="288" y="234"/>
                    </a:lnTo>
                    <a:lnTo>
                      <a:pt x="282" y="246"/>
                    </a:lnTo>
                    <a:lnTo>
                      <a:pt x="276" y="240"/>
                    </a:lnTo>
                    <a:lnTo>
                      <a:pt x="270" y="246"/>
                    </a:lnTo>
                    <a:lnTo>
                      <a:pt x="264" y="228"/>
                    </a:lnTo>
                    <a:lnTo>
                      <a:pt x="228" y="216"/>
                    </a:lnTo>
                    <a:lnTo>
                      <a:pt x="234" y="234"/>
                    </a:lnTo>
                    <a:lnTo>
                      <a:pt x="222" y="240"/>
                    </a:lnTo>
                    <a:lnTo>
                      <a:pt x="216" y="228"/>
                    </a:lnTo>
                    <a:lnTo>
                      <a:pt x="210" y="234"/>
                    </a:lnTo>
                    <a:lnTo>
                      <a:pt x="204" y="228"/>
                    </a:lnTo>
                    <a:lnTo>
                      <a:pt x="198" y="240"/>
                    </a:lnTo>
                    <a:lnTo>
                      <a:pt x="186" y="246"/>
                    </a:lnTo>
                    <a:lnTo>
                      <a:pt x="174" y="240"/>
                    </a:lnTo>
                    <a:lnTo>
                      <a:pt x="162" y="222"/>
                    </a:lnTo>
                    <a:lnTo>
                      <a:pt x="144" y="216"/>
                    </a:lnTo>
                    <a:lnTo>
                      <a:pt x="144" y="204"/>
                    </a:lnTo>
                    <a:lnTo>
                      <a:pt x="126" y="204"/>
                    </a:lnTo>
                    <a:lnTo>
                      <a:pt x="126" y="198"/>
                    </a:lnTo>
                    <a:lnTo>
                      <a:pt x="108" y="204"/>
                    </a:lnTo>
                    <a:lnTo>
                      <a:pt x="120" y="216"/>
                    </a:lnTo>
                    <a:lnTo>
                      <a:pt x="102" y="222"/>
                    </a:lnTo>
                    <a:lnTo>
                      <a:pt x="54" y="204"/>
                    </a:lnTo>
                    <a:lnTo>
                      <a:pt x="18" y="210"/>
                    </a:lnTo>
                    <a:lnTo>
                      <a:pt x="12" y="204"/>
                    </a:lnTo>
                    <a:lnTo>
                      <a:pt x="24" y="192"/>
                    </a:lnTo>
                    <a:lnTo>
                      <a:pt x="24" y="156"/>
                    </a:lnTo>
                    <a:lnTo>
                      <a:pt x="36" y="126"/>
                    </a:lnTo>
                    <a:lnTo>
                      <a:pt x="6" y="66"/>
                    </a:lnTo>
                    <a:lnTo>
                      <a:pt x="0" y="0"/>
                    </a:lnTo>
                    <a:lnTo>
                      <a:pt x="162" y="0"/>
                    </a:lnTo>
                    <a:lnTo>
                      <a:pt x="162" y="24"/>
                    </a:lnTo>
                    <a:lnTo>
                      <a:pt x="168" y="18"/>
                    </a:lnTo>
                    <a:lnTo>
                      <a:pt x="162" y="30"/>
                    </a:lnTo>
                    <a:lnTo>
                      <a:pt x="174" y="36"/>
                    </a:lnTo>
                    <a:lnTo>
                      <a:pt x="162" y="48"/>
                    </a:lnTo>
                    <a:lnTo>
                      <a:pt x="168" y="48"/>
                    </a:lnTo>
                    <a:lnTo>
                      <a:pt x="144" y="84"/>
                    </a:lnTo>
                    <a:lnTo>
                      <a:pt x="138" y="126"/>
                    </a:lnTo>
                    <a:lnTo>
                      <a:pt x="240" y="120"/>
                    </a:lnTo>
                    <a:lnTo>
                      <a:pt x="240" y="144"/>
                    </a:lnTo>
                    <a:lnTo>
                      <a:pt x="252" y="168"/>
                    </a:lnTo>
                    <a:lnTo>
                      <a:pt x="258" y="174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30" name="Freeform 307"/>
              <p:cNvSpPr>
                <a:spLocks noChangeAspect="1"/>
              </p:cNvSpPr>
              <p:nvPr/>
            </p:nvSpPr>
            <p:spPr bwMode="auto">
              <a:xfrm>
                <a:off x="1542" y="2640"/>
                <a:ext cx="288" cy="246"/>
              </a:xfrm>
              <a:custGeom>
                <a:avLst/>
                <a:gdLst>
                  <a:gd name="T0" fmla="*/ 258 w 288"/>
                  <a:gd name="T1" fmla="*/ 174 h 246"/>
                  <a:gd name="T2" fmla="*/ 216 w 288"/>
                  <a:gd name="T3" fmla="*/ 162 h 246"/>
                  <a:gd name="T4" fmla="*/ 204 w 288"/>
                  <a:gd name="T5" fmla="*/ 174 h 246"/>
                  <a:gd name="T6" fmla="*/ 228 w 288"/>
                  <a:gd name="T7" fmla="*/ 180 h 246"/>
                  <a:gd name="T8" fmla="*/ 246 w 288"/>
                  <a:gd name="T9" fmla="*/ 174 h 246"/>
                  <a:gd name="T10" fmla="*/ 240 w 288"/>
                  <a:gd name="T11" fmla="*/ 186 h 246"/>
                  <a:gd name="T12" fmla="*/ 252 w 288"/>
                  <a:gd name="T13" fmla="*/ 192 h 246"/>
                  <a:gd name="T14" fmla="*/ 258 w 288"/>
                  <a:gd name="T15" fmla="*/ 180 h 246"/>
                  <a:gd name="T16" fmla="*/ 276 w 288"/>
                  <a:gd name="T17" fmla="*/ 174 h 246"/>
                  <a:gd name="T18" fmla="*/ 276 w 288"/>
                  <a:gd name="T19" fmla="*/ 186 h 246"/>
                  <a:gd name="T20" fmla="*/ 252 w 288"/>
                  <a:gd name="T21" fmla="*/ 210 h 246"/>
                  <a:gd name="T22" fmla="*/ 258 w 288"/>
                  <a:gd name="T23" fmla="*/ 222 h 246"/>
                  <a:gd name="T24" fmla="*/ 288 w 288"/>
                  <a:gd name="T25" fmla="*/ 234 h 246"/>
                  <a:gd name="T26" fmla="*/ 282 w 288"/>
                  <a:gd name="T27" fmla="*/ 246 h 246"/>
                  <a:gd name="T28" fmla="*/ 276 w 288"/>
                  <a:gd name="T29" fmla="*/ 240 h 246"/>
                  <a:gd name="T30" fmla="*/ 270 w 288"/>
                  <a:gd name="T31" fmla="*/ 246 h 246"/>
                  <a:gd name="T32" fmla="*/ 264 w 288"/>
                  <a:gd name="T33" fmla="*/ 228 h 246"/>
                  <a:gd name="T34" fmla="*/ 228 w 288"/>
                  <a:gd name="T35" fmla="*/ 216 h 246"/>
                  <a:gd name="T36" fmla="*/ 234 w 288"/>
                  <a:gd name="T37" fmla="*/ 234 h 246"/>
                  <a:gd name="T38" fmla="*/ 222 w 288"/>
                  <a:gd name="T39" fmla="*/ 240 h 246"/>
                  <a:gd name="T40" fmla="*/ 216 w 288"/>
                  <a:gd name="T41" fmla="*/ 228 h 246"/>
                  <a:gd name="T42" fmla="*/ 210 w 288"/>
                  <a:gd name="T43" fmla="*/ 234 h 246"/>
                  <a:gd name="T44" fmla="*/ 204 w 288"/>
                  <a:gd name="T45" fmla="*/ 228 h 246"/>
                  <a:gd name="T46" fmla="*/ 198 w 288"/>
                  <a:gd name="T47" fmla="*/ 240 h 246"/>
                  <a:gd name="T48" fmla="*/ 186 w 288"/>
                  <a:gd name="T49" fmla="*/ 246 h 246"/>
                  <a:gd name="T50" fmla="*/ 174 w 288"/>
                  <a:gd name="T51" fmla="*/ 240 h 246"/>
                  <a:gd name="T52" fmla="*/ 162 w 288"/>
                  <a:gd name="T53" fmla="*/ 222 h 246"/>
                  <a:gd name="T54" fmla="*/ 144 w 288"/>
                  <a:gd name="T55" fmla="*/ 216 h 246"/>
                  <a:gd name="T56" fmla="*/ 144 w 288"/>
                  <a:gd name="T57" fmla="*/ 204 h 246"/>
                  <a:gd name="T58" fmla="*/ 126 w 288"/>
                  <a:gd name="T59" fmla="*/ 204 h 246"/>
                  <a:gd name="T60" fmla="*/ 126 w 288"/>
                  <a:gd name="T61" fmla="*/ 198 h 246"/>
                  <a:gd name="T62" fmla="*/ 108 w 288"/>
                  <a:gd name="T63" fmla="*/ 204 h 246"/>
                  <a:gd name="T64" fmla="*/ 120 w 288"/>
                  <a:gd name="T65" fmla="*/ 216 h 246"/>
                  <a:gd name="T66" fmla="*/ 102 w 288"/>
                  <a:gd name="T67" fmla="*/ 222 h 246"/>
                  <a:gd name="T68" fmla="*/ 54 w 288"/>
                  <a:gd name="T69" fmla="*/ 204 h 246"/>
                  <a:gd name="T70" fmla="*/ 18 w 288"/>
                  <a:gd name="T71" fmla="*/ 210 h 246"/>
                  <a:gd name="T72" fmla="*/ 12 w 288"/>
                  <a:gd name="T73" fmla="*/ 204 h 246"/>
                  <a:gd name="T74" fmla="*/ 24 w 288"/>
                  <a:gd name="T75" fmla="*/ 192 h 246"/>
                  <a:gd name="T76" fmla="*/ 24 w 288"/>
                  <a:gd name="T77" fmla="*/ 156 h 246"/>
                  <a:gd name="T78" fmla="*/ 36 w 288"/>
                  <a:gd name="T79" fmla="*/ 126 h 246"/>
                  <a:gd name="T80" fmla="*/ 6 w 288"/>
                  <a:gd name="T81" fmla="*/ 66 h 246"/>
                  <a:gd name="T82" fmla="*/ 0 w 288"/>
                  <a:gd name="T83" fmla="*/ 0 h 246"/>
                  <a:gd name="T84" fmla="*/ 162 w 288"/>
                  <a:gd name="T85" fmla="*/ 0 h 246"/>
                  <a:gd name="T86" fmla="*/ 162 w 288"/>
                  <a:gd name="T87" fmla="*/ 24 h 246"/>
                  <a:gd name="T88" fmla="*/ 168 w 288"/>
                  <a:gd name="T89" fmla="*/ 18 h 246"/>
                  <a:gd name="T90" fmla="*/ 162 w 288"/>
                  <a:gd name="T91" fmla="*/ 30 h 246"/>
                  <a:gd name="T92" fmla="*/ 174 w 288"/>
                  <a:gd name="T93" fmla="*/ 36 h 246"/>
                  <a:gd name="T94" fmla="*/ 162 w 288"/>
                  <a:gd name="T95" fmla="*/ 48 h 246"/>
                  <a:gd name="T96" fmla="*/ 168 w 288"/>
                  <a:gd name="T97" fmla="*/ 48 h 246"/>
                  <a:gd name="T98" fmla="*/ 144 w 288"/>
                  <a:gd name="T99" fmla="*/ 84 h 246"/>
                  <a:gd name="T100" fmla="*/ 138 w 288"/>
                  <a:gd name="T101" fmla="*/ 126 h 246"/>
                  <a:gd name="T102" fmla="*/ 240 w 288"/>
                  <a:gd name="T103" fmla="*/ 120 h 246"/>
                  <a:gd name="T104" fmla="*/ 240 w 288"/>
                  <a:gd name="T105" fmla="*/ 144 h 246"/>
                  <a:gd name="T106" fmla="*/ 252 w 288"/>
                  <a:gd name="T107" fmla="*/ 168 h 246"/>
                  <a:gd name="T108" fmla="*/ 258 w 288"/>
                  <a:gd name="T109" fmla="*/ 174 h 246"/>
                  <a:gd name="T110" fmla="*/ 258 w 288"/>
                  <a:gd name="T111" fmla="*/ 180 h 24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w 288"/>
                  <a:gd name="T169" fmla="*/ 0 h 246"/>
                  <a:gd name="T170" fmla="*/ 288 w 288"/>
                  <a:gd name="T171" fmla="*/ 246 h 246"/>
                </a:gdLst>
                <a:ahLst/>
                <a:cxnLst>
                  <a:cxn ang="T112">
                    <a:pos x="T0" y="T1"/>
                  </a:cxn>
                  <a:cxn ang="T113">
                    <a:pos x="T2" y="T3"/>
                  </a:cxn>
                  <a:cxn ang="T114">
                    <a:pos x="T4" y="T5"/>
                  </a:cxn>
                  <a:cxn ang="T115">
                    <a:pos x="T6" y="T7"/>
                  </a:cxn>
                  <a:cxn ang="T116">
                    <a:pos x="T8" y="T9"/>
                  </a:cxn>
                  <a:cxn ang="T117">
                    <a:pos x="T10" y="T11"/>
                  </a:cxn>
                  <a:cxn ang="T118">
                    <a:pos x="T12" y="T13"/>
                  </a:cxn>
                  <a:cxn ang="T119">
                    <a:pos x="T14" y="T15"/>
                  </a:cxn>
                  <a:cxn ang="T120">
                    <a:pos x="T16" y="T17"/>
                  </a:cxn>
                  <a:cxn ang="T121">
                    <a:pos x="T18" y="T19"/>
                  </a:cxn>
                  <a:cxn ang="T122">
                    <a:pos x="T20" y="T21"/>
                  </a:cxn>
                  <a:cxn ang="T123">
                    <a:pos x="T22" y="T23"/>
                  </a:cxn>
                  <a:cxn ang="T124">
                    <a:pos x="T24" y="T25"/>
                  </a:cxn>
                  <a:cxn ang="T125">
                    <a:pos x="T26" y="T27"/>
                  </a:cxn>
                  <a:cxn ang="T126">
                    <a:pos x="T28" y="T29"/>
                  </a:cxn>
                  <a:cxn ang="T127">
                    <a:pos x="T30" y="T31"/>
                  </a:cxn>
                  <a:cxn ang="T128">
                    <a:pos x="T32" y="T33"/>
                  </a:cxn>
                  <a:cxn ang="T129">
                    <a:pos x="T34" y="T35"/>
                  </a:cxn>
                  <a:cxn ang="T130">
                    <a:pos x="T36" y="T37"/>
                  </a:cxn>
                  <a:cxn ang="T131">
                    <a:pos x="T38" y="T39"/>
                  </a:cxn>
                  <a:cxn ang="T132">
                    <a:pos x="T40" y="T41"/>
                  </a:cxn>
                  <a:cxn ang="T133">
                    <a:pos x="T42" y="T43"/>
                  </a:cxn>
                  <a:cxn ang="T134">
                    <a:pos x="T44" y="T45"/>
                  </a:cxn>
                  <a:cxn ang="T135">
                    <a:pos x="T46" y="T47"/>
                  </a:cxn>
                  <a:cxn ang="T136">
                    <a:pos x="T48" y="T49"/>
                  </a:cxn>
                  <a:cxn ang="T137">
                    <a:pos x="T50" y="T51"/>
                  </a:cxn>
                  <a:cxn ang="T138">
                    <a:pos x="T52" y="T53"/>
                  </a:cxn>
                  <a:cxn ang="T139">
                    <a:pos x="T54" y="T55"/>
                  </a:cxn>
                  <a:cxn ang="T140">
                    <a:pos x="T56" y="T57"/>
                  </a:cxn>
                  <a:cxn ang="T141">
                    <a:pos x="T58" y="T59"/>
                  </a:cxn>
                  <a:cxn ang="T142">
                    <a:pos x="T60" y="T61"/>
                  </a:cxn>
                  <a:cxn ang="T143">
                    <a:pos x="T62" y="T63"/>
                  </a:cxn>
                  <a:cxn ang="T144">
                    <a:pos x="T64" y="T65"/>
                  </a:cxn>
                  <a:cxn ang="T145">
                    <a:pos x="T66" y="T67"/>
                  </a:cxn>
                  <a:cxn ang="T146">
                    <a:pos x="T68" y="T69"/>
                  </a:cxn>
                  <a:cxn ang="T147">
                    <a:pos x="T70" y="T71"/>
                  </a:cxn>
                  <a:cxn ang="T148">
                    <a:pos x="T72" y="T73"/>
                  </a:cxn>
                  <a:cxn ang="T149">
                    <a:pos x="T74" y="T75"/>
                  </a:cxn>
                  <a:cxn ang="T150">
                    <a:pos x="T76" y="T77"/>
                  </a:cxn>
                  <a:cxn ang="T151">
                    <a:pos x="T78" y="T79"/>
                  </a:cxn>
                  <a:cxn ang="T152">
                    <a:pos x="T80" y="T81"/>
                  </a:cxn>
                  <a:cxn ang="T153">
                    <a:pos x="T82" y="T83"/>
                  </a:cxn>
                  <a:cxn ang="T154">
                    <a:pos x="T84" y="T85"/>
                  </a:cxn>
                  <a:cxn ang="T155">
                    <a:pos x="T86" y="T87"/>
                  </a:cxn>
                  <a:cxn ang="T156">
                    <a:pos x="T88" y="T89"/>
                  </a:cxn>
                  <a:cxn ang="T157">
                    <a:pos x="T90" y="T91"/>
                  </a:cxn>
                  <a:cxn ang="T158">
                    <a:pos x="T92" y="T93"/>
                  </a:cxn>
                  <a:cxn ang="T159">
                    <a:pos x="T94" y="T95"/>
                  </a:cxn>
                  <a:cxn ang="T160">
                    <a:pos x="T96" y="T97"/>
                  </a:cxn>
                  <a:cxn ang="T161">
                    <a:pos x="T98" y="T99"/>
                  </a:cxn>
                  <a:cxn ang="T162">
                    <a:pos x="T100" y="T101"/>
                  </a:cxn>
                  <a:cxn ang="T163">
                    <a:pos x="T102" y="T103"/>
                  </a:cxn>
                  <a:cxn ang="T164">
                    <a:pos x="T104" y="T105"/>
                  </a:cxn>
                  <a:cxn ang="T165">
                    <a:pos x="T106" y="T107"/>
                  </a:cxn>
                  <a:cxn ang="T166">
                    <a:pos x="T108" y="T109"/>
                  </a:cxn>
                  <a:cxn ang="T167">
                    <a:pos x="T110" y="T111"/>
                  </a:cxn>
                </a:cxnLst>
                <a:rect l="T168" t="T169" r="T170" b="T171"/>
                <a:pathLst>
                  <a:path w="288" h="246">
                    <a:moveTo>
                      <a:pt x="258" y="174"/>
                    </a:moveTo>
                    <a:lnTo>
                      <a:pt x="216" y="162"/>
                    </a:lnTo>
                    <a:lnTo>
                      <a:pt x="204" y="174"/>
                    </a:lnTo>
                    <a:lnTo>
                      <a:pt x="228" y="180"/>
                    </a:lnTo>
                    <a:lnTo>
                      <a:pt x="246" y="174"/>
                    </a:lnTo>
                    <a:lnTo>
                      <a:pt x="240" y="186"/>
                    </a:lnTo>
                    <a:lnTo>
                      <a:pt x="252" y="192"/>
                    </a:lnTo>
                    <a:lnTo>
                      <a:pt x="258" y="180"/>
                    </a:lnTo>
                    <a:lnTo>
                      <a:pt x="276" y="174"/>
                    </a:lnTo>
                    <a:lnTo>
                      <a:pt x="276" y="186"/>
                    </a:lnTo>
                    <a:lnTo>
                      <a:pt x="252" y="210"/>
                    </a:lnTo>
                    <a:lnTo>
                      <a:pt x="258" y="222"/>
                    </a:lnTo>
                    <a:lnTo>
                      <a:pt x="288" y="234"/>
                    </a:lnTo>
                    <a:lnTo>
                      <a:pt x="282" y="246"/>
                    </a:lnTo>
                    <a:lnTo>
                      <a:pt x="276" y="240"/>
                    </a:lnTo>
                    <a:lnTo>
                      <a:pt x="270" y="246"/>
                    </a:lnTo>
                    <a:lnTo>
                      <a:pt x="264" y="228"/>
                    </a:lnTo>
                    <a:lnTo>
                      <a:pt x="228" y="216"/>
                    </a:lnTo>
                    <a:lnTo>
                      <a:pt x="234" y="234"/>
                    </a:lnTo>
                    <a:lnTo>
                      <a:pt x="222" y="240"/>
                    </a:lnTo>
                    <a:lnTo>
                      <a:pt x="216" y="228"/>
                    </a:lnTo>
                    <a:lnTo>
                      <a:pt x="210" y="234"/>
                    </a:lnTo>
                    <a:lnTo>
                      <a:pt x="204" y="228"/>
                    </a:lnTo>
                    <a:lnTo>
                      <a:pt x="198" y="240"/>
                    </a:lnTo>
                    <a:lnTo>
                      <a:pt x="186" y="246"/>
                    </a:lnTo>
                    <a:lnTo>
                      <a:pt x="174" y="240"/>
                    </a:lnTo>
                    <a:lnTo>
                      <a:pt x="162" y="222"/>
                    </a:lnTo>
                    <a:lnTo>
                      <a:pt x="144" y="216"/>
                    </a:lnTo>
                    <a:lnTo>
                      <a:pt x="144" y="204"/>
                    </a:lnTo>
                    <a:lnTo>
                      <a:pt x="126" y="204"/>
                    </a:lnTo>
                    <a:lnTo>
                      <a:pt x="126" y="198"/>
                    </a:lnTo>
                    <a:lnTo>
                      <a:pt x="108" y="204"/>
                    </a:lnTo>
                    <a:lnTo>
                      <a:pt x="120" y="216"/>
                    </a:lnTo>
                    <a:lnTo>
                      <a:pt x="102" y="222"/>
                    </a:lnTo>
                    <a:lnTo>
                      <a:pt x="54" y="204"/>
                    </a:lnTo>
                    <a:lnTo>
                      <a:pt x="18" y="210"/>
                    </a:lnTo>
                    <a:lnTo>
                      <a:pt x="12" y="204"/>
                    </a:lnTo>
                    <a:lnTo>
                      <a:pt x="24" y="192"/>
                    </a:lnTo>
                    <a:lnTo>
                      <a:pt x="24" y="156"/>
                    </a:lnTo>
                    <a:lnTo>
                      <a:pt x="36" y="126"/>
                    </a:lnTo>
                    <a:lnTo>
                      <a:pt x="6" y="66"/>
                    </a:lnTo>
                    <a:lnTo>
                      <a:pt x="0" y="0"/>
                    </a:lnTo>
                    <a:lnTo>
                      <a:pt x="162" y="0"/>
                    </a:lnTo>
                    <a:lnTo>
                      <a:pt x="162" y="24"/>
                    </a:lnTo>
                    <a:lnTo>
                      <a:pt x="168" y="18"/>
                    </a:lnTo>
                    <a:lnTo>
                      <a:pt x="162" y="30"/>
                    </a:lnTo>
                    <a:lnTo>
                      <a:pt x="174" y="36"/>
                    </a:lnTo>
                    <a:lnTo>
                      <a:pt x="162" y="48"/>
                    </a:lnTo>
                    <a:lnTo>
                      <a:pt x="168" y="48"/>
                    </a:lnTo>
                    <a:lnTo>
                      <a:pt x="144" y="84"/>
                    </a:lnTo>
                    <a:lnTo>
                      <a:pt x="138" y="126"/>
                    </a:lnTo>
                    <a:lnTo>
                      <a:pt x="240" y="120"/>
                    </a:lnTo>
                    <a:lnTo>
                      <a:pt x="240" y="144"/>
                    </a:lnTo>
                    <a:lnTo>
                      <a:pt x="252" y="168"/>
                    </a:lnTo>
                    <a:lnTo>
                      <a:pt x="258" y="174"/>
                    </a:lnTo>
                    <a:lnTo>
                      <a:pt x="258" y="18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31" name="Freeform 308"/>
              <p:cNvSpPr>
                <a:spLocks noChangeAspect="1"/>
              </p:cNvSpPr>
              <p:nvPr/>
            </p:nvSpPr>
            <p:spPr bwMode="auto">
              <a:xfrm>
                <a:off x="2556" y="1548"/>
                <a:ext cx="186" cy="294"/>
              </a:xfrm>
              <a:custGeom>
                <a:avLst/>
                <a:gdLst>
                  <a:gd name="T0" fmla="*/ 54 w 186"/>
                  <a:gd name="T1" fmla="*/ 294 h 294"/>
                  <a:gd name="T2" fmla="*/ 48 w 186"/>
                  <a:gd name="T3" fmla="*/ 294 h 294"/>
                  <a:gd name="T4" fmla="*/ 36 w 186"/>
                  <a:gd name="T5" fmla="*/ 276 h 294"/>
                  <a:gd name="T6" fmla="*/ 0 w 186"/>
                  <a:gd name="T7" fmla="*/ 162 h 294"/>
                  <a:gd name="T8" fmla="*/ 12 w 186"/>
                  <a:gd name="T9" fmla="*/ 162 h 294"/>
                  <a:gd name="T10" fmla="*/ 12 w 186"/>
                  <a:gd name="T11" fmla="*/ 150 h 294"/>
                  <a:gd name="T12" fmla="*/ 18 w 186"/>
                  <a:gd name="T13" fmla="*/ 150 h 294"/>
                  <a:gd name="T14" fmla="*/ 12 w 186"/>
                  <a:gd name="T15" fmla="*/ 144 h 294"/>
                  <a:gd name="T16" fmla="*/ 24 w 186"/>
                  <a:gd name="T17" fmla="*/ 114 h 294"/>
                  <a:gd name="T18" fmla="*/ 24 w 186"/>
                  <a:gd name="T19" fmla="*/ 60 h 294"/>
                  <a:gd name="T20" fmla="*/ 42 w 186"/>
                  <a:gd name="T21" fmla="*/ 6 h 294"/>
                  <a:gd name="T22" fmla="*/ 48 w 186"/>
                  <a:gd name="T23" fmla="*/ 6 h 294"/>
                  <a:gd name="T24" fmla="*/ 60 w 186"/>
                  <a:gd name="T25" fmla="*/ 18 h 294"/>
                  <a:gd name="T26" fmla="*/ 90 w 186"/>
                  <a:gd name="T27" fmla="*/ 0 h 294"/>
                  <a:gd name="T28" fmla="*/ 114 w 186"/>
                  <a:gd name="T29" fmla="*/ 18 h 294"/>
                  <a:gd name="T30" fmla="*/ 138 w 186"/>
                  <a:gd name="T31" fmla="*/ 96 h 294"/>
                  <a:gd name="T32" fmla="*/ 150 w 186"/>
                  <a:gd name="T33" fmla="*/ 96 h 294"/>
                  <a:gd name="T34" fmla="*/ 156 w 186"/>
                  <a:gd name="T35" fmla="*/ 120 h 294"/>
                  <a:gd name="T36" fmla="*/ 174 w 186"/>
                  <a:gd name="T37" fmla="*/ 120 h 294"/>
                  <a:gd name="T38" fmla="*/ 180 w 186"/>
                  <a:gd name="T39" fmla="*/ 138 h 294"/>
                  <a:gd name="T40" fmla="*/ 186 w 186"/>
                  <a:gd name="T41" fmla="*/ 138 h 294"/>
                  <a:gd name="T42" fmla="*/ 180 w 186"/>
                  <a:gd name="T43" fmla="*/ 156 h 294"/>
                  <a:gd name="T44" fmla="*/ 156 w 186"/>
                  <a:gd name="T45" fmla="*/ 168 h 294"/>
                  <a:gd name="T46" fmla="*/ 150 w 186"/>
                  <a:gd name="T47" fmla="*/ 186 h 294"/>
                  <a:gd name="T48" fmla="*/ 138 w 186"/>
                  <a:gd name="T49" fmla="*/ 174 h 294"/>
                  <a:gd name="T50" fmla="*/ 132 w 186"/>
                  <a:gd name="T51" fmla="*/ 186 h 294"/>
                  <a:gd name="T52" fmla="*/ 126 w 186"/>
                  <a:gd name="T53" fmla="*/ 180 h 294"/>
                  <a:gd name="T54" fmla="*/ 126 w 186"/>
                  <a:gd name="T55" fmla="*/ 192 h 294"/>
                  <a:gd name="T56" fmla="*/ 114 w 186"/>
                  <a:gd name="T57" fmla="*/ 192 h 294"/>
                  <a:gd name="T58" fmla="*/ 120 w 186"/>
                  <a:gd name="T59" fmla="*/ 186 h 294"/>
                  <a:gd name="T60" fmla="*/ 114 w 186"/>
                  <a:gd name="T61" fmla="*/ 180 h 294"/>
                  <a:gd name="T62" fmla="*/ 102 w 186"/>
                  <a:gd name="T63" fmla="*/ 222 h 294"/>
                  <a:gd name="T64" fmla="*/ 96 w 186"/>
                  <a:gd name="T65" fmla="*/ 216 h 294"/>
                  <a:gd name="T66" fmla="*/ 96 w 186"/>
                  <a:gd name="T67" fmla="*/ 234 h 294"/>
                  <a:gd name="T68" fmla="*/ 78 w 186"/>
                  <a:gd name="T69" fmla="*/ 234 h 294"/>
                  <a:gd name="T70" fmla="*/ 84 w 186"/>
                  <a:gd name="T71" fmla="*/ 246 h 294"/>
                  <a:gd name="T72" fmla="*/ 78 w 186"/>
                  <a:gd name="T73" fmla="*/ 234 h 294"/>
                  <a:gd name="T74" fmla="*/ 66 w 186"/>
                  <a:gd name="T75" fmla="*/ 240 h 294"/>
                  <a:gd name="T76" fmla="*/ 54 w 186"/>
                  <a:gd name="T77" fmla="*/ 294 h 294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w 186"/>
                  <a:gd name="T118" fmla="*/ 0 h 294"/>
                  <a:gd name="T119" fmla="*/ 186 w 186"/>
                  <a:gd name="T120" fmla="*/ 294 h 294"/>
                </a:gdLst>
                <a:ahLst/>
                <a:cxnLst>
                  <a:cxn ang="T78">
                    <a:pos x="T0" y="T1"/>
                  </a:cxn>
                  <a:cxn ang="T79">
                    <a:pos x="T2" y="T3"/>
                  </a:cxn>
                  <a:cxn ang="T80">
                    <a:pos x="T4" y="T5"/>
                  </a:cxn>
                  <a:cxn ang="T81">
                    <a:pos x="T6" y="T7"/>
                  </a:cxn>
                  <a:cxn ang="T82">
                    <a:pos x="T8" y="T9"/>
                  </a:cxn>
                  <a:cxn ang="T83">
                    <a:pos x="T10" y="T11"/>
                  </a:cxn>
                  <a:cxn ang="T84">
                    <a:pos x="T12" y="T13"/>
                  </a:cxn>
                  <a:cxn ang="T85">
                    <a:pos x="T14" y="T15"/>
                  </a:cxn>
                  <a:cxn ang="T86">
                    <a:pos x="T16" y="T17"/>
                  </a:cxn>
                  <a:cxn ang="T87">
                    <a:pos x="T18" y="T19"/>
                  </a:cxn>
                  <a:cxn ang="T88">
                    <a:pos x="T20" y="T21"/>
                  </a:cxn>
                  <a:cxn ang="T89">
                    <a:pos x="T22" y="T23"/>
                  </a:cxn>
                  <a:cxn ang="T90">
                    <a:pos x="T24" y="T25"/>
                  </a:cxn>
                  <a:cxn ang="T91">
                    <a:pos x="T26" y="T27"/>
                  </a:cxn>
                  <a:cxn ang="T92">
                    <a:pos x="T28" y="T29"/>
                  </a:cxn>
                  <a:cxn ang="T93">
                    <a:pos x="T30" y="T31"/>
                  </a:cxn>
                  <a:cxn ang="T94">
                    <a:pos x="T32" y="T33"/>
                  </a:cxn>
                  <a:cxn ang="T95">
                    <a:pos x="T34" y="T35"/>
                  </a:cxn>
                  <a:cxn ang="T96">
                    <a:pos x="T36" y="T37"/>
                  </a:cxn>
                  <a:cxn ang="T97">
                    <a:pos x="T38" y="T39"/>
                  </a:cxn>
                  <a:cxn ang="T98">
                    <a:pos x="T40" y="T41"/>
                  </a:cxn>
                  <a:cxn ang="T99">
                    <a:pos x="T42" y="T43"/>
                  </a:cxn>
                  <a:cxn ang="T100">
                    <a:pos x="T44" y="T45"/>
                  </a:cxn>
                  <a:cxn ang="T101">
                    <a:pos x="T46" y="T47"/>
                  </a:cxn>
                  <a:cxn ang="T102">
                    <a:pos x="T48" y="T49"/>
                  </a:cxn>
                  <a:cxn ang="T103">
                    <a:pos x="T50" y="T51"/>
                  </a:cxn>
                  <a:cxn ang="T104">
                    <a:pos x="T52" y="T53"/>
                  </a:cxn>
                  <a:cxn ang="T105">
                    <a:pos x="T54" y="T55"/>
                  </a:cxn>
                  <a:cxn ang="T106">
                    <a:pos x="T56" y="T57"/>
                  </a:cxn>
                  <a:cxn ang="T107">
                    <a:pos x="T58" y="T59"/>
                  </a:cxn>
                  <a:cxn ang="T108">
                    <a:pos x="T60" y="T61"/>
                  </a:cxn>
                  <a:cxn ang="T109">
                    <a:pos x="T62" y="T63"/>
                  </a:cxn>
                  <a:cxn ang="T110">
                    <a:pos x="T64" y="T65"/>
                  </a:cxn>
                  <a:cxn ang="T111">
                    <a:pos x="T66" y="T67"/>
                  </a:cxn>
                  <a:cxn ang="T112">
                    <a:pos x="T68" y="T69"/>
                  </a:cxn>
                  <a:cxn ang="T113">
                    <a:pos x="T70" y="T71"/>
                  </a:cxn>
                  <a:cxn ang="T114">
                    <a:pos x="T72" y="T73"/>
                  </a:cxn>
                  <a:cxn ang="T115">
                    <a:pos x="T74" y="T75"/>
                  </a:cxn>
                  <a:cxn ang="T116">
                    <a:pos x="T76" y="T77"/>
                  </a:cxn>
                </a:cxnLst>
                <a:rect l="T117" t="T118" r="T119" b="T120"/>
                <a:pathLst>
                  <a:path w="186" h="294">
                    <a:moveTo>
                      <a:pt x="54" y="294"/>
                    </a:moveTo>
                    <a:lnTo>
                      <a:pt x="48" y="294"/>
                    </a:lnTo>
                    <a:lnTo>
                      <a:pt x="36" y="276"/>
                    </a:lnTo>
                    <a:lnTo>
                      <a:pt x="0" y="162"/>
                    </a:lnTo>
                    <a:lnTo>
                      <a:pt x="12" y="162"/>
                    </a:lnTo>
                    <a:lnTo>
                      <a:pt x="12" y="150"/>
                    </a:lnTo>
                    <a:lnTo>
                      <a:pt x="18" y="150"/>
                    </a:lnTo>
                    <a:lnTo>
                      <a:pt x="12" y="144"/>
                    </a:lnTo>
                    <a:lnTo>
                      <a:pt x="24" y="114"/>
                    </a:lnTo>
                    <a:lnTo>
                      <a:pt x="24" y="60"/>
                    </a:lnTo>
                    <a:lnTo>
                      <a:pt x="42" y="6"/>
                    </a:lnTo>
                    <a:lnTo>
                      <a:pt x="48" y="6"/>
                    </a:lnTo>
                    <a:lnTo>
                      <a:pt x="60" y="18"/>
                    </a:lnTo>
                    <a:lnTo>
                      <a:pt x="90" y="0"/>
                    </a:lnTo>
                    <a:lnTo>
                      <a:pt x="114" y="18"/>
                    </a:lnTo>
                    <a:lnTo>
                      <a:pt x="138" y="96"/>
                    </a:lnTo>
                    <a:lnTo>
                      <a:pt x="150" y="96"/>
                    </a:lnTo>
                    <a:lnTo>
                      <a:pt x="156" y="120"/>
                    </a:lnTo>
                    <a:lnTo>
                      <a:pt x="174" y="120"/>
                    </a:lnTo>
                    <a:lnTo>
                      <a:pt x="180" y="138"/>
                    </a:lnTo>
                    <a:lnTo>
                      <a:pt x="186" y="138"/>
                    </a:lnTo>
                    <a:lnTo>
                      <a:pt x="180" y="156"/>
                    </a:lnTo>
                    <a:lnTo>
                      <a:pt x="156" y="168"/>
                    </a:lnTo>
                    <a:lnTo>
                      <a:pt x="150" y="186"/>
                    </a:lnTo>
                    <a:lnTo>
                      <a:pt x="138" y="174"/>
                    </a:lnTo>
                    <a:lnTo>
                      <a:pt x="132" y="186"/>
                    </a:lnTo>
                    <a:lnTo>
                      <a:pt x="126" y="180"/>
                    </a:lnTo>
                    <a:lnTo>
                      <a:pt x="126" y="192"/>
                    </a:lnTo>
                    <a:lnTo>
                      <a:pt x="114" y="192"/>
                    </a:lnTo>
                    <a:lnTo>
                      <a:pt x="120" y="186"/>
                    </a:lnTo>
                    <a:lnTo>
                      <a:pt x="114" y="180"/>
                    </a:lnTo>
                    <a:lnTo>
                      <a:pt x="102" y="222"/>
                    </a:lnTo>
                    <a:lnTo>
                      <a:pt x="96" y="216"/>
                    </a:lnTo>
                    <a:lnTo>
                      <a:pt x="96" y="234"/>
                    </a:lnTo>
                    <a:lnTo>
                      <a:pt x="78" y="234"/>
                    </a:lnTo>
                    <a:lnTo>
                      <a:pt x="84" y="246"/>
                    </a:lnTo>
                    <a:lnTo>
                      <a:pt x="78" y="234"/>
                    </a:lnTo>
                    <a:lnTo>
                      <a:pt x="66" y="240"/>
                    </a:lnTo>
                    <a:lnTo>
                      <a:pt x="54" y="29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32" name="Freeform 309"/>
              <p:cNvSpPr>
                <a:spLocks noChangeAspect="1"/>
              </p:cNvSpPr>
              <p:nvPr/>
            </p:nvSpPr>
            <p:spPr bwMode="auto">
              <a:xfrm>
                <a:off x="2556" y="1548"/>
                <a:ext cx="186" cy="300"/>
              </a:xfrm>
              <a:custGeom>
                <a:avLst/>
                <a:gdLst>
                  <a:gd name="T0" fmla="*/ 54 w 186"/>
                  <a:gd name="T1" fmla="*/ 294 h 300"/>
                  <a:gd name="T2" fmla="*/ 48 w 186"/>
                  <a:gd name="T3" fmla="*/ 294 h 300"/>
                  <a:gd name="T4" fmla="*/ 36 w 186"/>
                  <a:gd name="T5" fmla="*/ 276 h 300"/>
                  <a:gd name="T6" fmla="*/ 0 w 186"/>
                  <a:gd name="T7" fmla="*/ 162 h 300"/>
                  <a:gd name="T8" fmla="*/ 12 w 186"/>
                  <a:gd name="T9" fmla="*/ 162 h 300"/>
                  <a:gd name="T10" fmla="*/ 12 w 186"/>
                  <a:gd name="T11" fmla="*/ 150 h 300"/>
                  <a:gd name="T12" fmla="*/ 18 w 186"/>
                  <a:gd name="T13" fmla="*/ 150 h 300"/>
                  <a:gd name="T14" fmla="*/ 12 w 186"/>
                  <a:gd name="T15" fmla="*/ 144 h 300"/>
                  <a:gd name="T16" fmla="*/ 24 w 186"/>
                  <a:gd name="T17" fmla="*/ 114 h 300"/>
                  <a:gd name="T18" fmla="*/ 24 w 186"/>
                  <a:gd name="T19" fmla="*/ 60 h 300"/>
                  <a:gd name="T20" fmla="*/ 42 w 186"/>
                  <a:gd name="T21" fmla="*/ 6 h 300"/>
                  <a:gd name="T22" fmla="*/ 48 w 186"/>
                  <a:gd name="T23" fmla="*/ 6 h 300"/>
                  <a:gd name="T24" fmla="*/ 60 w 186"/>
                  <a:gd name="T25" fmla="*/ 18 h 300"/>
                  <a:gd name="T26" fmla="*/ 90 w 186"/>
                  <a:gd name="T27" fmla="*/ 0 h 300"/>
                  <a:gd name="T28" fmla="*/ 114 w 186"/>
                  <a:gd name="T29" fmla="*/ 18 h 300"/>
                  <a:gd name="T30" fmla="*/ 138 w 186"/>
                  <a:gd name="T31" fmla="*/ 96 h 300"/>
                  <a:gd name="T32" fmla="*/ 150 w 186"/>
                  <a:gd name="T33" fmla="*/ 96 h 300"/>
                  <a:gd name="T34" fmla="*/ 156 w 186"/>
                  <a:gd name="T35" fmla="*/ 120 h 300"/>
                  <a:gd name="T36" fmla="*/ 174 w 186"/>
                  <a:gd name="T37" fmla="*/ 120 h 300"/>
                  <a:gd name="T38" fmla="*/ 180 w 186"/>
                  <a:gd name="T39" fmla="*/ 138 h 300"/>
                  <a:gd name="T40" fmla="*/ 186 w 186"/>
                  <a:gd name="T41" fmla="*/ 138 h 300"/>
                  <a:gd name="T42" fmla="*/ 180 w 186"/>
                  <a:gd name="T43" fmla="*/ 156 h 300"/>
                  <a:gd name="T44" fmla="*/ 156 w 186"/>
                  <a:gd name="T45" fmla="*/ 168 h 300"/>
                  <a:gd name="T46" fmla="*/ 150 w 186"/>
                  <a:gd name="T47" fmla="*/ 186 h 300"/>
                  <a:gd name="T48" fmla="*/ 138 w 186"/>
                  <a:gd name="T49" fmla="*/ 174 h 300"/>
                  <a:gd name="T50" fmla="*/ 132 w 186"/>
                  <a:gd name="T51" fmla="*/ 186 h 300"/>
                  <a:gd name="T52" fmla="*/ 126 w 186"/>
                  <a:gd name="T53" fmla="*/ 180 h 300"/>
                  <a:gd name="T54" fmla="*/ 126 w 186"/>
                  <a:gd name="T55" fmla="*/ 192 h 300"/>
                  <a:gd name="T56" fmla="*/ 114 w 186"/>
                  <a:gd name="T57" fmla="*/ 192 h 300"/>
                  <a:gd name="T58" fmla="*/ 120 w 186"/>
                  <a:gd name="T59" fmla="*/ 186 h 300"/>
                  <a:gd name="T60" fmla="*/ 114 w 186"/>
                  <a:gd name="T61" fmla="*/ 180 h 300"/>
                  <a:gd name="T62" fmla="*/ 102 w 186"/>
                  <a:gd name="T63" fmla="*/ 222 h 300"/>
                  <a:gd name="T64" fmla="*/ 96 w 186"/>
                  <a:gd name="T65" fmla="*/ 216 h 300"/>
                  <a:gd name="T66" fmla="*/ 96 w 186"/>
                  <a:gd name="T67" fmla="*/ 234 h 300"/>
                  <a:gd name="T68" fmla="*/ 78 w 186"/>
                  <a:gd name="T69" fmla="*/ 234 h 300"/>
                  <a:gd name="T70" fmla="*/ 84 w 186"/>
                  <a:gd name="T71" fmla="*/ 246 h 300"/>
                  <a:gd name="T72" fmla="*/ 78 w 186"/>
                  <a:gd name="T73" fmla="*/ 234 h 300"/>
                  <a:gd name="T74" fmla="*/ 66 w 186"/>
                  <a:gd name="T75" fmla="*/ 240 h 300"/>
                  <a:gd name="T76" fmla="*/ 54 w 186"/>
                  <a:gd name="T77" fmla="*/ 294 h 300"/>
                  <a:gd name="T78" fmla="*/ 54 w 186"/>
                  <a:gd name="T79" fmla="*/ 300 h 300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w 186"/>
                  <a:gd name="T121" fmla="*/ 0 h 300"/>
                  <a:gd name="T122" fmla="*/ 186 w 186"/>
                  <a:gd name="T123" fmla="*/ 300 h 300"/>
                </a:gdLst>
                <a:ahLst/>
                <a:cxnLst>
                  <a:cxn ang="T80">
                    <a:pos x="T0" y="T1"/>
                  </a:cxn>
                  <a:cxn ang="T81">
                    <a:pos x="T2" y="T3"/>
                  </a:cxn>
                  <a:cxn ang="T82">
                    <a:pos x="T4" y="T5"/>
                  </a:cxn>
                  <a:cxn ang="T83">
                    <a:pos x="T6" y="T7"/>
                  </a:cxn>
                  <a:cxn ang="T84">
                    <a:pos x="T8" y="T9"/>
                  </a:cxn>
                  <a:cxn ang="T85">
                    <a:pos x="T10" y="T11"/>
                  </a:cxn>
                  <a:cxn ang="T86">
                    <a:pos x="T12" y="T13"/>
                  </a:cxn>
                  <a:cxn ang="T87">
                    <a:pos x="T14" y="T15"/>
                  </a:cxn>
                  <a:cxn ang="T88">
                    <a:pos x="T16" y="T17"/>
                  </a:cxn>
                  <a:cxn ang="T89">
                    <a:pos x="T18" y="T19"/>
                  </a:cxn>
                  <a:cxn ang="T90">
                    <a:pos x="T20" y="T21"/>
                  </a:cxn>
                  <a:cxn ang="T91">
                    <a:pos x="T22" y="T23"/>
                  </a:cxn>
                  <a:cxn ang="T92">
                    <a:pos x="T24" y="T25"/>
                  </a:cxn>
                  <a:cxn ang="T93">
                    <a:pos x="T26" y="T27"/>
                  </a:cxn>
                  <a:cxn ang="T94">
                    <a:pos x="T28" y="T29"/>
                  </a:cxn>
                  <a:cxn ang="T95">
                    <a:pos x="T30" y="T31"/>
                  </a:cxn>
                  <a:cxn ang="T96">
                    <a:pos x="T32" y="T33"/>
                  </a:cxn>
                  <a:cxn ang="T97">
                    <a:pos x="T34" y="T35"/>
                  </a:cxn>
                  <a:cxn ang="T98">
                    <a:pos x="T36" y="T37"/>
                  </a:cxn>
                  <a:cxn ang="T99">
                    <a:pos x="T38" y="T39"/>
                  </a:cxn>
                  <a:cxn ang="T100">
                    <a:pos x="T40" y="T41"/>
                  </a:cxn>
                  <a:cxn ang="T101">
                    <a:pos x="T42" y="T43"/>
                  </a:cxn>
                  <a:cxn ang="T102">
                    <a:pos x="T44" y="T45"/>
                  </a:cxn>
                  <a:cxn ang="T103">
                    <a:pos x="T46" y="T47"/>
                  </a:cxn>
                  <a:cxn ang="T104">
                    <a:pos x="T48" y="T49"/>
                  </a:cxn>
                  <a:cxn ang="T105">
                    <a:pos x="T50" y="T51"/>
                  </a:cxn>
                  <a:cxn ang="T106">
                    <a:pos x="T52" y="T53"/>
                  </a:cxn>
                  <a:cxn ang="T107">
                    <a:pos x="T54" y="T55"/>
                  </a:cxn>
                  <a:cxn ang="T108">
                    <a:pos x="T56" y="T57"/>
                  </a:cxn>
                  <a:cxn ang="T109">
                    <a:pos x="T58" y="T59"/>
                  </a:cxn>
                  <a:cxn ang="T110">
                    <a:pos x="T60" y="T61"/>
                  </a:cxn>
                  <a:cxn ang="T111">
                    <a:pos x="T62" y="T63"/>
                  </a:cxn>
                  <a:cxn ang="T112">
                    <a:pos x="T64" y="T65"/>
                  </a:cxn>
                  <a:cxn ang="T113">
                    <a:pos x="T66" y="T67"/>
                  </a:cxn>
                  <a:cxn ang="T114">
                    <a:pos x="T68" y="T69"/>
                  </a:cxn>
                  <a:cxn ang="T115">
                    <a:pos x="T70" y="T71"/>
                  </a:cxn>
                  <a:cxn ang="T116">
                    <a:pos x="T72" y="T73"/>
                  </a:cxn>
                  <a:cxn ang="T117">
                    <a:pos x="T74" y="T75"/>
                  </a:cxn>
                  <a:cxn ang="T118">
                    <a:pos x="T76" y="T77"/>
                  </a:cxn>
                  <a:cxn ang="T119">
                    <a:pos x="T78" y="T79"/>
                  </a:cxn>
                </a:cxnLst>
                <a:rect l="T120" t="T121" r="T122" b="T123"/>
                <a:pathLst>
                  <a:path w="186" h="300">
                    <a:moveTo>
                      <a:pt x="54" y="294"/>
                    </a:moveTo>
                    <a:lnTo>
                      <a:pt x="48" y="294"/>
                    </a:lnTo>
                    <a:lnTo>
                      <a:pt x="36" y="276"/>
                    </a:lnTo>
                    <a:lnTo>
                      <a:pt x="0" y="162"/>
                    </a:lnTo>
                    <a:lnTo>
                      <a:pt x="12" y="162"/>
                    </a:lnTo>
                    <a:lnTo>
                      <a:pt x="12" y="150"/>
                    </a:lnTo>
                    <a:lnTo>
                      <a:pt x="18" y="150"/>
                    </a:lnTo>
                    <a:lnTo>
                      <a:pt x="12" y="144"/>
                    </a:lnTo>
                    <a:lnTo>
                      <a:pt x="24" y="114"/>
                    </a:lnTo>
                    <a:lnTo>
                      <a:pt x="24" y="60"/>
                    </a:lnTo>
                    <a:lnTo>
                      <a:pt x="42" y="6"/>
                    </a:lnTo>
                    <a:lnTo>
                      <a:pt x="48" y="6"/>
                    </a:lnTo>
                    <a:lnTo>
                      <a:pt x="60" y="18"/>
                    </a:lnTo>
                    <a:lnTo>
                      <a:pt x="90" y="0"/>
                    </a:lnTo>
                    <a:lnTo>
                      <a:pt x="114" y="18"/>
                    </a:lnTo>
                    <a:lnTo>
                      <a:pt x="138" y="96"/>
                    </a:lnTo>
                    <a:lnTo>
                      <a:pt x="150" y="96"/>
                    </a:lnTo>
                    <a:lnTo>
                      <a:pt x="156" y="120"/>
                    </a:lnTo>
                    <a:lnTo>
                      <a:pt x="174" y="120"/>
                    </a:lnTo>
                    <a:lnTo>
                      <a:pt x="180" y="138"/>
                    </a:lnTo>
                    <a:lnTo>
                      <a:pt x="186" y="138"/>
                    </a:lnTo>
                    <a:lnTo>
                      <a:pt x="180" y="156"/>
                    </a:lnTo>
                    <a:lnTo>
                      <a:pt x="156" y="168"/>
                    </a:lnTo>
                    <a:lnTo>
                      <a:pt x="150" y="186"/>
                    </a:lnTo>
                    <a:lnTo>
                      <a:pt x="138" y="174"/>
                    </a:lnTo>
                    <a:lnTo>
                      <a:pt x="132" y="186"/>
                    </a:lnTo>
                    <a:lnTo>
                      <a:pt x="126" y="180"/>
                    </a:lnTo>
                    <a:lnTo>
                      <a:pt x="126" y="192"/>
                    </a:lnTo>
                    <a:lnTo>
                      <a:pt x="114" y="192"/>
                    </a:lnTo>
                    <a:lnTo>
                      <a:pt x="120" y="186"/>
                    </a:lnTo>
                    <a:lnTo>
                      <a:pt x="114" y="180"/>
                    </a:lnTo>
                    <a:lnTo>
                      <a:pt x="102" y="222"/>
                    </a:lnTo>
                    <a:lnTo>
                      <a:pt x="96" y="216"/>
                    </a:lnTo>
                    <a:lnTo>
                      <a:pt x="96" y="234"/>
                    </a:lnTo>
                    <a:lnTo>
                      <a:pt x="78" y="234"/>
                    </a:lnTo>
                    <a:lnTo>
                      <a:pt x="84" y="246"/>
                    </a:lnTo>
                    <a:lnTo>
                      <a:pt x="78" y="234"/>
                    </a:lnTo>
                    <a:lnTo>
                      <a:pt x="66" y="240"/>
                    </a:lnTo>
                    <a:lnTo>
                      <a:pt x="54" y="294"/>
                    </a:lnTo>
                    <a:lnTo>
                      <a:pt x="54" y="30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33" name="Freeform 310"/>
              <p:cNvSpPr>
                <a:spLocks noChangeAspect="1"/>
              </p:cNvSpPr>
              <p:nvPr/>
            </p:nvSpPr>
            <p:spPr bwMode="auto">
              <a:xfrm>
                <a:off x="2244" y="2106"/>
                <a:ext cx="234" cy="114"/>
              </a:xfrm>
              <a:custGeom>
                <a:avLst/>
                <a:gdLst>
                  <a:gd name="T0" fmla="*/ 180 w 234"/>
                  <a:gd name="T1" fmla="*/ 0 h 114"/>
                  <a:gd name="T2" fmla="*/ 204 w 234"/>
                  <a:gd name="T3" fmla="*/ 78 h 114"/>
                  <a:gd name="T4" fmla="*/ 234 w 234"/>
                  <a:gd name="T5" fmla="*/ 72 h 114"/>
                  <a:gd name="T6" fmla="*/ 228 w 234"/>
                  <a:gd name="T7" fmla="*/ 102 h 114"/>
                  <a:gd name="T8" fmla="*/ 228 w 234"/>
                  <a:gd name="T9" fmla="*/ 90 h 114"/>
                  <a:gd name="T10" fmla="*/ 222 w 234"/>
                  <a:gd name="T11" fmla="*/ 102 h 114"/>
                  <a:gd name="T12" fmla="*/ 210 w 234"/>
                  <a:gd name="T13" fmla="*/ 108 h 114"/>
                  <a:gd name="T14" fmla="*/ 198 w 234"/>
                  <a:gd name="T15" fmla="*/ 114 h 114"/>
                  <a:gd name="T16" fmla="*/ 192 w 234"/>
                  <a:gd name="T17" fmla="*/ 90 h 114"/>
                  <a:gd name="T18" fmla="*/ 186 w 234"/>
                  <a:gd name="T19" fmla="*/ 96 h 114"/>
                  <a:gd name="T20" fmla="*/ 174 w 234"/>
                  <a:gd name="T21" fmla="*/ 90 h 114"/>
                  <a:gd name="T22" fmla="*/ 174 w 234"/>
                  <a:gd name="T23" fmla="*/ 78 h 114"/>
                  <a:gd name="T24" fmla="*/ 180 w 234"/>
                  <a:gd name="T25" fmla="*/ 78 h 114"/>
                  <a:gd name="T26" fmla="*/ 174 w 234"/>
                  <a:gd name="T27" fmla="*/ 66 h 114"/>
                  <a:gd name="T28" fmla="*/ 174 w 234"/>
                  <a:gd name="T29" fmla="*/ 66 h 114"/>
                  <a:gd name="T30" fmla="*/ 174 w 234"/>
                  <a:gd name="T31" fmla="*/ 42 h 114"/>
                  <a:gd name="T32" fmla="*/ 162 w 234"/>
                  <a:gd name="T33" fmla="*/ 42 h 114"/>
                  <a:gd name="T34" fmla="*/ 180 w 234"/>
                  <a:gd name="T35" fmla="*/ 18 h 114"/>
                  <a:gd name="T36" fmla="*/ 174 w 234"/>
                  <a:gd name="T37" fmla="*/ 12 h 114"/>
                  <a:gd name="T38" fmla="*/ 156 w 234"/>
                  <a:gd name="T39" fmla="*/ 42 h 114"/>
                  <a:gd name="T40" fmla="*/ 144 w 234"/>
                  <a:gd name="T41" fmla="*/ 42 h 114"/>
                  <a:gd name="T42" fmla="*/ 156 w 234"/>
                  <a:gd name="T43" fmla="*/ 48 h 114"/>
                  <a:gd name="T44" fmla="*/ 156 w 234"/>
                  <a:gd name="T45" fmla="*/ 72 h 114"/>
                  <a:gd name="T46" fmla="*/ 168 w 234"/>
                  <a:gd name="T47" fmla="*/ 96 h 114"/>
                  <a:gd name="T48" fmla="*/ 156 w 234"/>
                  <a:gd name="T49" fmla="*/ 90 h 114"/>
                  <a:gd name="T50" fmla="*/ 168 w 234"/>
                  <a:gd name="T51" fmla="*/ 96 h 114"/>
                  <a:gd name="T52" fmla="*/ 174 w 234"/>
                  <a:gd name="T53" fmla="*/ 114 h 114"/>
                  <a:gd name="T54" fmla="*/ 132 w 234"/>
                  <a:gd name="T55" fmla="*/ 102 h 114"/>
                  <a:gd name="T56" fmla="*/ 126 w 234"/>
                  <a:gd name="T57" fmla="*/ 102 h 114"/>
                  <a:gd name="T58" fmla="*/ 120 w 234"/>
                  <a:gd name="T59" fmla="*/ 96 h 114"/>
                  <a:gd name="T60" fmla="*/ 132 w 234"/>
                  <a:gd name="T61" fmla="*/ 72 h 114"/>
                  <a:gd name="T62" fmla="*/ 138 w 234"/>
                  <a:gd name="T63" fmla="*/ 66 h 114"/>
                  <a:gd name="T64" fmla="*/ 126 w 234"/>
                  <a:gd name="T65" fmla="*/ 66 h 114"/>
                  <a:gd name="T66" fmla="*/ 90 w 234"/>
                  <a:gd name="T67" fmla="*/ 48 h 114"/>
                  <a:gd name="T68" fmla="*/ 84 w 234"/>
                  <a:gd name="T69" fmla="*/ 30 h 114"/>
                  <a:gd name="T70" fmla="*/ 66 w 234"/>
                  <a:gd name="T71" fmla="*/ 30 h 114"/>
                  <a:gd name="T72" fmla="*/ 54 w 234"/>
                  <a:gd name="T73" fmla="*/ 42 h 114"/>
                  <a:gd name="T74" fmla="*/ 36 w 234"/>
                  <a:gd name="T75" fmla="*/ 36 h 114"/>
                  <a:gd name="T76" fmla="*/ 6 w 234"/>
                  <a:gd name="T77" fmla="*/ 66 h 114"/>
                  <a:gd name="T78" fmla="*/ 0 w 234"/>
                  <a:gd name="T79" fmla="*/ 36 h 114"/>
                  <a:gd name="T80" fmla="*/ 162 w 234"/>
                  <a:gd name="T81" fmla="*/ 6 h 114"/>
                  <a:gd name="T82" fmla="*/ 180 w 234"/>
                  <a:gd name="T83" fmla="*/ 0 h 114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234"/>
                  <a:gd name="T127" fmla="*/ 0 h 114"/>
                  <a:gd name="T128" fmla="*/ 234 w 234"/>
                  <a:gd name="T129" fmla="*/ 114 h 114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234" h="114">
                    <a:moveTo>
                      <a:pt x="180" y="0"/>
                    </a:moveTo>
                    <a:lnTo>
                      <a:pt x="204" y="78"/>
                    </a:lnTo>
                    <a:lnTo>
                      <a:pt x="234" y="72"/>
                    </a:lnTo>
                    <a:lnTo>
                      <a:pt x="228" y="102"/>
                    </a:lnTo>
                    <a:lnTo>
                      <a:pt x="228" y="90"/>
                    </a:lnTo>
                    <a:lnTo>
                      <a:pt x="222" y="102"/>
                    </a:lnTo>
                    <a:lnTo>
                      <a:pt x="210" y="108"/>
                    </a:lnTo>
                    <a:lnTo>
                      <a:pt x="198" y="114"/>
                    </a:lnTo>
                    <a:lnTo>
                      <a:pt x="192" y="90"/>
                    </a:lnTo>
                    <a:lnTo>
                      <a:pt x="186" y="96"/>
                    </a:lnTo>
                    <a:lnTo>
                      <a:pt x="174" y="90"/>
                    </a:lnTo>
                    <a:lnTo>
                      <a:pt x="174" y="78"/>
                    </a:lnTo>
                    <a:lnTo>
                      <a:pt x="180" y="78"/>
                    </a:lnTo>
                    <a:lnTo>
                      <a:pt x="174" y="66"/>
                    </a:lnTo>
                    <a:lnTo>
                      <a:pt x="174" y="42"/>
                    </a:lnTo>
                    <a:lnTo>
                      <a:pt x="162" y="42"/>
                    </a:lnTo>
                    <a:lnTo>
                      <a:pt x="180" y="18"/>
                    </a:lnTo>
                    <a:lnTo>
                      <a:pt x="174" y="12"/>
                    </a:lnTo>
                    <a:lnTo>
                      <a:pt x="156" y="42"/>
                    </a:lnTo>
                    <a:lnTo>
                      <a:pt x="144" y="42"/>
                    </a:lnTo>
                    <a:lnTo>
                      <a:pt x="156" y="48"/>
                    </a:lnTo>
                    <a:lnTo>
                      <a:pt x="156" y="72"/>
                    </a:lnTo>
                    <a:lnTo>
                      <a:pt x="168" y="96"/>
                    </a:lnTo>
                    <a:lnTo>
                      <a:pt x="156" y="90"/>
                    </a:lnTo>
                    <a:lnTo>
                      <a:pt x="168" y="96"/>
                    </a:lnTo>
                    <a:lnTo>
                      <a:pt x="174" y="114"/>
                    </a:lnTo>
                    <a:lnTo>
                      <a:pt x="132" y="102"/>
                    </a:lnTo>
                    <a:lnTo>
                      <a:pt x="126" y="102"/>
                    </a:lnTo>
                    <a:lnTo>
                      <a:pt x="120" y="96"/>
                    </a:lnTo>
                    <a:lnTo>
                      <a:pt x="132" y="72"/>
                    </a:lnTo>
                    <a:lnTo>
                      <a:pt x="138" y="66"/>
                    </a:lnTo>
                    <a:lnTo>
                      <a:pt x="126" y="66"/>
                    </a:lnTo>
                    <a:lnTo>
                      <a:pt x="90" y="48"/>
                    </a:lnTo>
                    <a:lnTo>
                      <a:pt x="84" y="30"/>
                    </a:lnTo>
                    <a:lnTo>
                      <a:pt x="66" y="30"/>
                    </a:lnTo>
                    <a:lnTo>
                      <a:pt x="54" y="42"/>
                    </a:lnTo>
                    <a:lnTo>
                      <a:pt x="36" y="36"/>
                    </a:lnTo>
                    <a:lnTo>
                      <a:pt x="6" y="66"/>
                    </a:lnTo>
                    <a:lnTo>
                      <a:pt x="0" y="36"/>
                    </a:lnTo>
                    <a:lnTo>
                      <a:pt x="162" y="6"/>
                    </a:lnTo>
                    <a:lnTo>
                      <a:pt x="180" y="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34" name="Freeform 311"/>
              <p:cNvSpPr>
                <a:spLocks noChangeAspect="1"/>
              </p:cNvSpPr>
              <p:nvPr/>
            </p:nvSpPr>
            <p:spPr bwMode="auto">
              <a:xfrm>
                <a:off x="2244" y="2106"/>
                <a:ext cx="234" cy="114"/>
              </a:xfrm>
              <a:custGeom>
                <a:avLst/>
                <a:gdLst>
                  <a:gd name="T0" fmla="*/ 180 w 234"/>
                  <a:gd name="T1" fmla="*/ 0 h 114"/>
                  <a:gd name="T2" fmla="*/ 204 w 234"/>
                  <a:gd name="T3" fmla="*/ 78 h 114"/>
                  <a:gd name="T4" fmla="*/ 234 w 234"/>
                  <a:gd name="T5" fmla="*/ 72 h 114"/>
                  <a:gd name="T6" fmla="*/ 228 w 234"/>
                  <a:gd name="T7" fmla="*/ 102 h 114"/>
                  <a:gd name="T8" fmla="*/ 228 w 234"/>
                  <a:gd name="T9" fmla="*/ 90 h 114"/>
                  <a:gd name="T10" fmla="*/ 222 w 234"/>
                  <a:gd name="T11" fmla="*/ 102 h 114"/>
                  <a:gd name="T12" fmla="*/ 210 w 234"/>
                  <a:gd name="T13" fmla="*/ 108 h 114"/>
                  <a:gd name="T14" fmla="*/ 198 w 234"/>
                  <a:gd name="T15" fmla="*/ 114 h 114"/>
                  <a:gd name="T16" fmla="*/ 192 w 234"/>
                  <a:gd name="T17" fmla="*/ 90 h 114"/>
                  <a:gd name="T18" fmla="*/ 186 w 234"/>
                  <a:gd name="T19" fmla="*/ 96 h 114"/>
                  <a:gd name="T20" fmla="*/ 174 w 234"/>
                  <a:gd name="T21" fmla="*/ 90 h 114"/>
                  <a:gd name="T22" fmla="*/ 174 w 234"/>
                  <a:gd name="T23" fmla="*/ 78 h 114"/>
                  <a:gd name="T24" fmla="*/ 180 w 234"/>
                  <a:gd name="T25" fmla="*/ 78 h 114"/>
                  <a:gd name="T26" fmla="*/ 174 w 234"/>
                  <a:gd name="T27" fmla="*/ 66 h 114"/>
                  <a:gd name="T28" fmla="*/ 168 w 234"/>
                  <a:gd name="T29" fmla="*/ 66 h 114"/>
                  <a:gd name="T30" fmla="*/ 174 w 234"/>
                  <a:gd name="T31" fmla="*/ 66 h 114"/>
                  <a:gd name="T32" fmla="*/ 174 w 234"/>
                  <a:gd name="T33" fmla="*/ 42 h 114"/>
                  <a:gd name="T34" fmla="*/ 162 w 234"/>
                  <a:gd name="T35" fmla="*/ 42 h 114"/>
                  <a:gd name="T36" fmla="*/ 180 w 234"/>
                  <a:gd name="T37" fmla="*/ 18 h 114"/>
                  <a:gd name="T38" fmla="*/ 174 w 234"/>
                  <a:gd name="T39" fmla="*/ 12 h 114"/>
                  <a:gd name="T40" fmla="*/ 156 w 234"/>
                  <a:gd name="T41" fmla="*/ 42 h 114"/>
                  <a:gd name="T42" fmla="*/ 144 w 234"/>
                  <a:gd name="T43" fmla="*/ 42 h 114"/>
                  <a:gd name="T44" fmla="*/ 156 w 234"/>
                  <a:gd name="T45" fmla="*/ 48 h 114"/>
                  <a:gd name="T46" fmla="*/ 156 w 234"/>
                  <a:gd name="T47" fmla="*/ 72 h 114"/>
                  <a:gd name="T48" fmla="*/ 168 w 234"/>
                  <a:gd name="T49" fmla="*/ 96 h 114"/>
                  <a:gd name="T50" fmla="*/ 156 w 234"/>
                  <a:gd name="T51" fmla="*/ 90 h 114"/>
                  <a:gd name="T52" fmla="*/ 168 w 234"/>
                  <a:gd name="T53" fmla="*/ 96 h 114"/>
                  <a:gd name="T54" fmla="*/ 174 w 234"/>
                  <a:gd name="T55" fmla="*/ 114 h 114"/>
                  <a:gd name="T56" fmla="*/ 132 w 234"/>
                  <a:gd name="T57" fmla="*/ 102 h 114"/>
                  <a:gd name="T58" fmla="*/ 126 w 234"/>
                  <a:gd name="T59" fmla="*/ 102 h 114"/>
                  <a:gd name="T60" fmla="*/ 120 w 234"/>
                  <a:gd name="T61" fmla="*/ 96 h 114"/>
                  <a:gd name="T62" fmla="*/ 132 w 234"/>
                  <a:gd name="T63" fmla="*/ 72 h 114"/>
                  <a:gd name="T64" fmla="*/ 138 w 234"/>
                  <a:gd name="T65" fmla="*/ 66 h 114"/>
                  <a:gd name="T66" fmla="*/ 126 w 234"/>
                  <a:gd name="T67" fmla="*/ 66 h 114"/>
                  <a:gd name="T68" fmla="*/ 90 w 234"/>
                  <a:gd name="T69" fmla="*/ 48 h 114"/>
                  <a:gd name="T70" fmla="*/ 84 w 234"/>
                  <a:gd name="T71" fmla="*/ 30 h 114"/>
                  <a:gd name="T72" fmla="*/ 66 w 234"/>
                  <a:gd name="T73" fmla="*/ 30 h 114"/>
                  <a:gd name="T74" fmla="*/ 54 w 234"/>
                  <a:gd name="T75" fmla="*/ 42 h 114"/>
                  <a:gd name="T76" fmla="*/ 36 w 234"/>
                  <a:gd name="T77" fmla="*/ 36 h 114"/>
                  <a:gd name="T78" fmla="*/ 6 w 234"/>
                  <a:gd name="T79" fmla="*/ 66 h 114"/>
                  <a:gd name="T80" fmla="*/ 0 w 234"/>
                  <a:gd name="T81" fmla="*/ 36 h 114"/>
                  <a:gd name="T82" fmla="*/ 162 w 234"/>
                  <a:gd name="T83" fmla="*/ 6 h 114"/>
                  <a:gd name="T84" fmla="*/ 180 w 234"/>
                  <a:gd name="T85" fmla="*/ 0 h 114"/>
                  <a:gd name="T86" fmla="*/ 180 w 234"/>
                  <a:gd name="T87" fmla="*/ 6 h 114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w 234"/>
                  <a:gd name="T133" fmla="*/ 0 h 114"/>
                  <a:gd name="T134" fmla="*/ 234 w 234"/>
                  <a:gd name="T135" fmla="*/ 114 h 114"/>
                </a:gdLst>
                <a:ahLst/>
                <a:cxnLst>
                  <a:cxn ang="T88">
                    <a:pos x="T0" y="T1"/>
                  </a:cxn>
                  <a:cxn ang="T89">
                    <a:pos x="T2" y="T3"/>
                  </a:cxn>
                  <a:cxn ang="T90">
                    <a:pos x="T4" y="T5"/>
                  </a:cxn>
                  <a:cxn ang="T91">
                    <a:pos x="T6" y="T7"/>
                  </a:cxn>
                  <a:cxn ang="T92">
                    <a:pos x="T8" y="T9"/>
                  </a:cxn>
                  <a:cxn ang="T93">
                    <a:pos x="T10" y="T11"/>
                  </a:cxn>
                  <a:cxn ang="T94">
                    <a:pos x="T12" y="T13"/>
                  </a:cxn>
                  <a:cxn ang="T95">
                    <a:pos x="T14" y="T15"/>
                  </a:cxn>
                  <a:cxn ang="T96">
                    <a:pos x="T16" y="T17"/>
                  </a:cxn>
                  <a:cxn ang="T97">
                    <a:pos x="T18" y="T19"/>
                  </a:cxn>
                  <a:cxn ang="T98">
                    <a:pos x="T20" y="T21"/>
                  </a:cxn>
                  <a:cxn ang="T99">
                    <a:pos x="T22" y="T23"/>
                  </a:cxn>
                  <a:cxn ang="T100">
                    <a:pos x="T24" y="T25"/>
                  </a:cxn>
                  <a:cxn ang="T101">
                    <a:pos x="T26" y="T27"/>
                  </a:cxn>
                  <a:cxn ang="T102">
                    <a:pos x="T28" y="T29"/>
                  </a:cxn>
                  <a:cxn ang="T103">
                    <a:pos x="T30" y="T31"/>
                  </a:cxn>
                  <a:cxn ang="T104">
                    <a:pos x="T32" y="T33"/>
                  </a:cxn>
                  <a:cxn ang="T105">
                    <a:pos x="T34" y="T35"/>
                  </a:cxn>
                  <a:cxn ang="T106">
                    <a:pos x="T36" y="T37"/>
                  </a:cxn>
                  <a:cxn ang="T107">
                    <a:pos x="T38" y="T39"/>
                  </a:cxn>
                  <a:cxn ang="T108">
                    <a:pos x="T40" y="T41"/>
                  </a:cxn>
                  <a:cxn ang="T109">
                    <a:pos x="T42" y="T43"/>
                  </a:cxn>
                  <a:cxn ang="T110">
                    <a:pos x="T44" y="T45"/>
                  </a:cxn>
                  <a:cxn ang="T111">
                    <a:pos x="T46" y="T47"/>
                  </a:cxn>
                  <a:cxn ang="T112">
                    <a:pos x="T48" y="T49"/>
                  </a:cxn>
                  <a:cxn ang="T113">
                    <a:pos x="T50" y="T51"/>
                  </a:cxn>
                  <a:cxn ang="T114">
                    <a:pos x="T52" y="T53"/>
                  </a:cxn>
                  <a:cxn ang="T115">
                    <a:pos x="T54" y="T55"/>
                  </a:cxn>
                  <a:cxn ang="T116">
                    <a:pos x="T56" y="T57"/>
                  </a:cxn>
                  <a:cxn ang="T117">
                    <a:pos x="T58" y="T59"/>
                  </a:cxn>
                  <a:cxn ang="T118">
                    <a:pos x="T60" y="T61"/>
                  </a:cxn>
                  <a:cxn ang="T119">
                    <a:pos x="T62" y="T63"/>
                  </a:cxn>
                  <a:cxn ang="T120">
                    <a:pos x="T64" y="T65"/>
                  </a:cxn>
                  <a:cxn ang="T121">
                    <a:pos x="T66" y="T67"/>
                  </a:cxn>
                  <a:cxn ang="T122">
                    <a:pos x="T68" y="T69"/>
                  </a:cxn>
                  <a:cxn ang="T123">
                    <a:pos x="T70" y="T71"/>
                  </a:cxn>
                  <a:cxn ang="T124">
                    <a:pos x="T72" y="T73"/>
                  </a:cxn>
                  <a:cxn ang="T125">
                    <a:pos x="T74" y="T75"/>
                  </a:cxn>
                  <a:cxn ang="T126">
                    <a:pos x="T76" y="T77"/>
                  </a:cxn>
                  <a:cxn ang="T127">
                    <a:pos x="T78" y="T79"/>
                  </a:cxn>
                  <a:cxn ang="T128">
                    <a:pos x="T80" y="T81"/>
                  </a:cxn>
                  <a:cxn ang="T129">
                    <a:pos x="T82" y="T83"/>
                  </a:cxn>
                  <a:cxn ang="T130">
                    <a:pos x="T84" y="T85"/>
                  </a:cxn>
                  <a:cxn ang="T131">
                    <a:pos x="T86" y="T87"/>
                  </a:cxn>
                </a:cxnLst>
                <a:rect l="T132" t="T133" r="T134" b="T135"/>
                <a:pathLst>
                  <a:path w="234" h="114">
                    <a:moveTo>
                      <a:pt x="180" y="0"/>
                    </a:moveTo>
                    <a:lnTo>
                      <a:pt x="204" y="78"/>
                    </a:lnTo>
                    <a:lnTo>
                      <a:pt x="234" y="72"/>
                    </a:lnTo>
                    <a:lnTo>
                      <a:pt x="228" y="102"/>
                    </a:lnTo>
                    <a:lnTo>
                      <a:pt x="228" y="90"/>
                    </a:lnTo>
                    <a:lnTo>
                      <a:pt x="222" y="102"/>
                    </a:lnTo>
                    <a:lnTo>
                      <a:pt x="210" y="108"/>
                    </a:lnTo>
                    <a:lnTo>
                      <a:pt x="198" y="114"/>
                    </a:lnTo>
                    <a:lnTo>
                      <a:pt x="192" y="90"/>
                    </a:lnTo>
                    <a:lnTo>
                      <a:pt x="186" y="96"/>
                    </a:lnTo>
                    <a:lnTo>
                      <a:pt x="174" y="90"/>
                    </a:lnTo>
                    <a:lnTo>
                      <a:pt x="174" y="78"/>
                    </a:lnTo>
                    <a:lnTo>
                      <a:pt x="180" y="78"/>
                    </a:lnTo>
                    <a:lnTo>
                      <a:pt x="174" y="66"/>
                    </a:lnTo>
                    <a:lnTo>
                      <a:pt x="168" y="66"/>
                    </a:lnTo>
                    <a:lnTo>
                      <a:pt x="174" y="66"/>
                    </a:lnTo>
                    <a:lnTo>
                      <a:pt x="174" y="42"/>
                    </a:lnTo>
                    <a:lnTo>
                      <a:pt x="162" y="42"/>
                    </a:lnTo>
                    <a:lnTo>
                      <a:pt x="180" y="18"/>
                    </a:lnTo>
                    <a:lnTo>
                      <a:pt x="174" y="12"/>
                    </a:lnTo>
                    <a:lnTo>
                      <a:pt x="156" y="42"/>
                    </a:lnTo>
                    <a:lnTo>
                      <a:pt x="144" y="42"/>
                    </a:lnTo>
                    <a:lnTo>
                      <a:pt x="156" y="48"/>
                    </a:lnTo>
                    <a:lnTo>
                      <a:pt x="156" y="72"/>
                    </a:lnTo>
                    <a:lnTo>
                      <a:pt x="168" y="96"/>
                    </a:lnTo>
                    <a:lnTo>
                      <a:pt x="156" y="90"/>
                    </a:lnTo>
                    <a:lnTo>
                      <a:pt x="168" y="96"/>
                    </a:lnTo>
                    <a:lnTo>
                      <a:pt x="174" y="114"/>
                    </a:lnTo>
                    <a:lnTo>
                      <a:pt x="132" y="102"/>
                    </a:lnTo>
                    <a:lnTo>
                      <a:pt x="126" y="102"/>
                    </a:lnTo>
                    <a:lnTo>
                      <a:pt x="120" y="96"/>
                    </a:lnTo>
                    <a:lnTo>
                      <a:pt x="132" y="72"/>
                    </a:lnTo>
                    <a:lnTo>
                      <a:pt x="138" y="66"/>
                    </a:lnTo>
                    <a:lnTo>
                      <a:pt x="126" y="66"/>
                    </a:lnTo>
                    <a:lnTo>
                      <a:pt x="90" y="48"/>
                    </a:lnTo>
                    <a:lnTo>
                      <a:pt x="84" y="30"/>
                    </a:lnTo>
                    <a:lnTo>
                      <a:pt x="66" y="30"/>
                    </a:lnTo>
                    <a:lnTo>
                      <a:pt x="54" y="42"/>
                    </a:lnTo>
                    <a:lnTo>
                      <a:pt x="36" y="36"/>
                    </a:lnTo>
                    <a:lnTo>
                      <a:pt x="6" y="66"/>
                    </a:lnTo>
                    <a:lnTo>
                      <a:pt x="0" y="36"/>
                    </a:lnTo>
                    <a:lnTo>
                      <a:pt x="162" y="6"/>
                    </a:lnTo>
                    <a:lnTo>
                      <a:pt x="180" y="0"/>
                    </a:lnTo>
                    <a:lnTo>
                      <a:pt x="18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35" name="Freeform 312"/>
              <p:cNvSpPr>
                <a:spLocks noChangeAspect="1"/>
              </p:cNvSpPr>
              <p:nvPr/>
            </p:nvSpPr>
            <p:spPr bwMode="auto">
              <a:xfrm>
                <a:off x="2496" y="1854"/>
                <a:ext cx="174" cy="90"/>
              </a:xfrm>
              <a:custGeom>
                <a:avLst/>
                <a:gdLst>
                  <a:gd name="T0" fmla="*/ 36 w 174"/>
                  <a:gd name="T1" fmla="*/ 30 h 90"/>
                  <a:gd name="T2" fmla="*/ 90 w 174"/>
                  <a:gd name="T3" fmla="*/ 18 h 90"/>
                  <a:gd name="T4" fmla="*/ 108 w 174"/>
                  <a:gd name="T5" fmla="*/ 0 h 90"/>
                  <a:gd name="T6" fmla="*/ 120 w 174"/>
                  <a:gd name="T7" fmla="*/ 18 h 90"/>
                  <a:gd name="T8" fmla="*/ 114 w 174"/>
                  <a:gd name="T9" fmla="*/ 42 h 90"/>
                  <a:gd name="T10" fmla="*/ 126 w 174"/>
                  <a:gd name="T11" fmla="*/ 42 h 90"/>
                  <a:gd name="T12" fmla="*/ 150 w 174"/>
                  <a:gd name="T13" fmla="*/ 66 h 90"/>
                  <a:gd name="T14" fmla="*/ 168 w 174"/>
                  <a:gd name="T15" fmla="*/ 60 h 90"/>
                  <a:gd name="T16" fmla="*/ 150 w 174"/>
                  <a:gd name="T17" fmla="*/ 48 h 90"/>
                  <a:gd name="T18" fmla="*/ 162 w 174"/>
                  <a:gd name="T19" fmla="*/ 42 h 90"/>
                  <a:gd name="T20" fmla="*/ 174 w 174"/>
                  <a:gd name="T21" fmla="*/ 66 h 90"/>
                  <a:gd name="T22" fmla="*/ 138 w 174"/>
                  <a:gd name="T23" fmla="*/ 84 h 90"/>
                  <a:gd name="T24" fmla="*/ 138 w 174"/>
                  <a:gd name="T25" fmla="*/ 72 h 90"/>
                  <a:gd name="T26" fmla="*/ 120 w 174"/>
                  <a:gd name="T27" fmla="*/ 90 h 90"/>
                  <a:gd name="T28" fmla="*/ 120 w 174"/>
                  <a:gd name="T29" fmla="*/ 84 h 90"/>
                  <a:gd name="T30" fmla="*/ 102 w 174"/>
                  <a:gd name="T31" fmla="*/ 60 h 90"/>
                  <a:gd name="T32" fmla="*/ 84 w 174"/>
                  <a:gd name="T33" fmla="*/ 66 h 90"/>
                  <a:gd name="T34" fmla="*/ 78 w 174"/>
                  <a:gd name="T35" fmla="*/ 66 h 90"/>
                  <a:gd name="T36" fmla="*/ 0 w 174"/>
                  <a:gd name="T37" fmla="*/ 84 h 90"/>
                  <a:gd name="T38" fmla="*/ 0 w 174"/>
                  <a:gd name="T39" fmla="*/ 36 h 90"/>
                  <a:gd name="T40" fmla="*/ 18 w 174"/>
                  <a:gd name="T41" fmla="*/ 36 h 90"/>
                  <a:gd name="T42" fmla="*/ 36 w 174"/>
                  <a:gd name="T43" fmla="*/ 30 h 90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174"/>
                  <a:gd name="T67" fmla="*/ 0 h 90"/>
                  <a:gd name="T68" fmla="*/ 174 w 174"/>
                  <a:gd name="T69" fmla="*/ 90 h 90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174" h="90">
                    <a:moveTo>
                      <a:pt x="36" y="30"/>
                    </a:moveTo>
                    <a:lnTo>
                      <a:pt x="90" y="18"/>
                    </a:lnTo>
                    <a:lnTo>
                      <a:pt x="108" y="0"/>
                    </a:lnTo>
                    <a:lnTo>
                      <a:pt x="120" y="18"/>
                    </a:lnTo>
                    <a:lnTo>
                      <a:pt x="114" y="42"/>
                    </a:lnTo>
                    <a:lnTo>
                      <a:pt x="126" y="42"/>
                    </a:lnTo>
                    <a:lnTo>
                      <a:pt x="150" y="66"/>
                    </a:lnTo>
                    <a:lnTo>
                      <a:pt x="168" y="60"/>
                    </a:lnTo>
                    <a:lnTo>
                      <a:pt x="150" y="48"/>
                    </a:lnTo>
                    <a:lnTo>
                      <a:pt x="162" y="42"/>
                    </a:lnTo>
                    <a:lnTo>
                      <a:pt x="174" y="66"/>
                    </a:lnTo>
                    <a:lnTo>
                      <a:pt x="138" y="84"/>
                    </a:lnTo>
                    <a:lnTo>
                      <a:pt x="138" y="72"/>
                    </a:lnTo>
                    <a:lnTo>
                      <a:pt x="120" y="90"/>
                    </a:lnTo>
                    <a:lnTo>
                      <a:pt x="120" y="84"/>
                    </a:lnTo>
                    <a:lnTo>
                      <a:pt x="102" y="60"/>
                    </a:lnTo>
                    <a:lnTo>
                      <a:pt x="84" y="66"/>
                    </a:lnTo>
                    <a:lnTo>
                      <a:pt x="78" y="66"/>
                    </a:lnTo>
                    <a:lnTo>
                      <a:pt x="0" y="84"/>
                    </a:lnTo>
                    <a:lnTo>
                      <a:pt x="0" y="36"/>
                    </a:lnTo>
                    <a:lnTo>
                      <a:pt x="18" y="36"/>
                    </a:lnTo>
                    <a:lnTo>
                      <a:pt x="36" y="3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36" name="Freeform 313"/>
              <p:cNvSpPr>
                <a:spLocks noChangeAspect="1"/>
              </p:cNvSpPr>
              <p:nvPr/>
            </p:nvSpPr>
            <p:spPr bwMode="auto">
              <a:xfrm>
                <a:off x="2496" y="1854"/>
                <a:ext cx="174" cy="90"/>
              </a:xfrm>
              <a:custGeom>
                <a:avLst/>
                <a:gdLst>
                  <a:gd name="T0" fmla="*/ 36 w 174"/>
                  <a:gd name="T1" fmla="*/ 30 h 90"/>
                  <a:gd name="T2" fmla="*/ 90 w 174"/>
                  <a:gd name="T3" fmla="*/ 18 h 90"/>
                  <a:gd name="T4" fmla="*/ 108 w 174"/>
                  <a:gd name="T5" fmla="*/ 0 h 90"/>
                  <a:gd name="T6" fmla="*/ 120 w 174"/>
                  <a:gd name="T7" fmla="*/ 18 h 90"/>
                  <a:gd name="T8" fmla="*/ 114 w 174"/>
                  <a:gd name="T9" fmla="*/ 42 h 90"/>
                  <a:gd name="T10" fmla="*/ 126 w 174"/>
                  <a:gd name="T11" fmla="*/ 42 h 90"/>
                  <a:gd name="T12" fmla="*/ 150 w 174"/>
                  <a:gd name="T13" fmla="*/ 66 h 90"/>
                  <a:gd name="T14" fmla="*/ 168 w 174"/>
                  <a:gd name="T15" fmla="*/ 60 h 90"/>
                  <a:gd name="T16" fmla="*/ 150 w 174"/>
                  <a:gd name="T17" fmla="*/ 48 h 90"/>
                  <a:gd name="T18" fmla="*/ 162 w 174"/>
                  <a:gd name="T19" fmla="*/ 42 h 90"/>
                  <a:gd name="T20" fmla="*/ 174 w 174"/>
                  <a:gd name="T21" fmla="*/ 66 h 90"/>
                  <a:gd name="T22" fmla="*/ 138 w 174"/>
                  <a:gd name="T23" fmla="*/ 84 h 90"/>
                  <a:gd name="T24" fmla="*/ 138 w 174"/>
                  <a:gd name="T25" fmla="*/ 72 h 90"/>
                  <a:gd name="T26" fmla="*/ 120 w 174"/>
                  <a:gd name="T27" fmla="*/ 90 h 90"/>
                  <a:gd name="T28" fmla="*/ 120 w 174"/>
                  <a:gd name="T29" fmla="*/ 84 h 90"/>
                  <a:gd name="T30" fmla="*/ 102 w 174"/>
                  <a:gd name="T31" fmla="*/ 60 h 90"/>
                  <a:gd name="T32" fmla="*/ 84 w 174"/>
                  <a:gd name="T33" fmla="*/ 66 h 90"/>
                  <a:gd name="T34" fmla="*/ 78 w 174"/>
                  <a:gd name="T35" fmla="*/ 66 h 90"/>
                  <a:gd name="T36" fmla="*/ 0 w 174"/>
                  <a:gd name="T37" fmla="*/ 84 h 90"/>
                  <a:gd name="T38" fmla="*/ 0 w 174"/>
                  <a:gd name="T39" fmla="*/ 36 h 90"/>
                  <a:gd name="T40" fmla="*/ 18 w 174"/>
                  <a:gd name="T41" fmla="*/ 36 h 90"/>
                  <a:gd name="T42" fmla="*/ 36 w 174"/>
                  <a:gd name="T43" fmla="*/ 30 h 90"/>
                  <a:gd name="T44" fmla="*/ 36 w 174"/>
                  <a:gd name="T45" fmla="*/ 36 h 90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174"/>
                  <a:gd name="T70" fmla="*/ 0 h 90"/>
                  <a:gd name="T71" fmla="*/ 174 w 174"/>
                  <a:gd name="T72" fmla="*/ 90 h 90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174" h="90">
                    <a:moveTo>
                      <a:pt x="36" y="30"/>
                    </a:moveTo>
                    <a:lnTo>
                      <a:pt x="90" y="18"/>
                    </a:lnTo>
                    <a:lnTo>
                      <a:pt x="108" y="0"/>
                    </a:lnTo>
                    <a:lnTo>
                      <a:pt x="120" y="18"/>
                    </a:lnTo>
                    <a:lnTo>
                      <a:pt x="114" y="42"/>
                    </a:lnTo>
                    <a:lnTo>
                      <a:pt x="126" y="42"/>
                    </a:lnTo>
                    <a:lnTo>
                      <a:pt x="150" y="66"/>
                    </a:lnTo>
                    <a:lnTo>
                      <a:pt x="168" y="60"/>
                    </a:lnTo>
                    <a:lnTo>
                      <a:pt x="150" y="48"/>
                    </a:lnTo>
                    <a:lnTo>
                      <a:pt x="162" y="42"/>
                    </a:lnTo>
                    <a:lnTo>
                      <a:pt x="174" y="66"/>
                    </a:lnTo>
                    <a:lnTo>
                      <a:pt x="138" y="84"/>
                    </a:lnTo>
                    <a:lnTo>
                      <a:pt x="138" y="72"/>
                    </a:lnTo>
                    <a:lnTo>
                      <a:pt x="120" y="90"/>
                    </a:lnTo>
                    <a:lnTo>
                      <a:pt x="120" y="84"/>
                    </a:lnTo>
                    <a:lnTo>
                      <a:pt x="102" y="60"/>
                    </a:lnTo>
                    <a:lnTo>
                      <a:pt x="84" y="66"/>
                    </a:lnTo>
                    <a:lnTo>
                      <a:pt x="78" y="66"/>
                    </a:lnTo>
                    <a:lnTo>
                      <a:pt x="0" y="84"/>
                    </a:lnTo>
                    <a:lnTo>
                      <a:pt x="0" y="36"/>
                    </a:lnTo>
                    <a:lnTo>
                      <a:pt x="18" y="36"/>
                    </a:lnTo>
                    <a:lnTo>
                      <a:pt x="36" y="30"/>
                    </a:lnTo>
                    <a:lnTo>
                      <a:pt x="36" y="3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37" name="Freeform 314"/>
              <p:cNvSpPr>
                <a:spLocks noChangeAspect="1"/>
              </p:cNvSpPr>
              <p:nvPr/>
            </p:nvSpPr>
            <p:spPr bwMode="auto">
              <a:xfrm>
                <a:off x="1878" y="1794"/>
                <a:ext cx="198" cy="264"/>
              </a:xfrm>
              <a:custGeom>
                <a:avLst/>
                <a:gdLst>
                  <a:gd name="T0" fmla="*/ 96 w 198"/>
                  <a:gd name="T1" fmla="*/ 258 h 264"/>
                  <a:gd name="T2" fmla="*/ 0 w 198"/>
                  <a:gd name="T3" fmla="*/ 264 h 264"/>
                  <a:gd name="T4" fmla="*/ 24 w 198"/>
                  <a:gd name="T5" fmla="*/ 204 h 264"/>
                  <a:gd name="T6" fmla="*/ 0 w 198"/>
                  <a:gd name="T7" fmla="*/ 144 h 264"/>
                  <a:gd name="T8" fmla="*/ 6 w 198"/>
                  <a:gd name="T9" fmla="*/ 78 h 264"/>
                  <a:gd name="T10" fmla="*/ 36 w 198"/>
                  <a:gd name="T11" fmla="*/ 42 h 264"/>
                  <a:gd name="T12" fmla="*/ 36 w 198"/>
                  <a:gd name="T13" fmla="*/ 66 h 264"/>
                  <a:gd name="T14" fmla="*/ 42 w 198"/>
                  <a:gd name="T15" fmla="*/ 54 h 264"/>
                  <a:gd name="T16" fmla="*/ 42 w 198"/>
                  <a:gd name="T17" fmla="*/ 36 h 264"/>
                  <a:gd name="T18" fmla="*/ 60 w 198"/>
                  <a:gd name="T19" fmla="*/ 24 h 264"/>
                  <a:gd name="T20" fmla="*/ 54 w 198"/>
                  <a:gd name="T21" fmla="*/ 12 h 264"/>
                  <a:gd name="T22" fmla="*/ 66 w 198"/>
                  <a:gd name="T23" fmla="*/ 0 h 264"/>
                  <a:gd name="T24" fmla="*/ 126 w 198"/>
                  <a:gd name="T25" fmla="*/ 18 h 264"/>
                  <a:gd name="T26" fmla="*/ 138 w 198"/>
                  <a:gd name="T27" fmla="*/ 36 h 264"/>
                  <a:gd name="T28" fmla="*/ 132 w 198"/>
                  <a:gd name="T29" fmla="*/ 42 h 264"/>
                  <a:gd name="T30" fmla="*/ 144 w 198"/>
                  <a:gd name="T31" fmla="*/ 60 h 264"/>
                  <a:gd name="T32" fmla="*/ 144 w 198"/>
                  <a:gd name="T33" fmla="*/ 84 h 264"/>
                  <a:gd name="T34" fmla="*/ 120 w 198"/>
                  <a:gd name="T35" fmla="*/ 108 h 264"/>
                  <a:gd name="T36" fmla="*/ 120 w 198"/>
                  <a:gd name="T37" fmla="*/ 126 h 264"/>
                  <a:gd name="T38" fmla="*/ 132 w 198"/>
                  <a:gd name="T39" fmla="*/ 132 h 264"/>
                  <a:gd name="T40" fmla="*/ 162 w 198"/>
                  <a:gd name="T41" fmla="*/ 96 h 264"/>
                  <a:gd name="T42" fmla="*/ 180 w 198"/>
                  <a:gd name="T43" fmla="*/ 114 h 264"/>
                  <a:gd name="T44" fmla="*/ 198 w 198"/>
                  <a:gd name="T45" fmla="*/ 162 h 264"/>
                  <a:gd name="T46" fmla="*/ 192 w 198"/>
                  <a:gd name="T47" fmla="*/ 186 h 264"/>
                  <a:gd name="T48" fmla="*/ 192 w 198"/>
                  <a:gd name="T49" fmla="*/ 192 h 264"/>
                  <a:gd name="T50" fmla="*/ 186 w 198"/>
                  <a:gd name="T51" fmla="*/ 186 h 264"/>
                  <a:gd name="T52" fmla="*/ 180 w 198"/>
                  <a:gd name="T53" fmla="*/ 186 h 264"/>
                  <a:gd name="T54" fmla="*/ 156 w 198"/>
                  <a:gd name="T55" fmla="*/ 246 h 264"/>
                  <a:gd name="T56" fmla="*/ 114 w 198"/>
                  <a:gd name="T57" fmla="*/ 258 h 264"/>
                  <a:gd name="T58" fmla="*/ 96 w 198"/>
                  <a:gd name="T59" fmla="*/ 258 h 264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w 198"/>
                  <a:gd name="T91" fmla="*/ 0 h 264"/>
                  <a:gd name="T92" fmla="*/ 198 w 198"/>
                  <a:gd name="T93" fmla="*/ 264 h 264"/>
                </a:gdLst>
                <a:ahLst/>
                <a:cxnLst>
                  <a:cxn ang="T60">
                    <a:pos x="T0" y="T1"/>
                  </a:cxn>
                  <a:cxn ang="T61">
                    <a:pos x="T2" y="T3"/>
                  </a:cxn>
                  <a:cxn ang="T62">
                    <a:pos x="T4" y="T5"/>
                  </a:cxn>
                  <a:cxn ang="T63">
                    <a:pos x="T6" y="T7"/>
                  </a:cxn>
                  <a:cxn ang="T64">
                    <a:pos x="T8" y="T9"/>
                  </a:cxn>
                  <a:cxn ang="T65">
                    <a:pos x="T10" y="T11"/>
                  </a:cxn>
                  <a:cxn ang="T66">
                    <a:pos x="T12" y="T13"/>
                  </a:cxn>
                  <a:cxn ang="T67">
                    <a:pos x="T14" y="T15"/>
                  </a:cxn>
                  <a:cxn ang="T68">
                    <a:pos x="T16" y="T17"/>
                  </a:cxn>
                  <a:cxn ang="T69">
                    <a:pos x="T18" y="T19"/>
                  </a:cxn>
                  <a:cxn ang="T70">
                    <a:pos x="T20" y="T21"/>
                  </a:cxn>
                  <a:cxn ang="T71">
                    <a:pos x="T22" y="T23"/>
                  </a:cxn>
                  <a:cxn ang="T72">
                    <a:pos x="T24" y="T25"/>
                  </a:cxn>
                  <a:cxn ang="T73">
                    <a:pos x="T26" y="T27"/>
                  </a:cxn>
                  <a:cxn ang="T74">
                    <a:pos x="T28" y="T29"/>
                  </a:cxn>
                  <a:cxn ang="T75">
                    <a:pos x="T30" y="T31"/>
                  </a:cxn>
                  <a:cxn ang="T76">
                    <a:pos x="T32" y="T33"/>
                  </a:cxn>
                  <a:cxn ang="T77">
                    <a:pos x="T34" y="T35"/>
                  </a:cxn>
                  <a:cxn ang="T78">
                    <a:pos x="T36" y="T37"/>
                  </a:cxn>
                  <a:cxn ang="T79">
                    <a:pos x="T38" y="T39"/>
                  </a:cxn>
                  <a:cxn ang="T80">
                    <a:pos x="T40" y="T41"/>
                  </a:cxn>
                  <a:cxn ang="T81">
                    <a:pos x="T42" y="T43"/>
                  </a:cxn>
                  <a:cxn ang="T82">
                    <a:pos x="T44" y="T45"/>
                  </a:cxn>
                  <a:cxn ang="T83">
                    <a:pos x="T46" y="T47"/>
                  </a:cxn>
                  <a:cxn ang="T84">
                    <a:pos x="T48" y="T49"/>
                  </a:cxn>
                  <a:cxn ang="T85">
                    <a:pos x="T50" y="T51"/>
                  </a:cxn>
                  <a:cxn ang="T86">
                    <a:pos x="T52" y="T53"/>
                  </a:cxn>
                  <a:cxn ang="T87">
                    <a:pos x="T54" y="T55"/>
                  </a:cxn>
                  <a:cxn ang="T88">
                    <a:pos x="T56" y="T57"/>
                  </a:cxn>
                  <a:cxn ang="T89">
                    <a:pos x="T58" y="T59"/>
                  </a:cxn>
                </a:cxnLst>
                <a:rect l="T90" t="T91" r="T92" b="T93"/>
                <a:pathLst>
                  <a:path w="198" h="264">
                    <a:moveTo>
                      <a:pt x="96" y="258"/>
                    </a:moveTo>
                    <a:lnTo>
                      <a:pt x="0" y="264"/>
                    </a:lnTo>
                    <a:lnTo>
                      <a:pt x="24" y="204"/>
                    </a:lnTo>
                    <a:lnTo>
                      <a:pt x="0" y="144"/>
                    </a:lnTo>
                    <a:lnTo>
                      <a:pt x="6" y="78"/>
                    </a:lnTo>
                    <a:lnTo>
                      <a:pt x="36" y="42"/>
                    </a:lnTo>
                    <a:lnTo>
                      <a:pt x="36" y="66"/>
                    </a:lnTo>
                    <a:lnTo>
                      <a:pt x="42" y="54"/>
                    </a:lnTo>
                    <a:lnTo>
                      <a:pt x="42" y="36"/>
                    </a:lnTo>
                    <a:lnTo>
                      <a:pt x="60" y="24"/>
                    </a:lnTo>
                    <a:lnTo>
                      <a:pt x="54" y="12"/>
                    </a:lnTo>
                    <a:lnTo>
                      <a:pt x="66" y="0"/>
                    </a:lnTo>
                    <a:lnTo>
                      <a:pt x="126" y="18"/>
                    </a:lnTo>
                    <a:lnTo>
                      <a:pt x="138" y="36"/>
                    </a:lnTo>
                    <a:lnTo>
                      <a:pt x="132" y="42"/>
                    </a:lnTo>
                    <a:lnTo>
                      <a:pt x="144" y="60"/>
                    </a:lnTo>
                    <a:lnTo>
                      <a:pt x="144" y="84"/>
                    </a:lnTo>
                    <a:lnTo>
                      <a:pt x="120" y="108"/>
                    </a:lnTo>
                    <a:lnTo>
                      <a:pt x="120" y="126"/>
                    </a:lnTo>
                    <a:lnTo>
                      <a:pt x="132" y="132"/>
                    </a:lnTo>
                    <a:lnTo>
                      <a:pt x="162" y="96"/>
                    </a:lnTo>
                    <a:lnTo>
                      <a:pt x="180" y="114"/>
                    </a:lnTo>
                    <a:lnTo>
                      <a:pt x="198" y="162"/>
                    </a:lnTo>
                    <a:lnTo>
                      <a:pt x="192" y="186"/>
                    </a:lnTo>
                    <a:lnTo>
                      <a:pt x="192" y="192"/>
                    </a:lnTo>
                    <a:lnTo>
                      <a:pt x="186" y="186"/>
                    </a:lnTo>
                    <a:lnTo>
                      <a:pt x="180" y="186"/>
                    </a:lnTo>
                    <a:lnTo>
                      <a:pt x="156" y="246"/>
                    </a:lnTo>
                    <a:lnTo>
                      <a:pt x="114" y="258"/>
                    </a:lnTo>
                    <a:lnTo>
                      <a:pt x="96" y="258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38" name="Freeform 315"/>
              <p:cNvSpPr>
                <a:spLocks noChangeAspect="1"/>
              </p:cNvSpPr>
              <p:nvPr/>
            </p:nvSpPr>
            <p:spPr bwMode="auto">
              <a:xfrm>
                <a:off x="1878" y="1794"/>
                <a:ext cx="198" cy="264"/>
              </a:xfrm>
              <a:custGeom>
                <a:avLst/>
                <a:gdLst>
                  <a:gd name="T0" fmla="*/ 96 w 198"/>
                  <a:gd name="T1" fmla="*/ 258 h 264"/>
                  <a:gd name="T2" fmla="*/ 0 w 198"/>
                  <a:gd name="T3" fmla="*/ 264 h 264"/>
                  <a:gd name="T4" fmla="*/ 24 w 198"/>
                  <a:gd name="T5" fmla="*/ 204 h 264"/>
                  <a:gd name="T6" fmla="*/ 0 w 198"/>
                  <a:gd name="T7" fmla="*/ 144 h 264"/>
                  <a:gd name="T8" fmla="*/ 6 w 198"/>
                  <a:gd name="T9" fmla="*/ 78 h 264"/>
                  <a:gd name="T10" fmla="*/ 36 w 198"/>
                  <a:gd name="T11" fmla="*/ 42 h 264"/>
                  <a:gd name="T12" fmla="*/ 36 w 198"/>
                  <a:gd name="T13" fmla="*/ 66 h 264"/>
                  <a:gd name="T14" fmla="*/ 42 w 198"/>
                  <a:gd name="T15" fmla="*/ 54 h 264"/>
                  <a:gd name="T16" fmla="*/ 42 w 198"/>
                  <a:gd name="T17" fmla="*/ 66 h 264"/>
                  <a:gd name="T18" fmla="*/ 42 w 198"/>
                  <a:gd name="T19" fmla="*/ 36 h 264"/>
                  <a:gd name="T20" fmla="*/ 60 w 198"/>
                  <a:gd name="T21" fmla="*/ 24 h 264"/>
                  <a:gd name="T22" fmla="*/ 54 w 198"/>
                  <a:gd name="T23" fmla="*/ 12 h 264"/>
                  <a:gd name="T24" fmla="*/ 66 w 198"/>
                  <a:gd name="T25" fmla="*/ 0 h 264"/>
                  <a:gd name="T26" fmla="*/ 126 w 198"/>
                  <a:gd name="T27" fmla="*/ 18 h 264"/>
                  <a:gd name="T28" fmla="*/ 138 w 198"/>
                  <a:gd name="T29" fmla="*/ 36 h 264"/>
                  <a:gd name="T30" fmla="*/ 132 w 198"/>
                  <a:gd name="T31" fmla="*/ 42 h 264"/>
                  <a:gd name="T32" fmla="*/ 144 w 198"/>
                  <a:gd name="T33" fmla="*/ 60 h 264"/>
                  <a:gd name="T34" fmla="*/ 144 w 198"/>
                  <a:gd name="T35" fmla="*/ 84 h 264"/>
                  <a:gd name="T36" fmla="*/ 120 w 198"/>
                  <a:gd name="T37" fmla="*/ 108 h 264"/>
                  <a:gd name="T38" fmla="*/ 120 w 198"/>
                  <a:gd name="T39" fmla="*/ 126 h 264"/>
                  <a:gd name="T40" fmla="*/ 132 w 198"/>
                  <a:gd name="T41" fmla="*/ 132 h 264"/>
                  <a:gd name="T42" fmla="*/ 162 w 198"/>
                  <a:gd name="T43" fmla="*/ 96 h 264"/>
                  <a:gd name="T44" fmla="*/ 180 w 198"/>
                  <a:gd name="T45" fmla="*/ 114 h 264"/>
                  <a:gd name="T46" fmla="*/ 198 w 198"/>
                  <a:gd name="T47" fmla="*/ 162 h 264"/>
                  <a:gd name="T48" fmla="*/ 192 w 198"/>
                  <a:gd name="T49" fmla="*/ 186 h 264"/>
                  <a:gd name="T50" fmla="*/ 192 w 198"/>
                  <a:gd name="T51" fmla="*/ 192 h 264"/>
                  <a:gd name="T52" fmla="*/ 186 w 198"/>
                  <a:gd name="T53" fmla="*/ 186 h 264"/>
                  <a:gd name="T54" fmla="*/ 180 w 198"/>
                  <a:gd name="T55" fmla="*/ 186 h 264"/>
                  <a:gd name="T56" fmla="*/ 156 w 198"/>
                  <a:gd name="T57" fmla="*/ 246 h 264"/>
                  <a:gd name="T58" fmla="*/ 114 w 198"/>
                  <a:gd name="T59" fmla="*/ 258 h 264"/>
                  <a:gd name="T60" fmla="*/ 96 w 198"/>
                  <a:gd name="T61" fmla="*/ 258 h 264"/>
                  <a:gd name="T62" fmla="*/ 96 w 198"/>
                  <a:gd name="T63" fmla="*/ 264 h 264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198"/>
                  <a:gd name="T97" fmla="*/ 0 h 264"/>
                  <a:gd name="T98" fmla="*/ 198 w 198"/>
                  <a:gd name="T99" fmla="*/ 264 h 264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198" h="264">
                    <a:moveTo>
                      <a:pt x="96" y="258"/>
                    </a:moveTo>
                    <a:lnTo>
                      <a:pt x="0" y="264"/>
                    </a:lnTo>
                    <a:lnTo>
                      <a:pt x="24" y="204"/>
                    </a:lnTo>
                    <a:lnTo>
                      <a:pt x="0" y="144"/>
                    </a:lnTo>
                    <a:lnTo>
                      <a:pt x="6" y="78"/>
                    </a:lnTo>
                    <a:lnTo>
                      <a:pt x="36" y="42"/>
                    </a:lnTo>
                    <a:lnTo>
                      <a:pt x="36" y="66"/>
                    </a:lnTo>
                    <a:lnTo>
                      <a:pt x="42" y="54"/>
                    </a:lnTo>
                    <a:lnTo>
                      <a:pt x="42" y="66"/>
                    </a:lnTo>
                    <a:lnTo>
                      <a:pt x="42" y="36"/>
                    </a:lnTo>
                    <a:lnTo>
                      <a:pt x="60" y="24"/>
                    </a:lnTo>
                    <a:lnTo>
                      <a:pt x="54" y="12"/>
                    </a:lnTo>
                    <a:lnTo>
                      <a:pt x="66" y="0"/>
                    </a:lnTo>
                    <a:lnTo>
                      <a:pt x="126" y="18"/>
                    </a:lnTo>
                    <a:lnTo>
                      <a:pt x="138" y="36"/>
                    </a:lnTo>
                    <a:lnTo>
                      <a:pt x="132" y="42"/>
                    </a:lnTo>
                    <a:lnTo>
                      <a:pt x="144" y="60"/>
                    </a:lnTo>
                    <a:lnTo>
                      <a:pt x="144" y="84"/>
                    </a:lnTo>
                    <a:lnTo>
                      <a:pt x="120" y="108"/>
                    </a:lnTo>
                    <a:lnTo>
                      <a:pt x="120" y="126"/>
                    </a:lnTo>
                    <a:lnTo>
                      <a:pt x="132" y="132"/>
                    </a:lnTo>
                    <a:lnTo>
                      <a:pt x="162" y="96"/>
                    </a:lnTo>
                    <a:lnTo>
                      <a:pt x="180" y="114"/>
                    </a:lnTo>
                    <a:lnTo>
                      <a:pt x="198" y="162"/>
                    </a:lnTo>
                    <a:lnTo>
                      <a:pt x="192" y="186"/>
                    </a:lnTo>
                    <a:lnTo>
                      <a:pt x="192" y="192"/>
                    </a:lnTo>
                    <a:lnTo>
                      <a:pt x="186" y="186"/>
                    </a:lnTo>
                    <a:lnTo>
                      <a:pt x="180" y="186"/>
                    </a:lnTo>
                    <a:lnTo>
                      <a:pt x="156" y="246"/>
                    </a:lnTo>
                    <a:lnTo>
                      <a:pt x="114" y="258"/>
                    </a:lnTo>
                    <a:lnTo>
                      <a:pt x="96" y="258"/>
                    </a:lnTo>
                    <a:lnTo>
                      <a:pt x="96" y="26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39" name="Freeform 316"/>
              <p:cNvSpPr>
                <a:spLocks noChangeAspect="1"/>
              </p:cNvSpPr>
              <p:nvPr/>
            </p:nvSpPr>
            <p:spPr bwMode="auto">
              <a:xfrm>
                <a:off x="1692" y="1704"/>
                <a:ext cx="288" cy="144"/>
              </a:xfrm>
              <a:custGeom>
                <a:avLst/>
                <a:gdLst>
                  <a:gd name="T0" fmla="*/ 288 w 288"/>
                  <a:gd name="T1" fmla="*/ 72 h 144"/>
                  <a:gd name="T2" fmla="*/ 258 w 288"/>
                  <a:gd name="T3" fmla="*/ 72 h 144"/>
                  <a:gd name="T4" fmla="*/ 252 w 288"/>
                  <a:gd name="T5" fmla="*/ 84 h 144"/>
                  <a:gd name="T6" fmla="*/ 216 w 288"/>
                  <a:gd name="T7" fmla="*/ 72 h 144"/>
                  <a:gd name="T8" fmla="*/ 186 w 288"/>
                  <a:gd name="T9" fmla="*/ 90 h 144"/>
                  <a:gd name="T10" fmla="*/ 174 w 288"/>
                  <a:gd name="T11" fmla="*/ 108 h 144"/>
                  <a:gd name="T12" fmla="*/ 174 w 288"/>
                  <a:gd name="T13" fmla="*/ 90 h 144"/>
                  <a:gd name="T14" fmla="*/ 156 w 288"/>
                  <a:gd name="T15" fmla="*/ 108 h 144"/>
                  <a:gd name="T16" fmla="*/ 156 w 288"/>
                  <a:gd name="T17" fmla="*/ 90 h 144"/>
                  <a:gd name="T18" fmla="*/ 132 w 288"/>
                  <a:gd name="T19" fmla="*/ 144 h 144"/>
                  <a:gd name="T20" fmla="*/ 120 w 288"/>
                  <a:gd name="T21" fmla="*/ 144 h 144"/>
                  <a:gd name="T22" fmla="*/ 126 w 288"/>
                  <a:gd name="T23" fmla="*/ 132 h 144"/>
                  <a:gd name="T24" fmla="*/ 114 w 288"/>
                  <a:gd name="T25" fmla="*/ 132 h 144"/>
                  <a:gd name="T26" fmla="*/ 120 w 288"/>
                  <a:gd name="T27" fmla="*/ 108 h 144"/>
                  <a:gd name="T28" fmla="*/ 102 w 288"/>
                  <a:gd name="T29" fmla="*/ 96 h 144"/>
                  <a:gd name="T30" fmla="*/ 12 w 288"/>
                  <a:gd name="T31" fmla="*/ 78 h 144"/>
                  <a:gd name="T32" fmla="*/ 0 w 288"/>
                  <a:gd name="T33" fmla="*/ 66 h 144"/>
                  <a:gd name="T34" fmla="*/ 108 w 288"/>
                  <a:gd name="T35" fmla="*/ 0 h 144"/>
                  <a:gd name="T36" fmla="*/ 114 w 288"/>
                  <a:gd name="T37" fmla="*/ 0 h 144"/>
                  <a:gd name="T38" fmla="*/ 84 w 288"/>
                  <a:gd name="T39" fmla="*/ 30 h 144"/>
                  <a:gd name="T40" fmla="*/ 84 w 288"/>
                  <a:gd name="T41" fmla="*/ 42 h 144"/>
                  <a:gd name="T42" fmla="*/ 96 w 288"/>
                  <a:gd name="T43" fmla="*/ 30 h 144"/>
                  <a:gd name="T44" fmla="*/ 90 w 288"/>
                  <a:gd name="T45" fmla="*/ 42 h 144"/>
                  <a:gd name="T46" fmla="*/ 108 w 288"/>
                  <a:gd name="T47" fmla="*/ 36 h 144"/>
                  <a:gd name="T48" fmla="*/ 132 w 288"/>
                  <a:gd name="T49" fmla="*/ 54 h 144"/>
                  <a:gd name="T50" fmla="*/ 162 w 288"/>
                  <a:gd name="T51" fmla="*/ 60 h 144"/>
                  <a:gd name="T52" fmla="*/ 186 w 288"/>
                  <a:gd name="T53" fmla="*/ 42 h 144"/>
                  <a:gd name="T54" fmla="*/ 234 w 288"/>
                  <a:gd name="T55" fmla="*/ 30 h 144"/>
                  <a:gd name="T56" fmla="*/ 240 w 288"/>
                  <a:gd name="T57" fmla="*/ 48 h 144"/>
                  <a:gd name="T58" fmla="*/ 270 w 288"/>
                  <a:gd name="T59" fmla="*/ 48 h 144"/>
                  <a:gd name="T60" fmla="*/ 270 w 288"/>
                  <a:gd name="T61" fmla="*/ 60 h 144"/>
                  <a:gd name="T62" fmla="*/ 288 w 288"/>
                  <a:gd name="T63" fmla="*/ 72 h 144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288"/>
                  <a:gd name="T97" fmla="*/ 0 h 144"/>
                  <a:gd name="T98" fmla="*/ 288 w 288"/>
                  <a:gd name="T99" fmla="*/ 144 h 144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288" h="144">
                    <a:moveTo>
                      <a:pt x="288" y="72"/>
                    </a:moveTo>
                    <a:lnTo>
                      <a:pt x="258" y="72"/>
                    </a:lnTo>
                    <a:lnTo>
                      <a:pt x="252" y="84"/>
                    </a:lnTo>
                    <a:lnTo>
                      <a:pt x="216" y="72"/>
                    </a:lnTo>
                    <a:lnTo>
                      <a:pt x="186" y="90"/>
                    </a:lnTo>
                    <a:lnTo>
                      <a:pt x="174" y="108"/>
                    </a:lnTo>
                    <a:lnTo>
                      <a:pt x="174" y="90"/>
                    </a:lnTo>
                    <a:lnTo>
                      <a:pt x="156" y="108"/>
                    </a:lnTo>
                    <a:lnTo>
                      <a:pt x="156" y="90"/>
                    </a:lnTo>
                    <a:lnTo>
                      <a:pt x="132" y="144"/>
                    </a:lnTo>
                    <a:lnTo>
                      <a:pt x="120" y="144"/>
                    </a:lnTo>
                    <a:lnTo>
                      <a:pt x="126" y="132"/>
                    </a:lnTo>
                    <a:lnTo>
                      <a:pt x="114" y="132"/>
                    </a:lnTo>
                    <a:lnTo>
                      <a:pt x="120" y="108"/>
                    </a:lnTo>
                    <a:lnTo>
                      <a:pt x="102" y="96"/>
                    </a:lnTo>
                    <a:lnTo>
                      <a:pt x="12" y="78"/>
                    </a:lnTo>
                    <a:lnTo>
                      <a:pt x="0" y="66"/>
                    </a:lnTo>
                    <a:lnTo>
                      <a:pt x="108" y="0"/>
                    </a:lnTo>
                    <a:lnTo>
                      <a:pt x="114" y="0"/>
                    </a:lnTo>
                    <a:lnTo>
                      <a:pt x="84" y="30"/>
                    </a:lnTo>
                    <a:lnTo>
                      <a:pt x="84" y="42"/>
                    </a:lnTo>
                    <a:lnTo>
                      <a:pt x="96" y="30"/>
                    </a:lnTo>
                    <a:lnTo>
                      <a:pt x="90" y="42"/>
                    </a:lnTo>
                    <a:lnTo>
                      <a:pt x="108" y="36"/>
                    </a:lnTo>
                    <a:lnTo>
                      <a:pt x="132" y="54"/>
                    </a:lnTo>
                    <a:lnTo>
                      <a:pt x="162" y="60"/>
                    </a:lnTo>
                    <a:lnTo>
                      <a:pt x="186" y="42"/>
                    </a:lnTo>
                    <a:lnTo>
                      <a:pt x="234" y="30"/>
                    </a:lnTo>
                    <a:lnTo>
                      <a:pt x="240" y="48"/>
                    </a:lnTo>
                    <a:lnTo>
                      <a:pt x="270" y="48"/>
                    </a:lnTo>
                    <a:lnTo>
                      <a:pt x="270" y="60"/>
                    </a:lnTo>
                    <a:lnTo>
                      <a:pt x="288" y="72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40" name="Freeform 317"/>
              <p:cNvSpPr>
                <a:spLocks noChangeAspect="1"/>
              </p:cNvSpPr>
              <p:nvPr/>
            </p:nvSpPr>
            <p:spPr bwMode="auto">
              <a:xfrm>
                <a:off x="1692" y="1704"/>
                <a:ext cx="288" cy="144"/>
              </a:xfrm>
              <a:custGeom>
                <a:avLst/>
                <a:gdLst>
                  <a:gd name="T0" fmla="*/ 288 w 288"/>
                  <a:gd name="T1" fmla="*/ 72 h 144"/>
                  <a:gd name="T2" fmla="*/ 258 w 288"/>
                  <a:gd name="T3" fmla="*/ 72 h 144"/>
                  <a:gd name="T4" fmla="*/ 252 w 288"/>
                  <a:gd name="T5" fmla="*/ 84 h 144"/>
                  <a:gd name="T6" fmla="*/ 216 w 288"/>
                  <a:gd name="T7" fmla="*/ 72 h 144"/>
                  <a:gd name="T8" fmla="*/ 186 w 288"/>
                  <a:gd name="T9" fmla="*/ 90 h 144"/>
                  <a:gd name="T10" fmla="*/ 174 w 288"/>
                  <a:gd name="T11" fmla="*/ 108 h 144"/>
                  <a:gd name="T12" fmla="*/ 174 w 288"/>
                  <a:gd name="T13" fmla="*/ 90 h 144"/>
                  <a:gd name="T14" fmla="*/ 156 w 288"/>
                  <a:gd name="T15" fmla="*/ 108 h 144"/>
                  <a:gd name="T16" fmla="*/ 156 w 288"/>
                  <a:gd name="T17" fmla="*/ 90 h 144"/>
                  <a:gd name="T18" fmla="*/ 132 w 288"/>
                  <a:gd name="T19" fmla="*/ 144 h 144"/>
                  <a:gd name="T20" fmla="*/ 120 w 288"/>
                  <a:gd name="T21" fmla="*/ 144 h 144"/>
                  <a:gd name="T22" fmla="*/ 126 w 288"/>
                  <a:gd name="T23" fmla="*/ 132 h 144"/>
                  <a:gd name="T24" fmla="*/ 114 w 288"/>
                  <a:gd name="T25" fmla="*/ 132 h 144"/>
                  <a:gd name="T26" fmla="*/ 120 w 288"/>
                  <a:gd name="T27" fmla="*/ 108 h 144"/>
                  <a:gd name="T28" fmla="*/ 102 w 288"/>
                  <a:gd name="T29" fmla="*/ 96 h 144"/>
                  <a:gd name="T30" fmla="*/ 12 w 288"/>
                  <a:gd name="T31" fmla="*/ 78 h 144"/>
                  <a:gd name="T32" fmla="*/ 0 w 288"/>
                  <a:gd name="T33" fmla="*/ 66 h 144"/>
                  <a:gd name="T34" fmla="*/ 108 w 288"/>
                  <a:gd name="T35" fmla="*/ 0 h 144"/>
                  <a:gd name="T36" fmla="*/ 114 w 288"/>
                  <a:gd name="T37" fmla="*/ 0 h 144"/>
                  <a:gd name="T38" fmla="*/ 84 w 288"/>
                  <a:gd name="T39" fmla="*/ 30 h 144"/>
                  <a:gd name="T40" fmla="*/ 84 w 288"/>
                  <a:gd name="T41" fmla="*/ 42 h 144"/>
                  <a:gd name="T42" fmla="*/ 96 w 288"/>
                  <a:gd name="T43" fmla="*/ 30 h 144"/>
                  <a:gd name="T44" fmla="*/ 90 w 288"/>
                  <a:gd name="T45" fmla="*/ 42 h 144"/>
                  <a:gd name="T46" fmla="*/ 108 w 288"/>
                  <a:gd name="T47" fmla="*/ 36 h 144"/>
                  <a:gd name="T48" fmla="*/ 132 w 288"/>
                  <a:gd name="T49" fmla="*/ 54 h 144"/>
                  <a:gd name="T50" fmla="*/ 162 w 288"/>
                  <a:gd name="T51" fmla="*/ 60 h 144"/>
                  <a:gd name="T52" fmla="*/ 186 w 288"/>
                  <a:gd name="T53" fmla="*/ 42 h 144"/>
                  <a:gd name="T54" fmla="*/ 234 w 288"/>
                  <a:gd name="T55" fmla="*/ 30 h 144"/>
                  <a:gd name="T56" fmla="*/ 240 w 288"/>
                  <a:gd name="T57" fmla="*/ 48 h 144"/>
                  <a:gd name="T58" fmla="*/ 270 w 288"/>
                  <a:gd name="T59" fmla="*/ 48 h 144"/>
                  <a:gd name="T60" fmla="*/ 270 w 288"/>
                  <a:gd name="T61" fmla="*/ 60 h 144"/>
                  <a:gd name="T62" fmla="*/ 288 w 288"/>
                  <a:gd name="T63" fmla="*/ 72 h 144"/>
                  <a:gd name="T64" fmla="*/ 288 w 288"/>
                  <a:gd name="T65" fmla="*/ 78 h 144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288"/>
                  <a:gd name="T100" fmla="*/ 0 h 144"/>
                  <a:gd name="T101" fmla="*/ 288 w 288"/>
                  <a:gd name="T102" fmla="*/ 144 h 144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288" h="144">
                    <a:moveTo>
                      <a:pt x="288" y="72"/>
                    </a:moveTo>
                    <a:lnTo>
                      <a:pt x="258" y="72"/>
                    </a:lnTo>
                    <a:lnTo>
                      <a:pt x="252" y="84"/>
                    </a:lnTo>
                    <a:lnTo>
                      <a:pt x="216" y="72"/>
                    </a:lnTo>
                    <a:lnTo>
                      <a:pt x="186" y="90"/>
                    </a:lnTo>
                    <a:lnTo>
                      <a:pt x="174" y="108"/>
                    </a:lnTo>
                    <a:lnTo>
                      <a:pt x="174" y="90"/>
                    </a:lnTo>
                    <a:lnTo>
                      <a:pt x="156" y="108"/>
                    </a:lnTo>
                    <a:lnTo>
                      <a:pt x="156" y="90"/>
                    </a:lnTo>
                    <a:lnTo>
                      <a:pt x="132" y="144"/>
                    </a:lnTo>
                    <a:lnTo>
                      <a:pt x="120" y="144"/>
                    </a:lnTo>
                    <a:lnTo>
                      <a:pt x="126" y="132"/>
                    </a:lnTo>
                    <a:lnTo>
                      <a:pt x="114" y="132"/>
                    </a:lnTo>
                    <a:lnTo>
                      <a:pt x="120" y="108"/>
                    </a:lnTo>
                    <a:lnTo>
                      <a:pt x="102" y="96"/>
                    </a:lnTo>
                    <a:lnTo>
                      <a:pt x="12" y="78"/>
                    </a:lnTo>
                    <a:lnTo>
                      <a:pt x="0" y="66"/>
                    </a:lnTo>
                    <a:lnTo>
                      <a:pt x="108" y="0"/>
                    </a:lnTo>
                    <a:lnTo>
                      <a:pt x="114" y="0"/>
                    </a:lnTo>
                    <a:lnTo>
                      <a:pt x="84" y="30"/>
                    </a:lnTo>
                    <a:lnTo>
                      <a:pt x="84" y="42"/>
                    </a:lnTo>
                    <a:lnTo>
                      <a:pt x="96" y="30"/>
                    </a:lnTo>
                    <a:lnTo>
                      <a:pt x="90" y="42"/>
                    </a:lnTo>
                    <a:lnTo>
                      <a:pt x="108" y="36"/>
                    </a:lnTo>
                    <a:lnTo>
                      <a:pt x="132" y="54"/>
                    </a:lnTo>
                    <a:lnTo>
                      <a:pt x="162" y="60"/>
                    </a:lnTo>
                    <a:lnTo>
                      <a:pt x="186" y="42"/>
                    </a:lnTo>
                    <a:lnTo>
                      <a:pt x="234" y="30"/>
                    </a:lnTo>
                    <a:lnTo>
                      <a:pt x="240" y="48"/>
                    </a:lnTo>
                    <a:lnTo>
                      <a:pt x="270" y="48"/>
                    </a:lnTo>
                    <a:lnTo>
                      <a:pt x="270" y="60"/>
                    </a:lnTo>
                    <a:lnTo>
                      <a:pt x="288" y="72"/>
                    </a:lnTo>
                    <a:lnTo>
                      <a:pt x="288" y="7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41" name="Freeform 318"/>
              <p:cNvSpPr>
                <a:spLocks noChangeAspect="1"/>
              </p:cNvSpPr>
              <p:nvPr/>
            </p:nvSpPr>
            <p:spPr bwMode="auto">
              <a:xfrm>
                <a:off x="1392" y="1596"/>
                <a:ext cx="330" cy="372"/>
              </a:xfrm>
              <a:custGeom>
                <a:avLst/>
                <a:gdLst>
                  <a:gd name="T0" fmla="*/ 270 w 330"/>
                  <a:gd name="T1" fmla="*/ 366 h 372"/>
                  <a:gd name="T2" fmla="*/ 30 w 330"/>
                  <a:gd name="T3" fmla="*/ 372 h 372"/>
                  <a:gd name="T4" fmla="*/ 30 w 330"/>
                  <a:gd name="T5" fmla="*/ 258 h 372"/>
                  <a:gd name="T6" fmla="*/ 12 w 330"/>
                  <a:gd name="T7" fmla="*/ 234 h 372"/>
                  <a:gd name="T8" fmla="*/ 24 w 330"/>
                  <a:gd name="T9" fmla="*/ 216 h 372"/>
                  <a:gd name="T10" fmla="*/ 0 w 330"/>
                  <a:gd name="T11" fmla="*/ 24 h 372"/>
                  <a:gd name="T12" fmla="*/ 84 w 330"/>
                  <a:gd name="T13" fmla="*/ 24 h 372"/>
                  <a:gd name="T14" fmla="*/ 84 w 330"/>
                  <a:gd name="T15" fmla="*/ 0 h 372"/>
                  <a:gd name="T16" fmla="*/ 96 w 330"/>
                  <a:gd name="T17" fmla="*/ 0 h 372"/>
                  <a:gd name="T18" fmla="*/ 108 w 330"/>
                  <a:gd name="T19" fmla="*/ 36 h 372"/>
                  <a:gd name="T20" fmla="*/ 144 w 330"/>
                  <a:gd name="T21" fmla="*/ 48 h 372"/>
                  <a:gd name="T22" fmla="*/ 144 w 330"/>
                  <a:gd name="T23" fmla="*/ 54 h 372"/>
                  <a:gd name="T24" fmla="*/ 180 w 330"/>
                  <a:gd name="T25" fmla="*/ 48 h 372"/>
                  <a:gd name="T26" fmla="*/ 198 w 330"/>
                  <a:gd name="T27" fmla="*/ 48 h 372"/>
                  <a:gd name="T28" fmla="*/ 192 w 330"/>
                  <a:gd name="T29" fmla="*/ 54 h 372"/>
                  <a:gd name="T30" fmla="*/ 198 w 330"/>
                  <a:gd name="T31" fmla="*/ 54 h 372"/>
                  <a:gd name="T32" fmla="*/ 204 w 330"/>
                  <a:gd name="T33" fmla="*/ 72 h 372"/>
                  <a:gd name="T34" fmla="*/ 222 w 330"/>
                  <a:gd name="T35" fmla="*/ 60 h 372"/>
                  <a:gd name="T36" fmla="*/ 240 w 330"/>
                  <a:gd name="T37" fmla="*/ 78 h 372"/>
                  <a:gd name="T38" fmla="*/ 270 w 330"/>
                  <a:gd name="T39" fmla="*/ 66 h 372"/>
                  <a:gd name="T40" fmla="*/ 276 w 330"/>
                  <a:gd name="T41" fmla="*/ 72 h 372"/>
                  <a:gd name="T42" fmla="*/ 330 w 330"/>
                  <a:gd name="T43" fmla="*/ 78 h 372"/>
                  <a:gd name="T44" fmla="*/ 276 w 330"/>
                  <a:gd name="T45" fmla="*/ 108 h 372"/>
                  <a:gd name="T46" fmla="*/ 222 w 330"/>
                  <a:gd name="T47" fmla="*/ 162 h 372"/>
                  <a:gd name="T48" fmla="*/ 216 w 330"/>
                  <a:gd name="T49" fmla="*/ 168 h 372"/>
                  <a:gd name="T50" fmla="*/ 216 w 330"/>
                  <a:gd name="T51" fmla="*/ 204 h 372"/>
                  <a:gd name="T52" fmla="*/ 198 w 330"/>
                  <a:gd name="T53" fmla="*/ 216 h 372"/>
                  <a:gd name="T54" fmla="*/ 186 w 330"/>
                  <a:gd name="T55" fmla="*/ 234 h 372"/>
                  <a:gd name="T56" fmla="*/ 198 w 330"/>
                  <a:gd name="T57" fmla="*/ 246 h 372"/>
                  <a:gd name="T58" fmla="*/ 198 w 330"/>
                  <a:gd name="T59" fmla="*/ 288 h 372"/>
                  <a:gd name="T60" fmla="*/ 264 w 330"/>
                  <a:gd name="T61" fmla="*/ 336 h 372"/>
                  <a:gd name="T62" fmla="*/ 270 w 330"/>
                  <a:gd name="T63" fmla="*/ 366 h 372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330"/>
                  <a:gd name="T97" fmla="*/ 0 h 372"/>
                  <a:gd name="T98" fmla="*/ 330 w 330"/>
                  <a:gd name="T99" fmla="*/ 372 h 372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330" h="372">
                    <a:moveTo>
                      <a:pt x="270" y="366"/>
                    </a:moveTo>
                    <a:lnTo>
                      <a:pt x="30" y="372"/>
                    </a:lnTo>
                    <a:lnTo>
                      <a:pt x="30" y="258"/>
                    </a:lnTo>
                    <a:lnTo>
                      <a:pt x="12" y="234"/>
                    </a:lnTo>
                    <a:lnTo>
                      <a:pt x="24" y="216"/>
                    </a:lnTo>
                    <a:lnTo>
                      <a:pt x="0" y="24"/>
                    </a:lnTo>
                    <a:lnTo>
                      <a:pt x="84" y="24"/>
                    </a:lnTo>
                    <a:lnTo>
                      <a:pt x="84" y="0"/>
                    </a:lnTo>
                    <a:lnTo>
                      <a:pt x="96" y="0"/>
                    </a:lnTo>
                    <a:lnTo>
                      <a:pt x="108" y="36"/>
                    </a:lnTo>
                    <a:lnTo>
                      <a:pt x="144" y="48"/>
                    </a:lnTo>
                    <a:lnTo>
                      <a:pt x="144" y="54"/>
                    </a:lnTo>
                    <a:lnTo>
                      <a:pt x="180" y="48"/>
                    </a:lnTo>
                    <a:lnTo>
                      <a:pt x="198" y="48"/>
                    </a:lnTo>
                    <a:lnTo>
                      <a:pt x="192" y="54"/>
                    </a:lnTo>
                    <a:lnTo>
                      <a:pt x="198" y="54"/>
                    </a:lnTo>
                    <a:lnTo>
                      <a:pt x="204" y="72"/>
                    </a:lnTo>
                    <a:lnTo>
                      <a:pt x="222" y="60"/>
                    </a:lnTo>
                    <a:lnTo>
                      <a:pt x="240" y="78"/>
                    </a:lnTo>
                    <a:lnTo>
                      <a:pt x="270" y="66"/>
                    </a:lnTo>
                    <a:lnTo>
                      <a:pt x="276" y="72"/>
                    </a:lnTo>
                    <a:lnTo>
                      <a:pt x="330" y="78"/>
                    </a:lnTo>
                    <a:lnTo>
                      <a:pt x="276" y="108"/>
                    </a:lnTo>
                    <a:lnTo>
                      <a:pt x="222" y="162"/>
                    </a:lnTo>
                    <a:lnTo>
                      <a:pt x="216" y="168"/>
                    </a:lnTo>
                    <a:lnTo>
                      <a:pt x="216" y="204"/>
                    </a:lnTo>
                    <a:lnTo>
                      <a:pt x="198" y="216"/>
                    </a:lnTo>
                    <a:lnTo>
                      <a:pt x="186" y="234"/>
                    </a:lnTo>
                    <a:lnTo>
                      <a:pt x="198" y="246"/>
                    </a:lnTo>
                    <a:lnTo>
                      <a:pt x="198" y="288"/>
                    </a:lnTo>
                    <a:lnTo>
                      <a:pt x="264" y="336"/>
                    </a:lnTo>
                    <a:lnTo>
                      <a:pt x="270" y="36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42" name="Freeform 319"/>
              <p:cNvSpPr>
                <a:spLocks noChangeAspect="1"/>
              </p:cNvSpPr>
              <p:nvPr/>
            </p:nvSpPr>
            <p:spPr bwMode="auto">
              <a:xfrm>
                <a:off x="1392" y="1596"/>
                <a:ext cx="330" cy="372"/>
              </a:xfrm>
              <a:custGeom>
                <a:avLst/>
                <a:gdLst>
                  <a:gd name="T0" fmla="*/ 270 w 330"/>
                  <a:gd name="T1" fmla="*/ 366 h 372"/>
                  <a:gd name="T2" fmla="*/ 30 w 330"/>
                  <a:gd name="T3" fmla="*/ 372 h 372"/>
                  <a:gd name="T4" fmla="*/ 30 w 330"/>
                  <a:gd name="T5" fmla="*/ 258 h 372"/>
                  <a:gd name="T6" fmla="*/ 12 w 330"/>
                  <a:gd name="T7" fmla="*/ 234 h 372"/>
                  <a:gd name="T8" fmla="*/ 24 w 330"/>
                  <a:gd name="T9" fmla="*/ 216 h 372"/>
                  <a:gd name="T10" fmla="*/ 0 w 330"/>
                  <a:gd name="T11" fmla="*/ 24 h 372"/>
                  <a:gd name="T12" fmla="*/ 84 w 330"/>
                  <a:gd name="T13" fmla="*/ 24 h 372"/>
                  <a:gd name="T14" fmla="*/ 84 w 330"/>
                  <a:gd name="T15" fmla="*/ 0 h 372"/>
                  <a:gd name="T16" fmla="*/ 96 w 330"/>
                  <a:gd name="T17" fmla="*/ 0 h 372"/>
                  <a:gd name="T18" fmla="*/ 108 w 330"/>
                  <a:gd name="T19" fmla="*/ 36 h 372"/>
                  <a:gd name="T20" fmla="*/ 144 w 330"/>
                  <a:gd name="T21" fmla="*/ 48 h 372"/>
                  <a:gd name="T22" fmla="*/ 144 w 330"/>
                  <a:gd name="T23" fmla="*/ 54 h 372"/>
                  <a:gd name="T24" fmla="*/ 180 w 330"/>
                  <a:gd name="T25" fmla="*/ 48 h 372"/>
                  <a:gd name="T26" fmla="*/ 198 w 330"/>
                  <a:gd name="T27" fmla="*/ 48 h 372"/>
                  <a:gd name="T28" fmla="*/ 192 w 330"/>
                  <a:gd name="T29" fmla="*/ 54 h 372"/>
                  <a:gd name="T30" fmla="*/ 198 w 330"/>
                  <a:gd name="T31" fmla="*/ 54 h 372"/>
                  <a:gd name="T32" fmla="*/ 204 w 330"/>
                  <a:gd name="T33" fmla="*/ 72 h 372"/>
                  <a:gd name="T34" fmla="*/ 222 w 330"/>
                  <a:gd name="T35" fmla="*/ 60 h 372"/>
                  <a:gd name="T36" fmla="*/ 240 w 330"/>
                  <a:gd name="T37" fmla="*/ 78 h 372"/>
                  <a:gd name="T38" fmla="*/ 270 w 330"/>
                  <a:gd name="T39" fmla="*/ 66 h 372"/>
                  <a:gd name="T40" fmla="*/ 276 w 330"/>
                  <a:gd name="T41" fmla="*/ 72 h 372"/>
                  <a:gd name="T42" fmla="*/ 330 w 330"/>
                  <a:gd name="T43" fmla="*/ 78 h 372"/>
                  <a:gd name="T44" fmla="*/ 276 w 330"/>
                  <a:gd name="T45" fmla="*/ 108 h 372"/>
                  <a:gd name="T46" fmla="*/ 222 w 330"/>
                  <a:gd name="T47" fmla="*/ 162 h 372"/>
                  <a:gd name="T48" fmla="*/ 216 w 330"/>
                  <a:gd name="T49" fmla="*/ 168 h 372"/>
                  <a:gd name="T50" fmla="*/ 216 w 330"/>
                  <a:gd name="T51" fmla="*/ 204 h 372"/>
                  <a:gd name="T52" fmla="*/ 198 w 330"/>
                  <a:gd name="T53" fmla="*/ 216 h 372"/>
                  <a:gd name="T54" fmla="*/ 186 w 330"/>
                  <a:gd name="T55" fmla="*/ 234 h 372"/>
                  <a:gd name="T56" fmla="*/ 198 w 330"/>
                  <a:gd name="T57" fmla="*/ 246 h 372"/>
                  <a:gd name="T58" fmla="*/ 198 w 330"/>
                  <a:gd name="T59" fmla="*/ 288 h 372"/>
                  <a:gd name="T60" fmla="*/ 264 w 330"/>
                  <a:gd name="T61" fmla="*/ 336 h 372"/>
                  <a:gd name="T62" fmla="*/ 270 w 330"/>
                  <a:gd name="T63" fmla="*/ 366 h 372"/>
                  <a:gd name="T64" fmla="*/ 270 w 330"/>
                  <a:gd name="T65" fmla="*/ 372 h 372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330"/>
                  <a:gd name="T100" fmla="*/ 0 h 372"/>
                  <a:gd name="T101" fmla="*/ 330 w 330"/>
                  <a:gd name="T102" fmla="*/ 372 h 372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330" h="372">
                    <a:moveTo>
                      <a:pt x="270" y="366"/>
                    </a:moveTo>
                    <a:lnTo>
                      <a:pt x="30" y="372"/>
                    </a:lnTo>
                    <a:lnTo>
                      <a:pt x="30" y="258"/>
                    </a:lnTo>
                    <a:lnTo>
                      <a:pt x="12" y="234"/>
                    </a:lnTo>
                    <a:lnTo>
                      <a:pt x="24" y="216"/>
                    </a:lnTo>
                    <a:lnTo>
                      <a:pt x="0" y="24"/>
                    </a:lnTo>
                    <a:lnTo>
                      <a:pt x="84" y="24"/>
                    </a:lnTo>
                    <a:lnTo>
                      <a:pt x="84" y="0"/>
                    </a:lnTo>
                    <a:lnTo>
                      <a:pt x="96" y="0"/>
                    </a:lnTo>
                    <a:lnTo>
                      <a:pt x="108" y="36"/>
                    </a:lnTo>
                    <a:lnTo>
                      <a:pt x="144" y="48"/>
                    </a:lnTo>
                    <a:lnTo>
                      <a:pt x="144" y="54"/>
                    </a:lnTo>
                    <a:lnTo>
                      <a:pt x="180" y="48"/>
                    </a:lnTo>
                    <a:lnTo>
                      <a:pt x="198" y="48"/>
                    </a:lnTo>
                    <a:lnTo>
                      <a:pt x="192" y="54"/>
                    </a:lnTo>
                    <a:lnTo>
                      <a:pt x="198" y="54"/>
                    </a:lnTo>
                    <a:lnTo>
                      <a:pt x="204" y="72"/>
                    </a:lnTo>
                    <a:lnTo>
                      <a:pt x="222" y="60"/>
                    </a:lnTo>
                    <a:lnTo>
                      <a:pt x="240" y="78"/>
                    </a:lnTo>
                    <a:lnTo>
                      <a:pt x="270" y="66"/>
                    </a:lnTo>
                    <a:lnTo>
                      <a:pt x="276" y="72"/>
                    </a:lnTo>
                    <a:lnTo>
                      <a:pt x="330" y="78"/>
                    </a:lnTo>
                    <a:lnTo>
                      <a:pt x="276" y="108"/>
                    </a:lnTo>
                    <a:lnTo>
                      <a:pt x="222" y="162"/>
                    </a:lnTo>
                    <a:lnTo>
                      <a:pt x="216" y="168"/>
                    </a:lnTo>
                    <a:lnTo>
                      <a:pt x="216" y="204"/>
                    </a:lnTo>
                    <a:lnTo>
                      <a:pt x="198" y="216"/>
                    </a:lnTo>
                    <a:lnTo>
                      <a:pt x="186" y="234"/>
                    </a:lnTo>
                    <a:lnTo>
                      <a:pt x="198" y="246"/>
                    </a:lnTo>
                    <a:lnTo>
                      <a:pt x="198" y="288"/>
                    </a:lnTo>
                    <a:lnTo>
                      <a:pt x="264" y="336"/>
                    </a:lnTo>
                    <a:lnTo>
                      <a:pt x="270" y="366"/>
                    </a:lnTo>
                    <a:lnTo>
                      <a:pt x="270" y="37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43" name="Freeform 320"/>
              <p:cNvSpPr>
                <a:spLocks noChangeAspect="1"/>
              </p:cNvSpPr>
              <p:nvPr/>
            </p:nvSpPr>
            <p:spPr bwMode="auto">
              <a:xfrm>
                <a:off x="1680" y="2496"/>
                <a:ext cx="180" cy="318"/>
              </a:xfrm>
              <a:custGeom>
                <a:avLst/>
                <a:gdLst>
                  <a:gd name="T0" fmla="*/ 180 w 180"/>
                  <a:gd name="T1" fmla="*/ 294 h 318"/>
                  <a:gd name="T2" fmla="*/ 126 w 180"/>
                  <a:gd name="T3" fmla="*/ 300 h 318"/>
                  <a:gd name="T4" fmla="*/ 120 w 180"/>
                  <a:gd name="T5" fmla="*/ 318 h 318"/>
                  <a:gd name="T6" fmla="*/ 114 w 180"/>
                  <a:gd name="T7" fmla="*/ 312 h 318"/>
                  <a:gd name="T8" fmla="*/ 102 w 180"/>
                  <a:gd name="T9" fmla="*/ 288 h 318"/>
                  <a:gd name="T10" fmla="*/ 102 w 180"/>
                  <a:gd name="T11" fmla="*/ 264 h 318"/>
                  <a:gd name="T12" fmla="*/ 0 w 180"/>
                  <a:gd name="T13" fmla="*/ 270 h 318"/>
                  <a:gd name="T14" fmla="*/ 6 w 180"/>
                  <a:gd name="T15" fmla="*/ 228 h 318"/>
                  <a:gd name="T16" fmla="*/ 30 w 180"/>
                  <a:gd name="T17" fmla="*/ 192 h 318"/>
                  <a:gd name="T18" fmla="*/ 24 w 180"/>
                  <a:gd name="T19" fmla="*/ 192 h 318"/>
                  <a:gd name="T20" fmla="*/ 36 w 180"/>
                  <a:gd name="T21" fmla="*/ 180 h 318"/>
                  <a:gd name="T22" fmla="*/ 24 w 180"/>
                  <a:gd name="T23" fmla="*/ 174 h 318"/>
                  <a:gd name="T24" fmla="*/ 30 w 180"/>
                  <a:gd name="T25" fmla="*/ 162 h 318"/>
                  <a:gd name="T26" fmla="*/ 24 w 180"/>
                  <a:gd name="T27" fmla="*/ 168 h 318"/>
                  <a:gd name="T28" fmla="*/ 24 w 180"/>
                  <a:gd name="T29" fmla="*/ 144 h 318"/>
                  <a:gd name="T30" fmla="*/ 18 w 180"/>
                  <a:gd name="T31" fmla="*/ 144 h 318"/>
                  <a:gd name="T32" fmla="*/ 18 w 180"/>
                  <a:gd name="T33" fmla="*/ 138 h 318"/>
                  <a:gd name="T34" fmla="*/ 24 w 180"/>
                  <a:gd name="T35" fmla="*/ 126 h 318"/>
                  <a:gd name="T36" fmla="*/ 18 w 180"/>
                  <a:gd name="T37" fmla="*/ 120 h 318"/>
                  <a:gd name="T38" fmla="*/ 24 w 180"/>
                  <a:gd name="T39" fmla="*/ 114 h 318"/>
                  <a:gd name="T40" fmla="*/ 12 w 180"/>
                  <a:gd name="T41" fmla="*/ 114 h 318"/>
                  <a:gd name="T42" fmla="*/ 12 w 180"/>
                  <a:gd name="T43" fmla="*/ 96 h 318"/>
                  <a:gd name="T44" fmla="*/ 24 w 180"/>
                  <a:gd name="T45" fmla="*/ 96 h 318"/>
                  <a:gd name="T46" fmla="*/ 18 w 180"/>
                  <a:gd name="T47" fmla="*/ 78 h 318"/>
                  <a:gd name="T48" fmla="*/ 48 w 180"/>
                  <a:gd name="T49" fmla="*/ 48 h 318"/>
                  <a:gd name="T50" fmla="*/ 48 w 180"/>
                  <a:gd name="T51" fmla="*/ 24 h 318"/>
                  <a:gd name="T52" fmla="*/ 60 w 180"/>
                  <a:gd name="T53" fmla="*/ 12 h 318"/>
                  <a:gd name="T54" fmla="*/ 168 w 180"/>
                  <a:gd name="T55" fmla="*/ 0 h 318"/>
                  <a:gd name="T56" fmla="*/ 168 w 180"/>
                  <a:gd name="T57" fmla="*/ 204 h 318"/>
                  <a:gd name="T58" fmla="*/ 180 w 180"/>
                  <a:gd name="T59" fmla="*/ 276 h 318"/>
                  <a:gd name="T60" fmla="*/ 180 w 180"/>
                  <a:gd name="T61" fmla="*/ 294 h 318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w 180"/>
                  <a:gd name="T94" fmla="*/ 0 h 318"/>
                  <a:gd name="T95" fmla="*/ 180 w 180"/>
                  <a:gd name="T96" fmla="*/ 318 h 318"/>
                </a:gdLst>
                <a:ahLst/>
                <a:cxnLst>
                  <a:cxn ang="T62">
                    <a:pos x="T0" y="T1"/>
                  </a:cxn>
                  <a:cxn ang="T63">
                    <a:pos x="T2" y="T3"/>
                  </a:cxn>
                  <a:cxn ang="T64">
                    <a:pos x="T4" y="T5"/>
                  </a:cxn>
                  <a:cxn ang="T65">
                    <a:pos x="T6" y="T7"/>
                  </a:cxn>
                  <a:cxn ang="T66">
                    <a:pos x="T8" y="T9"/>
                  </a:cxn>
                  <a:cxn ang="T67">
                    <a:pos x="T10" y="T11"/>
                  </a:cxn>
                  <a:cxn ang="T68">
                    <a:pos x="T12" y="T13"/>
                  </a:cxn>
                  <a:cxn ang="T69">
                    <a:pos x="T14" y="T15"/>
                  </a:cxn>
                  <a:cxn ang="T70">
                    <a:pos x="T16" y="T17"/>
                  </a:cxn>
                  <a:cxn ang="T71">
                    <a:pos x="T18" y="T19"/>
                  </a:cxn>
                  <a:cxn ang="T72">
                    <a:pos x="T20" y="T21"/>
                  </a:cxn>
                  <a:cxn ang="T73">
                    <a:pos x="T22" y="T23"/>
                  </a:cxn>
                  <a:cxn ang="T74">
                    <a:pos x="T24" y="T25"/>
                  </a:cxn>
                  <a:cxn ang="T75">
                    <a:pos x="T26" y="T27"/>
                  </a:cxn>
                  <a:cxn ang="T76">
                    <a:pos x="T28" y="T29"/>
                  </a:cxn>
                  <a:cxn ang="T77">
                    <a:pos x="T30" y="T31"/>
                  </a:cxn>
                  <a:cxn ang="T78">
                    <a:pos x="T32" y="T33"/>
                  </a:cxn>
                  <a:cxn ang="T79">
                    <a:pos x="T34" y="T35"/>
                  </a:cxn>
                  <a:cxn ang="T80">
                    <a:pos x="T36" y="T37"/>
                  </a:cxn>
                  <a:cxn ang="T81">
                    <a:pos x="T38" y="T39"/>
                  </a:cxn>
                  <a:cxn ang="T82">
                    <a:pos x="T40" y="T41"/>
                  </a:cxn>
                  <a:cxn ang="T83">
                    <a:pos x="T42" y="T43"/>
                  </a:cxn>
                  <a:cxn ang="T84">
                    <a:pos x="T44" y="T45"/>
                  </a:cxn>
                  <a:cxn ang="T85">
                    <a:pos x="T46" y="T47"/>
                  </a:cxn>
                  <a:cxn ang="T86">
                    <a:pos x="T48" y="T49"/>
                  </a:cxn>
                  <a:cxn ang="T87">
                    <a:pos x="T50" y="T51"/>
                  </a:cxn>
                  <a:cxn ang="T88">
                    <a:pos x="T52" y="T53"/>
                  </a:cxn>
                  <a:cxn ang="T89">
                    <a:pos x="T54" y="T55"/>
                  </a:cxn>
                  <a:cxn ang="T90">
                    <a:pos x="T56" y="T57"/>
                  </a:cxn>
                  <a:cxn ang="T91">
                    <a:pos x="T58" y="T59"/>
                  </a:cxn>
                  <a:cxn ang="T92">
                    <a:pos x="T60" y="T61"/>
                  </a:cxn>
                </a:cxnLst>
                <a:rect l="T93" t="T94" r="T95" b="T96"/>
                <a:pathLst>
                  <a:path w="180" h="318">
                    <a:moveTo>
                      <a:pt x="180" y="294"/>
                    </a:moveTo>
                    <a:lnTo>
                      <a:pt x="126" y="300"/>
                    </a:lnTo>
                    <a:lnTo>
                      <a:pt x="120" y="318"/>
                    </a:lnTo>
                    <a:lnTo>
                      <a:pt x="114" y="312"/>
                    </a:lnTo>
                    <a:lnTo>
                      <a:pt x="102" y="288"/>
                    </a:lnTo>
                    <a:lnTo>
                      <a:pt x="102" y="264"/>
                    </a:lnTo>
                    <a:lnTo>
                      <a:pt x="0" y="270"/>
                    </a:lnTo>
                    <a:lnTo>
                      <a:pt x="6" y="228"/>
                    </a:lnTo>
                    <a:lnTo>
                      <a:pt x="30" y="192"/>
                    </a:lnTo>
                    <a:lnTo>
                      <a:pt x="24" y="192"/>
                    </a:lnTo>
                    <a:lnTo>
                      <a:pt x="36" y="180"/>
                    </a:lnTo>
                    <a:lnTo>
                      <a:pt x="24" y="174"/>
                    </a:lnTo>
                    <a:lnTo>
                      <a:pt x="30" y="162"/>
                    </a:lnTo>
                    <a:lnTo>
                      <a:pt x="24" y="168"/>
                    </a:lnTo>
                    <a:lnTo>
                      <a:pt x="24" y="144"/>
                    </a:lnTo>
                    <a:lnTo>
                      <a:pt x="18" y="144"/>
                    </a:lnTo>
                    <a:lnTo>
                      <a:pt x="18" y="138"/>
                    </a:lnTo>
                    <a:lnTo>
                      <a:pt x="24" y="126"/>
                    </a:lnTo>
                    <a:lnTo>
                      <a:pt x="18" y="120"/>
                    </a:lnTo>
                    <a:lnTo>
                      <a:pt x="24" y="114"/>
                    </a:lnTo>
                    <a:lnTo>
                      <a:pt x="12" y="114"/>
                    </a:lnTo>
                    <a:lnTo>
                      <a:pt x="12" y="96"/>
                    </a:lnTo>
                    <a:lnTo>
                      <a:pt x="24" y="96"/>
                    </a:lnTo>
                    <a:lnTo>
                      <a:pt x="18" y="78"/>
                    </a:lnTo>
                    <a:lnTo>
                      <a:pt x="48" y="48"/>
                    </a:lnTo>
                    <a:lnTo>
                      <a:pt x="48" y="24"/>
                    </a:lnTo>
                    <a:lnTo>
                      <a:pt x="60" y="12"/>
                    </a:lnTo>
                    <a:lnTo>
                      <a:pt x="168" y="0"/>
                    </a:lnTo>
                    <a:lnTo>
                      <a:pt x="168" y="204"/>
                    </a:lnTo>
                    <a:lnTo>
                      <a:pt x="180" y="276"/>
                    </a:lnTo>
                    <a:lnTo>
                      <a:pt x="180" y="294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44" name="Freeform 321"/>
              <p:cNvSpPr>
                <a:spLocks noChangeAspect="1"/>
              </p:cNvSpPr>
              <p:nvPr/>
            </p:nvSpPr>
            <p:spPr bwMode="auto">
              <a:xfrm>
                <a:off x="1680" y="2496"/>
                <a:ext cx="180" cy="318"/>
              </a:xfrm>
              <a:custGeom>
                <a:avLst/>
                <a:gdLst>
                  <a:gd name="T0" fmla="*/ 180 w 180"/>
                  <a:gd name="T1" fmla="*/ 294 h 318"/>
                  <a:gd name="T2" fmla="*/ 126 w 180"/>
                  <a:gd name="T3" fmla="*/ 300 h 318"/>
                  <a:gd name="T4" fmla="*/ 120 w 180"/>
                  <a:gd name="T5" fmla="*/ 318 h 318"/>
                  <a:gd name="T6" fmla="*/ 114 w 180"/>
                  <a:gd name="T7" fmla="*/ 312 h 318"/>
                  <a:gd name="T8" fmla="*/ 102 w 180"/>
                  <a:gd name="T9" fmla="*/ 288 h 318"/>
                  <a:gd name="T10" fmla="*/ 102 w 180"/>
                  <a:gd name="T11" fmla="*/ 264 h 318"/>
                  <a:gd name="T12" fmla="*/ 0 w 180"/>
                  <a:gd name="T13" fmla="*/ 270 h 318"/>
                  <a:gd name="T14" fmla="*/ 6 w 180"/>
                  <a:gd name="T15" fmla="*/ 228 h 318"/>
                  <a:gd name="T16" fmla="*/ 30 w 180"/>
                  <a:gd name="T17" fmla="*/ 192 h 318"/>
                  <a:gd name="T18" fmla="*/ 24 w 180"/>
                  <a:gd name="T19" fmla="*/ 192 h 318"/>
                  <a:gd name="T20" fmla="*/ 36 w 180"/>
                  <a:gd name="T21" fmla="*/ 180 h 318"/>
                  <a:gd name="T22" fmla="*/ 24 w 180"/>
                  <a:gd name="T23" fmla="*/ 174 h 318"/>
                  <a:gd name="T24" fmla="*/ 30 w 180"/>
                  <a:gd name="T25" fmla="*/ 162 h 318"/>
                  <a:gd name="T26" fmla="*/ 24 w 180"/>
                  <a:gd name="T27" fmla="*/ 168 h 318"/>
                  <a:gd name="T28" fmla="*/ 24 w 180"/>
                  <a:gd name="T29" fmla="*/ 144 h 318"/>
                  <a:gd name="T30" fmla="*/ 18 w 180"/>
                  <a:gd name="T31" fmla="*/ 144 h 318"/>
                  <a:gd name="T32" fmla="*/ 18 w 180"/>
                  <a:gd name="T33" fmla="*/ 138 h 318"/>
                  <a:gd name="T34" fmla="*/ 24 w 180"/>
                  <a:gd name="T35" fmla="*/ 126 h 318"/>
                  <a:gd name="T36" fmla="*/ 18 w 180"/>
                  <a:gd name="T37" fmla="*/ 120 h 318"/>
                  <a:gd name="T38" fmla="*/ 24 w 180"/>
                  <a:gd name="T39" fmla="*/ 114 h 318"/>
                  <a:gd name="T40" fmla="*/ 12 w 180"/>
                  <a:gd name="T41" fmla="*/ 114 h 318"/>
                  <a:gd name="T42" fmla="*/ 12 w 180"/>
                  <a:gd name="T43" fmla="*/ 96 h 318"/>
                  <a:gd name="T44" fmla="*/ 24 w 180"/>
                  <a:gd name="T45" fmla="*/ 96 h 318"/>
                  <a:gd name="T46" fmla="*/ 18 w 180"/>
                  <a:gd name="T47" fmla="*/ 78 h 318"/>
                  <a:gd name="T48" fmla="*/ 48 w 180"/>
                  <a:gd name="T49" fmla="*/ 48 h 318"/>
                  <a:gd name="T50" fmla="*/ 48 w 180"/>
                  <a:gd name="T51" fmla="*/ 24 h 318"/>
                  <a:gd name="T52" fmla="*/ 60 w 180"/>
                  <a:gd name="T53" fmla="*/ 12 h 318"/>
                  <a:gd name="T54" fmla="*/ 168 w 180"/>
                  <a:gd name="T55" fmla="*/ 0 h 318"/>
                  <a:gd name="T56" fmla="*/ 168 w 180"/>
                  <a:gd name="T57" fmla="*/ 204 h 318"/>
                  <a:gd name="T58" fmla="*/ 180 w 180"/>
                  <a:gd name="T59" fmla="*/ 276 h 318"/>
                  <a:gd name="T60" fmla="*/ 180 w 180"/>
                  <a:gd name="T61" fmla="*/ 294 h 318"/>
                  <a:gd name="T62" fmla="*/ 180 w 180"/>
                  <a:gd name="T63" fmla="*/ 300 h 318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180"/>
                  <a:gd name="T97" fmla="*/ 0 h 318"/>
                  <a:gd name="T98" fmla="*/ 180 w 180"/>
                  <a:gd name="T99" fmla="*/ 318 h 318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180" h="318">
                    <a:moveTo>
                      <a:pt x="180" y="294"/>
                    </a:moveTo>
                    <a:lnTo>
                      <a:pt x="126" y="300"/>
                    </a:lnTo>
                    <a:lnTo>
                      <a:pt x="120" y="318"/>
                    </a:lnTo>
                    <a:lnTo>
                      <a:pt x="114" y="312"/>
                    </a:lnTo>
                    <a:lnTo>
                      <a:pt x="102" y="288"/>
                    </a:lnTo>
                    <a:lnTo>
                      <a:pt x="102" y="264"/>
                    </a:lnTo>
                    <a:lnTo>
                      <a:pt x="0" y="270"/>
                    </a:lnTo>
                    <a:lnTo>
                      <a:pt x="6" y="228"/>
                    </a:lnTo>
                    <a:lnTo>
                      <a:pt x="30" y="192"/>
                    </a:lnTo>
                    <a:lnTo>
                      <a:pt x="24" y="192"/>
                    </a:lnTo>
                    <a:lnTo>
                      <a:pt x="36" y="180"/>
                    </a:lnTo>
                    <a:lnTo>
                      <a:pt x="24" y="174"/>
                    </a:lnTo>
                    <a:lnTo>
                      <a:pt x="30" y="162"/>
                    </a:lnTo>
                    <a:lnTo>
                      <a:pt x="24" y="168"/>
                    </a:lnTo>
                    <a:lnTo>
                      <a:pt x="24" y="144"/>
                    </a:lnTo>
                    <a:lnTo>
                      <a:pt x="18" y="144"/>
                    </a:lnTo>
                    <a:lnTo>
                      <a:pt x="18" y="138"/>
                    </a:lnTo>
                    <a:lnTo>
                      <a:pt x="24" y="126"/>
                    </a:lnTo>
                    <a:lnTo>
                      <a:pt x="18" y="120"/>
                    </a:lnTo>
                    <a:lnTo>
                      <a:pt x="24" y="114"/>
                    </a:lnTo>
                    <a:lnTo>
                      <a:pt x="12" y="114"/>
                    </a:lnTo>
                    <a:lnTo>
                      <a:pt x="12" y="96"/>
                    </a:lnTo>
                    <a:lnTo>
                      <a:pt x="24" y="96"/>
                    </a:lnTo>
                    <a:lnTo>
                      <a:pt x="18" y="78"/>
                    </a:lnTo>
                    <a:lnTo>
                      <a:pt x="48" y="48"/>
                    </a:lnTo>
                    <a:lnTo>
                      <a:pt x="48" y="24"/>
                    </a:lnTo>
                    <a:lnTo>
                      <a:pt x="60" y="12"/>
                    </a:lnTo>
                    <a:lnTo>
                      <a:pt x="168" y="0"/>
                    </a:lnTo>
                    <a:lnTo>
                      <a:pt x="168" y="204"/>
                    </a:lnTo>
                    <a:lnTo>
                      <a:pt x="180" y="276"/>
                    </a:lnTo>
                    <a:lnTo>
                      <a:pt x="180" y="294"/>
                    </a:lnTo>
                    <a:lnTo>
                      <a:pt x="180" y="30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45" name="Freeform 322"/>
              <p:cNvSpPr>
                <a:spLocks noChangeAspect="1"/>
              </p:cNvSpPr>
              <p:nvPr/>
            </p:nvSpPr>
            <p:spPr bwMode="auto">
              <a:xfrm>
                <a:off x="1452" y="2148"/>
                <a:ext cx="336" cy="294"/>
              </a:xfrm>
              <a:custGeom>
                <a:avLst/>
                <a:gdLst>
                  <a:gd name="T0" fmla="*/ 312 w 336"/>
                  <a:gd name="T1" fmla="*/ 294 h 294"/>
                  <a:gd name="T2" fmla="*/ 276 w 336"/>
                  <a:gd name="T3" fmla="*/ 294 h 294"/>
                  <a:gd name="T4" fmla="*/ 294 w 336"/>
                  <a:gd name="T5" fmla="*/ 276 h 294"/>
                  <a:gd name="T6" fmla="*/ 288 w 336"/>
                  <a:gd name="T7" fmla="*/ 264 h 294"/>
                  <a:gd name="T8" fmla="*/ 60 w 336"/>
                  <a:gd name="T9" fmla="*/ 270 h 294"/>
                  <a:gd name="T10" fmla="*/ 60 w 336"/>
                  <a:gd name="T11" fmla="*/ 96 h 294"/>
                  <a:gd name="T12" fmla="*/ 30 w 336"/>
                  <a:gd name="T13" fmla="*/ 72 h 294"/>
                  <a:gd name="T14" fmla="*/ 42 w 336"/>
                  <a:gd name="T15" fmla="*/ 54 h 294"/>
                  <a:gd name="T16" fmla="*/ 24 w 336"/>
                  <a:gd name="T17" fmla="*/ 42 h 294"/>
                  <a:gd name="T18" fmla="*/ 0 w 336"/>
                  <a:gd name="T19" fmla="*/ 6 h 294"/>
                  <a:gd name="T20" fmla="*/ 198 w 336"/>
                  <a:gd name="T21" fmla="*/ 0 h 294"/>
                  <a:gd name="T22" fmla="*/ 210 w 336"/>
                  <a:gd name="T23" fmla="*/ 18 h 294"/>
                  <a:gd name="T24" fmla="*/ 210 w 336"/>
                  <a:gd name="T25" fmla="*/ 48 h 294"/>
                  <a:gd name="T26" fmla="*/ 222 w 336"/>
                  <a:gd name="T27" fmla="*/ 66 h 294"/>
                  <a:gd name="T28" fmla="*/ 246 w 336"/>
                  <a:gd name="T29" fmla="*/ 84 h 294"/>
                  <a:gd name="T30" fmla="*/ 252 w 336"/>
                  <a:gd name="T31" fmla="*/ 108 h 294"/>
                  <a:gd name="T32" fmla="*/ 264 w 336"/>
                  <a:gd name="T33" fmla="*/ 102 h 294"/>
                  <a:gd name="T34" fmla="*/ 282 w 336"/>
                  <a:gd name="T35" fmla="*/ 114 h 294"/>
                  <a:gd name="T36" fmla="*/ 270 w 336"/>
                  <a:gd name="T37" fmla="*/ 150 h 294"/>
                  <a:gd name="T38" fmla="*/ 318 w 336"/>
                  <a:gd name="T39" fmla="*/ 186 h 294"/>
                  <a:gd name="T40" fmla="*/ 318 w 336"/>
                  <a:gd name="T41" fmla="*/ 210 h 294"/>
                  <a:gd name="T42" fmla="*/ 336 w 336"/>
                  <a:gd name="T43" fmla="*/ 228 h 294"/>
                  <a:gd name="T44" fmla="*/ 336 w 336"/>
                  <a:gd name="T45" fmla="*/ 252 h 294"/>
                  <a:gd name="T46" fmla="*/ 330 w 336"/>
                  <a:gd name="T47" fmla="*/ 252 h 294"/>
                  <a:gd name="T48" fmla="*/ 324 w 336"/>
                  <a:gd name="T49" fmla="*/ 258 h 294"/>
                  <a:gd name="T50" fmla="*/ 318 w 336"/>
                  <a:gd name="T51" fmla="*/ 252 h 294"/>
                  <a:gd name="T52" fmla="*/ 312 w 336"/>
                  <a:gd name="T53" fmla="*/ 288 h 294"/>
                  <a:gd name="T54" fmla="*/ 312 w 336"/>
                  <a:gd name="T55" fmla="*/ 294 h 294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336"/>
                  <a:gd name="T85" fmla="*/ 0 h 294"/>
                  <a:gd name="T86" fmla="*/ 336 w 336"/>
                  <a:gd name="T87" fmla="*/ 294 h 294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336" h="294">
                    <a:moveTo>
                      <a:pt x="312" y="294"/>
                    </a:moveTo>
                    <a:lnTo>
                      <a:pt x="276" y="294"/>
                    </a:lnTo>
                    <a:lnTo>
                      <a:pt x="294" y="276"/>
                    </a:lnTo>
                    <a:lnTo>
                      <a:pt x="288" y="264"/>
                    </a:lnTo>
                    <a:lnTo>
                      <a:pt x="60" y="270"/>
                    </a:lnTo>
                    <a:lnTo>
                      <a:pt x="60" y="96"/>
                    </a:lnTo>
                    <a:lnTo>
                      <a:pt x="30" y="72"/>
                    </a:lnTo>
                    <a:lnTo>
                      <a:pt x="42" y="54"/>
                    </a:lnTo>
                    <a:lnTo>
                      <a:pt x="24" y="42"/>
                    </a:lnTo>
                    <a:lnTo>
                      <a:pt x="0" y="6"/>
                    </a:lnTo>
                    <a:lnTo>
                      <a:pt x="198" y="0"/>
                    </a:lnTo>
                    <a:lnTo>
                      <a:pt x="210" y="18"/>
                    </a:lnTo>
                    <a:lnTo>
                      <a:pt x="210" y="48"/>
                    </a:lnTo>
                    <a:lnTo>
                      <a:pt x="222" y="66"/>
                    </a:lnTo>
                    <a:lnTo>
                      <a:pt x="246" y="84"/>
                    </a:lnTo>
                    <a:lnTo>
                      <a:pt x="252" y="108"/>
                    </a:lnTo>
                    <a:lnTo>
                      <a:pt x="264" y="102"/>
                    </a:lnTo>
                    <a:lnTo>
                      <a:pt x="282" y="114"/>
                    </a:lnTo>
                    <a:lnTo>
                      <a:pt x="270" y="150"/>
                    </a:lnTo>
                    <a:lnTo>
                      <a:pt x="318" y="186"/>
                    </a:lnTo>
                    <a:lnTo>
                      <a:pt x="318" y="210"/>
                    </a:lnTo>
                    <a:lnTo>
                      <a:pt x="336" y="228"/>
                    </a:lnTo>
                    <a:lnTo>
                      <a:pt x="336" y="252"/>
                    </a:lnTo>
                    <a:lnTo>
                      <a:pt x="330" y="252"/>
                    </a:lnTo>
                    <a:lnTo>
                      <a:pt x="324" y="258"/>
                    </a:lnTo>
                    <a:lnTo>
                      <a:pt x="318" y="252"/>
                    </a:lnTo>
                    <a:lnTo>
                      <a:pt x="312" y="288"/>
                    </a:lnTo>
                    <a:lnTo>
                      <a:pt x="312" y="294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46" name="Freeform 323"/>
              <p:cNvSpPr>
                <a:spLocks noChangeAspect="1"/>
              </p:cNvSpPr>
              <p:nvPr/>
            </p:nvSpPr>
            <p:spPr bwMode="auto">
              <a:xfrm>
                <a:off x="1452" y="2148"/>
                <a:ext cx="336" cy="300"/>
              </a:xfrm>
              <a:custGeom>
                <a:avLst/>
                <a:gdLst>
                  <a:gd name="T0" fmla="*/ 312 w 336"/>
                  <a:gd name="T1" fmla="*/ 294 h 300"/>
                  <a:gd name="T2" fmla="*/ 276 w 336"/>
                  <a:gd name="T3" fmla="*/ 294 h 300"/>
                  <a:gd name="T4" fmla="*/ 294 w 336"/>
                  <a:gd name="T5" fmla="*/ 276 h 300"/>
                  <a:gd name="T6" fmla="*/ 288 w 336"/>
                  <a:gd name="T7" fmla="*/ 264 h 300"/>
                  <a:gd name="T8" fmla="*/ 60 w 336"/>
                  <a:gd name="T9" fmla="*/ 270 h 300"/>
                  <a:gd name="T10" fmla="*/ 60 w 336"/>
                  <a:gd name="T11" fmla="*/ 96 h 300"/>
                  <a:gd name="T12" fmla="*/ 30 w 336"/>
                  <a:gd name="T13" fmla="*/ 72 h 300"/>
                  <a:gd name="T14" fmla="*/ 42 w 336"/>
                  <a:gd name="T15" fmla="*/ 54 h 300"/>
                  <a:gd name="T16" fmla="*/ 24 w 336"/>
                  <a:gd name="T17" fmla="*/ 42 h 300"/>
                  <a:gd name="T18" fmla="*/ 0 w 336"/>
                  <a:gd name="T19" fmla="*/ 6 h 300"/>
                  <a:gd name="T20" fmla="*/ 198 w 336"/>
                  <a:gd name="T21" fmla="*/ 0 h 300"/>
                  <a:gd name="T22" fmla="*/ 210 w 336"/>
                  <a:gd name="T23" fmla="*/ 18 h 300"/>
                  <a:gd name="T24" fmla="*/ 210 w 336"/>
                  <a:gd name="T25" fmla="*/ 48 h 300"/>
                  <a:gd name="T26" fmla="*/ 222 w 336"/>
                  <a:gd name="T27" fmla="*/ 66 h 300"/>
                  <a:gd name="T28" fmla="*/ 246 w 336"/>
                  <a:gd name="T29" fmla="*/ 84 h 300"/>
                  <a:gd name="T30" fmla="*/ 252 w 336"/>
                  <a:gd name="T31" fmla="*/ 108 h 300"/>
                  <a:gd name="T32" fmla="*/ 264 w 336"/>
                  <a:gd name="T33" fmla="*/ 102 h 300"/>
                  <a:gd name="T34" fmla="*/ 282 w 336"/>
                  <a:gd name="T35" fmla="*/ 114 h 300"/>
                  <a:gd name="T36" fmla="*/ 270 w 336"/>
                  <a:gd name="T37" fmla="*/ 150 h 300"/>
                  <a:gd name="T38" fmla="*/ 318 w 336"/>
                  <a:gd name="T39" fmla="*/ 186 h 300"/>
                  <a:gd name="T40" fmla="*/ 318 w 336"/>
                  <a:gd name="T41" fmla="*/ 210 h 300"/>
                  <a:gd name="T42" fmla="*/ 336 w 336"/>
                  <a:gd name="T43" fmla="*/ 228 h 300"/>
                  <a:gd name="T44" fmla="*/ 336 w 336"/>
                  <a:gd name="T45" fmla="*/ 252 h 300"/>
                  <a:gd name="T46" fmla="*/ 330 w 336"/>
                  <a:gd name="T47" fmla="*/ 252 h 300"/>
                  <a:gd name="T48" fmla="*/ 324 w 336"/>
                  <a:gd name="T49" fmla="*/ 258 h 300"/>
                  <a:gd name="T50" fmla="*/ 318 w 336"/>
                  <a:gd name="T51" fmla="*/ 252 h 300"/>
                  <a:gd name="T52" fmla="*/ 312 w 336"/>
                  <a:gd name="T53" fmla="*/ 288 h 300"/>
                  <a:gd name="T54" fmla="*/ 312 w 336"/>
                  <a:gd name="T55" fmla="*/ 294 h 300"/>
                  <a:gd name="T56" fmla="*/ 312 w 336"/>
                  <a:gd name="T57" fmla="*/ 300 h 300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w 336"/>
                  <a:gd name="T88" fmla="*/ 0 h 300"/>
                  <a:gd name="T89" fmla="*/ 336 w 336"/>
                  <a:gd name="T90" fmla="*/ 300 h 300"/>
                </a:gdLst>
                <a:ahLst/>
                <a:cxnLst>
                  <a:cxn ang="T58">
                    <a:pos x="T0" y="T1"/>
                  </a:cxn>
                  <a:cxn ang="T59">
                    <a:pos x="T2" y="T3"/>
                  </a:cxn>
                  <a:cxn ang="T60">
                    <a:pos x="T4" y="T5"/>
                  </a:cxn>
                  <a:cxn ang="T61">
                    <a:pos x="T6" y="T7"/>
                  </a:cxn>
                  <a:cxn ang="T62">
                    <a:pos x="T8" y="T9"/>
                  </a:cxn>
                  <a:cxn ang="T63">
                    <a:pos x="T10" y="T11"/>
                  </a:cxn>
                  <a:cxn ang="T64">
                    <a:pos x="T12" y="T13"/>
                  </a:cxn>
                  <a:cxn ang="T65">
                    <a:pos x="T14" y="T15"/>
                  </a:cxn>
                  <a:cxn ang="T66">
                    <a:pos x="T16" y="T17"/>
                  </a:cxn>
                  <a:cxn ang="T67">
                    <a:pos x="T18" y="T19"/>
                  </a:cxn>
                  <a:cxn ang="T68">
                    <a:pos x="T20" y="T21"/>
                  </a:cxn>
                  <a:cxn ang="T69">
                    <a:pos x="T22" y="T23"/>
                  </a:cxn>
                  <a:cxn ang="T70">
                    <a:pos x="T24" y="T25"/>
                  </a:cxn>
                  <a:cxn ang="T71">
                    <a:pos x="T26" y="T27"/>
                  </a:cxn>
                  <a:cxn ang="T72">
                    <a:pos x="T28" y="T29"/>
                  </a:cxn>
                  <a:cxn ang="T73">
                    <a:pos x="T30" y="T31"/>
                  </a:cxn>
                  <a:cxn ang="T74">
                    <a:pos x="T32" y="T33"/>
                  </a:cxn>
                  <a:cxn ang="T75">
                    <a:pos x="T34" y="T35"/>
                  </a:cxn>
                  <a:cxn ang="T76">
                    <a:pos x="T36" y="T37"/>
                  </a:cxn>
                  <a:cxn ang="T77">
                    <a:pos x="T38" y="T39"/>
                  </a:cxn>
                  <a:cxn ang="T78">
                    <a:pos x="T40" y="T41"/>
                  </a:cxn>
                  <a:cxn ang="T79">
                    <a:pos x="T42" y="T43"/>
                  </a:cxn>
                  <a:cxn ang="T80">
                    <a:pos x="T44" y="T45"/>
                  </a:cxn>
                  <a:cxn ang="T81">
                    <a:pos x="T46" y="T47"/>
                  </a:cxn>
                  <a:cxn ang="T82">
                    <a:pos x="T48" y="T49"/>
                  </a:cxn>
                  <a:cxn ang="T83">
                    <a:pos x="T50" y="T51"/>
                  </a:cxn>
                  <a:cxn ang="T84">
                    <a:pos x="T52" y="T53"/>
                  </a:cxn>
                  <a:cxn ang="T85">
                    <a:pos x="T54" y="T55"/>
                  </a:cxn>
                  <a:cxn ang="T86">
                    <a:pos x="T56" y="T57"/>
                  </a:cxn>
                </a:cxnLst>
                <a:rect l="T87" t="T88" r="T89" b="T90"/>
                <a:pathLst>
                  <a:path w="336" h="300">
                    <a:moveTo>
                      <a:pt x="312" y="294"/>
                    </a:moveTo>
                    <a:lnTo>
                      <a:pt x="276" y="294"/>
                    </a:lnTo>
                    <a:lnTo>
                      <a:pt x="294" y="276"/>
                    </a:lnTo>
                    <a:lnTo>
                      <a:pt x="288" y="264"/>
                    </a:lnTo>
                    <a:lnTo>
                      <a:pt x="60" y="270"/>
                    </a:lnTo>
                    <a:lnTo>
                      <a:pt x="60" y="96"/>
                    </a:lnTo>
                    <a:lnTo>
                      <a:pt x="30" y="72"/>
                    </a:lnTo>
                    <a:lnTo>
                      <a:pt x="42" y="54"/>
                    </a:lnTo>
                    <a:lnTo>
                      <a:pt x="24" y="42"/>
                    </a:lnTo>
                    <a:lnTo>
                      <a:pt x="0" y="6"/>
                    </a:lnTo>
                    <a:lnTo>
                      <a:pt x="198" y="0"/>
                    </a:lnTo>
                    <a:lnTo>
                      <a:pt x="210" y="18"/>
                    </a:lnTo>
                    <a:lnTo>
                      <a:pt x="210" y="48"/>
                    </a:lnTo>
                    <a:lnTo>
                      <a:pt x="222" y="66"/>
                    </a:lnTo>
                    <a:lnTo>
                      <a:pt x="246" y="84"/>
                    </a:lnTo>
                    <a:lnTo>
                      <a:pt x="252" y="108"/>
                    </a:lnTo>
                    <a:lnTo>
                      <a:pt x="264" y="102"/>
                    </a:lnTo>
                    <a:lnTo>
                      <a:pt x="282" y="114"/>
                    </a:lnTo>
                    <a:lnTo>
                      <a:pt x="270" y="150"/>
                    </a:lnTo>
                    <a:lnTo>
                      <a:pt x="318" y="186"/>
                    </a:lnTo>
                    <a:lnTo>
                      <a:pt x="318" y="210"/>
                    </a:lnTo>
                    <a:lnTo>
                      <a:pt x="336" y="228"/>
                    </a:lnTo>
                    <a:lnTo>
                      <a:pt x="336" y="252"/>
                    </a:lnTo>
                    <a:lnTo>
                      <a:pt x="330" y="252"/>
                    </a:lnTo>
                    <a:lnTo>
                      <a:pt x="324" y="258"/>
                    </a:lnTo>
                    <a:lnTo>
                      <a:pt x="318" y="252"/>
                    </a:lnTo>
                    <a:lnTo>
                      <a:pt x="312" y="288"/>
                    </a:lnTo>
                    <a:lnTo>
                      <a:pt x="312" y="294"/>
                    </a:lnTo>
                    <a:lnTo>
                      <a:pt x="312" y="30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47" name="Freeform 324"/>
              <p:cNvSpPr>
                <a:spLocks noChangeAspect="1"/>
              </p:cNvSpPr>
              <p:nvPr/>
            </p:nvSpPr>
            <p:spPr bwMode="auto">
              <a:xfrm>
                <a:off x="576" y="1530"/>
                <a:ext cx="522" cy="324"/>
              </a:xfrm>
              <a:custGeom>
                <a:avLst/>
                <a:gdLst>
                  <a:gd name="T0" fmla="*/ 504 w 522"/>
                  <a:gd name="T1" fmla="*/ 270 h 324"/>
                  <a:gd name="T2" fmla="*/ 498 w 522"/>
                  <a:gd name="T3" fmla="*/ 324 h 324"/>
                  <a:gd name="T4" fmla="*/ 186 w 522"/>
                  <a:gd name="T5" fmla="*/ 288 h 324"/>
                  <a:gd name="T6" fmla="*/ 180 w 522"/>
                  <a:gd name="T7" fmla="*/ 318 h 324"/>
                  <a:gd name="T8" fmla="*/ 168 w 522"/>
                  <a:gd name="T9" fmla="*/ 300 h 324"/>
                  <a:gd name="T10" fmla="*/ 162 w 522"/>
                  <a:gd name="T11" fmla="*/ 312 h 324"/>
                  <a:gd name="T12" fmla="*/ 126 w 522"/>
                  <a:gd name="T13" fmla="*/ 306 h 324"/>
                  <a:gd name="T14" fmla="*/ 120 w 522"/>
                  <a:gd name="T15" fmla="*/ 312 h 324"/>
                  <a:gd name="T16" fmla="*/ 102 w 522"/>
                  <a:gd name="T17" fmla="*/ 306 h 324"/>
                  <a:gd name="T18" fmla="*/ 96 w 522"/>
                  <a:gd name="T19" fmla="*/ 312 h 324"/>
                  <a:gd name="T20" fmla="*/ 90 w 522"/>
                  <a:gd name="T21" fmla="*/ 288 h 324"/>
                  <a:gd name="T22" fmla="*/ 78 w 522"/>
                  <a:gd name="T23" fmla="*/ 276 h 324"/>
                  <a:gd name="T24" fmla="*/ 66 w 522"/>
                  <a:gd name="T25" fmla="*/ 228 h 324"/>
                  <a:gd name="T26" fmla="*/ 60 w 522"/>
                  <a:gd name="T27" fmla="*/ 222 h 324"/>
                  <a:gd name="T28" fmla="*/ 42 w 522"/>
                  <a:gd name="T29" fmla="*/ 234 h 324"/>
                  <a:gd name="T30" fmla="*/ 36 w 522"/>
                  <a:gd name="T31" fmla="*/ 222 h 324"/>
                  <a:gd name="T32" fmla="*/ 60 w 522"/>
                  <a:gd name="T33" fmla="*/ 162 h 324"/>
                  <a:gd name="T34" fmla="*/ 36 w 522"/>
                  <a:gd name="T35" fmla="*/ 150 h 324"/>
                  <a:gd name="T36" fmla="*/ 24 w 522"/>
                  <a:gd name="T37" fmla="*/ 114 h 324"/>
                  <a:gd name="T38" fmla="*/ 6 w 522"/>
                  <a:gd name="T39" fmla="*/ 96 h 324"/>
                  <a:gd name="T40" fmla="*/ 12 w 522"/>
                  <a:gd name="T41" fmla="*/ 90 h 324"/>
                  <a:gd name="T42" fmla="*/ 0 w 522"/>
                  <a:gd name="T43" fmla="*/ 60 h 324"/>
                  <a:gd name="T44" fmla="*/ 12 w 522"/>
                  <a:gd name="T45" fmla="*/ 0 h 324"/>
                  <a:gd name="T46" fmla="*/ 282 w 522"/>
                  <a:gd name="T47" fmla="*/ 48 h 324"/>
                  <a:gd name="T48" fmla="*/ 522 w 522"/>
                  <a:gd name="T49" fmla="*/ 72 h 324"/>
                  <a:gd name="T50" fmla="*/ 510 w 522"/>
                  <a:gd name="T51" fmla="*/ 246 h 324"/>
                  <a:gd name="T52" fmla="*/ 504 w 522"/>
                  <a:gd name="T53" fmla="*/ 270 h 324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522"/>
                  <a:gd name="T82" fmla="*/ 0 h 324"/>
                  <a:gd name="T83" fmla="*/ 522 w 522"/>
                  <a:gd name="T84" fmla="*/ 324 h 324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522" h="324">
                    <a:moveTo>
                      <a:pt x="504" y="270"/>
                    </a:moveTo>
                    <a:lnTo>
                      <a:pt x="498" y="324"/>
                    </a:lnTo>
                    <a:lnTo>
                      <a:pt x="186" y="288"/>
                    </a:lnTo>
                    <a:lnTo>
                      <a:pt x="180" y="318"/>
                    </a:lnTo>
                    <a:lnTo>
                      <a:pt x="168" y="300"/>
                    </a:lnTo>
                    <a:lnTo>
                      <a:pt x="162" y="312"/>
                    </a:lnTo>
                    <a:lnTo>
                      <a:pt x="126" y="306"/>
                    </a:lnTo>
                    <a:lnTo>
                      <a:pt x="120" y="312"/>
                    </a:lnTo>
                    <a:lnTo>
                      <a:pt x="102" y="306"/>
                    </a:lnTo>
                    <a:lnTo>
                      <a:pt x="96" y="312"/>
                    </a:lnTo>
                    <a:lnTo>
                      <a:pt x="90" y="288"/>
                    </a:lnTo>
                    <a:lnTo>
                      <a:pt x="78" y="276"/>
                    </a:lnTo>
                    <a:lnTo>
                      <a:pt x="66" y="228"/>
                    </a:lnTo>
                    <a:lnTo>
                      <a:pt x="60" y="222"/>
                    </a:lnTo>
                    <a:lnTo>
                      <a:pt x="42" y="234"/>
                    </a:lnTo>
                    <a:lnTo>
                      <a:pt x="36" y="222"/>
                    </a:lnTo>
                    <a:lnTo>
                      <a:pt x="60" y="162"/>
                    </a:lnTo>
                    <a:lnTo>
                      <a:pt x="36" y="150"/>
                    </a:lnTo>
                    <a:lnTo>
                      <a:pt x="24" y="114"/>
                    </a:lnTo>
                    <a:lnTo>
                      <a:pt x="6" y="96"/>
                    </a:lnTo>
                    <a:lnTo>
                      <a:pt x="12" y="90"/>
                    </a:lnTo>
                    <a:lnTo>
                      <a:pt x="0" y="60"/>
                    </a:lnTo>
                    <a:lnTo>
                      <a:pt x="12" y="0"/>
                    </a:lnTo>
                    <a:lnTo>
                      <a:pt x="282" y="48"/>
                    </a:lnTo>
                    <a:lnTo>
                      <a:pt x="522" y="72"/>
                    </a:lnTo>
                    <a:lnTo>
                      <a:pt x="510" y="246"/>
                    </a:lnTo>
                    <a:lnTo>
                      <a:pt x="504" y="27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48" name="Freeform 325"/>
              <p:cNvSpPr>
                <a:spLocks noChangeAspect="1"/>
              </p:cNvSpPr>
              <p:nvPr/>
            </p:nvSpPr>
            <p:spPr bwMode="auto">
              <a:xfrm>
                <a:off x="576" y="1530"/>
                <a:ext cx="522" cy="324"/>
              </a:xfrm>
              <a:custGeom>
                <a:avLst/>
                <a:gdLst>
                  <a:gd name="T0" fmla="*/ 504 w 522"/>
                  <a:gd name="T1" fmla="*/ 270 h 324"/>
                  <a:gd name="T2" fmla="*/ 498 w 522"/>
                  <a:gd name="T3" fmla="*/ 324 h 324"/>
                  <a:gd name="T4" fmla="*/ 186 w 522"/>
                  <a:gd name="T5" fmla="*/ 288 h 324"/>
                  <a:gd name="T6" fmla="*/ 180 w 522"/>
                  <a:gd name="T7" fmla="*/ 318 h 324"/>
                  <a:gd name="T8" fmla="*/ 168 w 522"/>
                  <a:gd name="T9" fmla="*/ 300 h 324"/>
                  <a:gd name="T10" fmla="*/ 162 w 522"/>
                  <a:gd name="T11" fmla="*/ 312 h 324"/>
                  <a:gd name="T12" fmla="*/ 126 w 522"/>
                  <a:gd name="T13" fmla="*/ 306 h 324"/>
                  <a:gd name="T14" fmla="*/ 120 w 522"/>
                  <a:gd name="T15" fmla="*/ 312 h 324"/>
                  <a:gd name="T16" fmla="*/ 102 w 522"/>
                  <a:gd name="T17" fmla="*/ 306 h 324"/>
                  <a:gd name="T18" fmla="*/ 96 w 522"/>
                  <a:gd name="T19" fmla="*/ 312 h 324"/>
                  <a:gd name="T20" fmla="*/ 90 w 522"/>
                  <a:gd name="T21" fmla="*/ 288 h 324"/>
                  <a:gd name="T22" fmla="*/ 78 w 522"/>
                  <a:gd name="T23" fmla="*/ 276 h 324"/>
                  <a:gd name="T24" fmla="*/ 66 w 522"/>
                  <a:gd name="T25" fmla="*/ 228 h 324"/>
                  <a:gd name="T26" fmla="*/ 60 w 522"/>
                  <a:gd name="T27" fmla="*/ 222 h 324"/>
                  <a:gd name="T28" fmla="*/ 42 w 522"/>
                  <a:gd name="T29" fmla="*/ 234 h 324"/>
                  <a:gd name="T30" fmla="*/ 36 w 522"/>
                  <a:gd name="T31" fmla="*/ 222 h 324"/>
                  <a:gd name="T32" fmla="*/ 60 w 522"/>
                  <a:gd name="T33" fmla="*/ 162 h 324"/>
                  <a:gd name="T34" fmla="*/ 36 w 522"/>
                  <a:gd name="T35" fmla="*/ 150 h 324"/>
                  <a:gd name="T36" fmla="*/ 24 w 522"/>
                  <a:gd name="T37" fmla="*/ 114 h 324"/>
                  <a:gd name="T38" fmla="*/ 6 w 522"/>
                  <a:gd name="T39" fmla="*/ 96 h 324"/>
                  <a:gd name="T40" fmla="*/ 12 w 522"/>
                  <a:gd name="T41" fmla="*/ 90 h 324"/>
                  <a:gd name="T42" fmla="*/ 0 w 522"/>
                  <a:gd name="T43" fmla="*/ 60 h 324"/>
                  <a:gd name="T44" fmla="*/ 12 w 522"/>
                  <a:gd name="T45" fmla="*/ 0 h 324"/>
                  <a:gd name="T46" fmla="*/ 282 w 522"/>
                  <a:gd name="T47" fmla="*/ 48 h 324"/>
                  <a:gd name="T48" fmla="*/ 522 w 522"/>
                  <a:gd name="T49" fmla="*/ 72 h 324"/>
                  <a:gd name="T50" fmla="*/ 510 w 522"/>
                  <a:gd name="T51" fmla="*/ 246 h 324"/>
                  <a:gd name="T52" fmla="*/ 504 w 522"/>
                  <a:gd name="T53" fmla="*/ 270 h 324"/>
                  <a:gd name="T54" fmla="*/ 504 w 522"/>
                  <a:gd name="T55" fmla="*/ 276 h 324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522"/>
                  <a:gd name="T85" fmla="*/ 0 h 324"/>
                  <a:gd name="T86" fmla="*/ 522 w 522"/>
                  <a:gd name="T87" fmla="*/ 324 h 324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522" h="324">
                    <a:moveTo>
                      <a:pt x="504" y="270"/>
                    </a:moveTo>
                    <a:lnTo>
                      <a:pt x="498" y="324"/>
                    </a:lnTo>
                    <a:lnTo>
                      <a:pt x="186" y="288"/>
                    </a:lnTo>
                    <a:lnTo>
                      <a:pt x="180" y="318"/>
                    </a:lnTo>
                    <a:lnTo>
                      <a:pt x="168" y="300"/>
                    </a:lnTo>
                    <a:lnTo>
                      <a:pt x="162" y="312"/>
                    </a:lnTo>
                    <a:lnTo>
                      <a:pt x="126" y="306"/>
                    </a:lnTo>
                    <a:lnTo>
                      <a:pt x="120" y="312"/>
                    </a:lnTo>
                    <a:lnTo>
                      <a:pt x="102" y="306"/>
                    </a:lnTo>
                    <a:lnTo>
                      <a:pt x="96" y="312"/>
                    </a:lnTo>
                    <a:lnTo>
                      <a:pt x="90" y="288"/>
                    </a:lnTo>
                    <a:lnTo>
                      <a:pt x="78" y="276"/>
                    </a:lnTo>
                    <a:lnTo>
                      <a:pt x="66" y="228"/>
                    </a:lnTo>
                    <a:lnTo>
                      <a:pt x="60" y="222"/>
                    </a:lnTo>
                    <a:lnTo>
                      <a:pt x="42" y="234"/>
                    </a:lnTo>
                    <a:lnTo>
                      <a:pt x="36" y="222"/>
                    </a:lnTo>
                    <a:lnTo>
                      <a:pt x="60" y="162"/>
                    </a:lnTo>
                    <a:lnTo>
                      <a:pt x="36" y="150"/>
                    </a:lnTo>
                    <a:lnTo>
                      <a:pt x="24" y="114"/>
                    </a:lnTo>
                    <a:lnTo>
                      <a:pt x="6" y="96"/>
                    </a:lnTo>
                    <a:lnTo>
                      <a:pt x="12" y="90"/>
                    </a:lnTo>
                    <a:lnTo>
                      <a:pt x="0" y="60"/>
                    </a:lnTo>
                    <a:lnTo>
                      <a:pt x="12" y="0"/>
                    </a:lnTo>
                    <a:lnTo>
                      <a:pt x="282" y="48"/>
                    </a:lnTo>
                    <a:lnTo>
                      <a:pt x="522" y="72"/>
                    </a:lnTo>
                    <a:lnTo>
                      <a:pt x="510" y="246"/>
                    </a:lnTo>
                    <a:lnTo>
                      <a:pt x="504" y="270"/>
                    </a:lnTo>
                    <a:lnTo>
                      <a:pt x="504" y="27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49" name="Freeform 326"/>
              <p:cNvSpPr>
                <a:spLocks noChangeAspect="1"/>
              </p:cNvSpPr>
              <p:nvPr/>
            </p:nvSpPr>
            <p:spPr bwMode="auto">
              <a:xfrm>
                <a:off x="1056" y="1986"/>
                <a:ext cx="420" cy="204"/>
              </a:xfrm>
              <a:custGeom>
                <a:avLst/>
                <a:gdLst>
                  <a:gd name="T0" fmla="*/ 366 w 420"/>
                  <a:gd name="T1" fmla="*/ 48 h 204"/>
                  <a:gd name="T2" fmla="*/ 390 w 420"/>
                  <a:gd name="T3" fmla="*/ 126 h 204"/>
                  <a:gd name="T4" fmla="*/ 396 w 420"/>
                  <a:gd name="T5" fmla="*/ 168 h 204"/>
                  <a:gd name="T6" fmla="*/ 420 w 420"/>
                  <a:gd name="T7" fmla="*/ 204 h 204"/>
                  <a:gd name="T8" fmla="*/ 414 w 420"/>
                  <a:gd name="T9" fmla="*/ 204 h 204"/>
                  <a:gd name="T10" fmla="*/ 90 w 420"/>
                  <a:gd name="T11" fmla="*/ 198 h 204"/>
                  <a:gd name="T12" fmla="*/ 90 w 420"/>
                  <a:gd name="T13" fmla="*/ 174 h 204"/>
                  <a:gd name="T14" fmla="*/ 96 w 420"/>
                  <a:gd name="T15" fmla="*/ 132 h 204"/>
                  <a:gd name="T16" fmla="*/ 0 w 420"/>
                  <a:gd name="T17" fmla="*/ 126 h 204"/>
                  <a:gd name="T18" fmla="*/ 6 w 420"/>
                  <a:gd name="T19" fmla="*/ 0 h 204"/>
                  <a:gd name="T20" fmla="*/ 270 w 420"/>
                  <a:gd name="T21" fmla="*/ 12 h 204"/>
                  <a:gd name="T22" fmla="*/ 294 w 420"/>
                  <a:gd name="T23" fmla="*/ 30 h 204"/>
                  <a:gd name="T24" fmla="*/ 330 w 420"/>
                  <a:gd name="T25" fmla="*/ 24 h 204"/>
                  <a:gd name="T26" fmla="*/ 360 w 420"/>
                  <a:gd name="T27" fmla="*/ 48 h 204"/>
                  <a:gd name="T28" fmla="*/ 366 w 420"/>
                  <a:gd name="T29" fmla="*/ 48 h 204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w 420"/>
                  <a:gd name="T46" fmla="*/ 0 h 204"/>
                  <a:gd name="T47" fmla="*/ 420 w 420"/>
                  <a:gd name="T48" fmla="*/ 204 h 204"/>
                </a:gdLst>
                <a:ahLst/>
                <a:cxnLst>
                  <a:cxn ang="T30">
                    <a:pos x="T0" y="T1"/>
                  </a:cxn>
                  <a:cxn ang="T31">
                    <a:pos x="T2" y="T3"/>
                  </a:cxn>
                  <a:cxn ang="T32">
                    <a:pos x="T4" y="T5"/>
                  </a:cxn>
                  <a:cxn ang="T33">
                    <a:pos x="T6" y="T7"/>
                  </a:cxn>
                  <a:cxn ang="T34">
                    <a:pos x="T8" y="T9"/>
                  </a:cxn>
                  <a:cxn ang="T35">
                    <a:pos x="T10" y="T11"/>
                  </a:cxn>
                  <a:cxn ang="T36">
                    <a:pos x="T12" y="T13"/>
                  </a:cxn>
                  <a:cxn ang="T37">
                    <a:pos x="T14" y="T15"/>
                  </a:cxn>
                  <a:cxn ang="T38">
                    <a:pos x="T16" y="T17"/>
                  </a:cxn>
                  <a:cxn ang="T39">
                    <a:pos x="T18" y="T19"/>
                  </a:cxn>
                  <a:cxn ang="T40">
                    <a:pos x="T20" y="T21"/>
                  </a:cxn>
                  <a:cxn ang="T41">
                    <a:pos x="T22" y="T23"/>
                  </a:cxn>
                  <a:cxn ang="T42">
                    <a:pos x="T24" y="T25"/>
                  </a:cxn>
                  <a:cxn ang="T43">
                    <a:pos x="T26" y="T27"/>
                  </a:cxn>
                  <a:cxn ang="T44">
                    <a:pos x="T28" y="T29"/>
                  </a:cxn>
                </a:cxnLst>
                <a:rect l="T45" t="T46" r="T47" b="T48"/>
                <a:pathLst>
                  <a:path w="420" h="204">
                    <a:moveTo>
                      <a:pt x="366" y="48"/>
                    </a:moveTo>
                    <a:lnTo>
                      <a:pt x="390" y="126"/>
                    </a:lnTo>
                    <a:lnTo>
                      <a:pt x="396" y="168"/>
                    </a:lnTo>
                    <a:lnTo>
                      <a:pt x="420" y="204"/>
                    </a:lnTo>
                    <a:lnTo>
                      <a:pt x="414" y="204"/>
                    </a:lnTo>
                    <a:lnTo>
                      <a:pt x="90" y="198"/>
                    </a:lnTo>
                    <a:lnTo>
                      <a:pt x="90" y="174"/>
                    </a:lnTo>
                    <a:lnTo>
                      <a:pt x="96" y="132"/>
                    </a:lnTo>
                    <a:lnTo>
                      <a:pt x="0" y="126"/>
                    </a:lnTo>
                    <a:lnTo>
                      <a:pt x="6" y="0"/>
                    </a:lnTo>
                    <a:lnTo>
                      <a:pt x="270" y="12"/>
                    </a:lnTo>
                    <a:lnTo>
                      <a:pt x="294" y="30"/>
                    </a:lnTo>
                    <a:lnTo>
                      <a:pt x="330" y="24"/>
                    </a:lnTo>
                    <a:lnTo>
                      <a:pt x="360" y="48"/>
                    </a:lnTo>
                    <a:lnTo>
                      <a:pt x="366" y="48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50" name="Freeform 327"/>
              <p:cNvSpPr>
                <a:spLocks noChangeAspect="1"/>
              </p:cNvSpPr>
              <p:nvPr/>
            </p:nvSpPr>
            <p:spPr bwMode="auto">
              <a:xfrm>
                <a:off x="1056" y="1986"/>
                <a:ext cx="420" cy="204"/>
              </a:xfrm>
              <a:custGeom>
                <a:avLst/>
                <a:gdLst>
                  <a:gd name="T0" fmla="*/ 366 w 420"/>
                  <a:gd name="T1" fmla="*/ 48 h 204"/>
                  <a:gd name="T2" fmla="*/ 390 w 420"/>
                  <a:gd name="T3" fmla="*/ 126 h 204"/>
                  <a:gd name="T4" fmla="*/ 396 w 420"/>
                  <a:gd name="T5" fmla="*/ 168 h 204"/>
                  <a:gd name="T6" fmla="*/ 420 w 420"/>
                  <a:gd name="T7" fmla="*/ 204 h 204"/>
                  <a:gd name="T8" fmla="*/ 414 w 420"/>
                  <a:gd name="T9" fmla="*/ 204 h 204"/>
                  <a:gd name="T10" fmla="*/ 90 w 420"/>
                  <a:gd name="T11" fmla="*/ 198 h 204"/>
                  <a:gd name="T12" fmla="*/ 90 w 420"/>
                  <a:gd name="T13" fmla="*/ 174 h 204"/>
                  <a:gd name="T14" fmla="*/ 96 w 420"/>
                  <a:gd name="T15" fmla="*/ 132 h 204"/>
                  <a:gd name="T16" fmla="*/ 0 w 420"/>
                  <a:gd name="T17" fmla="*/ 126 h 204"/>
                  <a:gd name="T18" fmla="*/ 6 w 420"/>
                  <a:gd name="T19" fmla="*/ 0 h 204"/>
                  <a:gd name="T20" fmla="*/ 270 w 420"/>
                  <a:gd name="T21" fmla="*/ 12 h 204"/>
                  <a:gd name="T22" fmla="*/ 294 w 420"/>
                  <a:gd name="T23" fmla="*/ 30 h 204"/>
                  <a:gd name="T24" fmla="*/ 330 w 420"/>
                  <a:gd name="T25" fmla="*/ 24 h 204"/>
                  <a:gd name="T26" fmla="*/ 360 w 420"/>
                  <a:gd name="T27" fmla="*/ 48 h 204"/>
                  <a:gd name="T28" fmla="*/ 366 w 420"/>
                  <a:gd name="T29" fmla="*/ 48 h 204"/>
                  <a:gd name="T30" fmla="*/ 366 w 420"/>
                  <a:gd name="T31" fmla="*/ 54 h 204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w 420"/>
                  <a:gd name="T49" fmla="*/ 0 h 204"/>
                  <a:gd name="T50" fmla="*/ 420 w 420"/>
                  <a:gd name="T51" fmla="*/ 204 h 204"/>
                </a:gdLst>
                <a:ahLst/>
                <a:cxnLst>
                  <a:cxn ang="T32">
                    <a:pos x="T0" y="T1"/>
                  </a:cxn>
                  <a:cxn ang="T33">
                    <a:pos x="T2" y="T3"/>
                  </a:cxn>
                  <a:cxn ang="T34">
                    <a:pos x="T4" y="T5"/>
                  </a:cxn>
                  <a:cxn ang="T35">
                    <a:pos x="T6" y="T7"/>
                  </a:cxn>
                  <a:cxn ang="T36">
                    <a:pos x="T8" y="T9"/>
                  </a:cxn>
                  <a:cxn ang="T37">
                    <a:pos x="T10" y="T11"/>
                  </a:cxn>
                  <a:cxn ang="T38">
                    <a:pos x="T12" y="T13"/>
                  </a:cxn>
                  <a:cxn ang="T39">
                    <a:pos x="T14" y="T15"/>
                  </a:cxn>
                  <a:cxn ang="T40">
                    <a:pos x="T16" y="T17"/>
                  </a:cxn>
                  <a:cxn ang="T41">
                    <a:pos x="T18" y="T19"/>
                  </a:cxn>
                  <a:cxn ang="T42">
                    <a:pos x="T20" y="T21"/>
                  </a:cxn>
                  <a:cxn ang="T43">
                    <a:pos x="T22" y="T23"/>
                  </a:cxn>
                  <a:cxn ang="T44">
                    <a:pos x="T24" y="T25"/>
                  </a:cxn>
                  <a:cxn ang="T45">
                    <a:pos x="T26" y="T27"/>
                  </a:cxn>
                  <a:cxn ang="T46">
                    <a:pos x="T28" y="T29"/>
                  </a:cxn>
                  <a:cxn ang="T47">
                    <a:pos x="T30" y="T31"/>
                  </a:cxn>
                </a:cxnLst>
                <a:rect l="T48" t="T49" r="T50" b="T51"/>
                <a:pathLst>
                  <a:path w="420" h="204">
                    <a:moveTo>
                      <a:pt x="366" y="48"/>
                    </a:moveTo>
                    <a:lnTo>
                      <a:pt x="390" y="126"/>
                    </a:lnTo>
                    <a:lnTo>
                      <a:pt x="396" y="168"/>
                    </a:lnTo>
                    <a:lnTo>
                      <a:pt x="420" y="204"/>
                    </a:lnTo>
                    <a:lnTo>
                      <a:pt x="414" y="204"/>
                    </a:lnTo>
                    <a:lnTo>
                      <a:pt x="90" y="198"/>
                    </a:lnTo>
                    <a:lnTo>
                      <a:pt x="90" y="174"/>
                    </a:lnTo>
                    <a:lnTo>
                      <a:pt x="96" y="132"/>
                    </a:lnTo>
                    <a:lnTo>
                      <a:pt x="0" y="126"/>
                    </a:lnTo>
                    <a:lnTo>
                      <a:pt x="6" y="0"/>
                    </a:lnTo>
                    <a:lnTo>
                      <a:pt x="270" y="12"/>
                    </a:lnTo>
                    <a:lnTo>
                      <a:pt x="294" y="30"/>
                    </a:lnTo>
                    <a:lnTo>
                      <a:pt x="330" y="24"/>
                    </a:lnTo>
                    <a:lnTo>
                      <a:pt x="360" y="48"/>
                    </a:lnTo>
                    <a:lnTo>
                      <a:pt x="366" y="48"/>
                    </a:lnTo>
                    <a:lnTo>
                      <a:pt x="366" y="5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51" name="Freeform 328"/>
              <p:cNvSpPr>
                <a:spLocks noChangeAspect="1"/>
              </p:cNvSpPr>
              <p:nvPr/>
            </p:nvSpPr>
            <p:spPr bwMode="auto">
              <a:xfrm>
                <a:off x="264" y="1920"/>
                <a:ext cx="324" cy="498"/>
              </a:xfrm>
              <a:custGeom>
                <a:avLst/>
                <a:gdLst>
                  <a:gd name="T0" fmla="*/ 210 w 324"/>
                  <a:gd name="T1" fmla="*/ 498 h 498"/>
                  <a:gd name="T2" fmla="*/ 0 w 324"/>
                  <a:gd name="T3" fmla="*/ 186 h 498"/>
                  <a:gd name="T4" fmla="*/ 48 w 324"/>
                  <a:gd name="T5" fmla="*/ 0 h 498"/>
                  <a:gd name="T6" fmla="*/ 78 w 324"/>
                  <a:gd name="T7" fmla="*/ 6 h 498"/>
                  <a:gd name="T8" fmla="*/ 186 w 324"/>
                  <a:gd name="T9" fmla="*/ 36 h 498"/>
                  <a:gd name="T10" fmla="*/ 324 w 324"/>
                  <a:gd name="T11" fmla="*/ 60 h 498"/>
                  <a:gd name="T12" fmla="*/ 264 w 324"/>
                  <a:gd name="T13" fmla="*/ 378 h 498"/>
                  <a:gd name="T14" fmla="*/ 246 w 324"/>
                  <a:gd name="T15" fmla="*/ 438 h 498"/>
                  <a:gd name="T16" fmla="*/ 228 w 324"/>
                  <a:gd name="T17" fmla="*/ 426 h 498"/>
                  <a:gd name="T18" fmla="*/ 216 w 324"/>
                  <a:gd name="T19" fmla="*/ 432 h 498"/>
                  <a:gd name="T20" fmla="*/ 210 w 324"/>
                  <a:gd name="T21" fmla="*/ 492 h 498"/>
                  <a:gd name="T22" fmla="*/ 210 w 324"/>
                  <a:gd name="T23" fmla="*/ 498 h 498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24"/>
                  <a:gd name="T37" fmla="*/ 0 h 498"/>
                  <a:gd name="T38" fmla="*/ 324 w 324"/>
                  <a:gd name="T39" fmla="*/ 498 h 498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24" h="498">
                    <a:moveTo>
                      <a:pt x="210" y="498"/>
                    </a:moveTo>
                    <a:lnTo>
                      <a:pt x="0" y="186"/>
                    </a:lnTo>
                    <a:lnTo>
                      <a:pt x="48" y="0"/>
                    </a:lnTo>
                    <a:lnTo>
                      <a:pt x="78" y="6"/>
                    </a:lnTo>
                    <a:lnTo>
                      <a:pt x="186" y="36"/>
                    </a:lnTo>
                    <a:lnTo>
                      <a:pt x="324" y="60"/>
                    </a:lnTo>
                    <a:lnTo>
                      <a:pt x="264" y="378"/>
                    </a:lnTo>
                    <a:lnTo>
                      <a:pt x="246" y="438"/>
                    </a:lnTo>
                    <a:lnTo>
                      <a:pt x="228" y="426"/>
                    </a:lnTo>
                    <a:lnTo>
                      <a:pt x="216" y="432"/>
                    </a:lnTo>
                    <a:lnTo>
                      <a:pt x="210" y="492"/>
                    </a:lnTo>
                    <a:lnTo>
                      <a:pt x="210" y="49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52" name="Freeform 329"/>
              <p:cNvSpPr>
                <a:spLocks noChangeAspect="1"/>
              </p:cNvSpPr>
              <p:nvPr/>
            </p:nvSpPr>
            <p:spPr bwMode="auto">
              <a:xfrm>
                <a:off x="264" y="1920"/>
                <a:ext cx="324" cy="504"/>
              </a:xfrm>
              <a:custGeom>
                <a:avLst/>
                <a:gdLst>
                  <a:gd name="T0" fmla="*/ 210 w 324"/>
                  <a:gd name="T1" fmla="*/ 498 h 504"/>
                  <a:gd name="T2" fmla="*/ 0 w 324"/>
                  <a:gd name="T3" fmla="*/ 186 h 504"/>
                  <a:gd name="T4" fmla="*/ 48 w 324"/>
                  <a:gd name="T5" fmla="*/ 0 h 504"/>
                  <a:gd name="T6" fmla="*/ 78 w 324"/>
                  <a:gd name="T7" fmla="*/ 6 h 504"/>
                  <a:gd name="T8" fmla="*/ 186 w 324"/>
                  <a:gd name="T9" fmla="*/ 36 h 504"/>
                  <a:gd name="T10" fmla="*/ 324 w 324"/>
                  <a:gd name="T11" fmla="*/ 60 h 504"/>
                  <a:gd name="T12" fmla="*/ 264 w 324"/>
                  <a:gd name="T13" fmla="*/ 378 h 504"/>
                  <a:gd name="T14" fmla="*/ 246 w 324"/>
                  <a:gd name="T15" fmla="*/ 438 h 504"/>
                  <a:gd name="T16" fmla="*/ 228 w 324"/>
                  <a:gd name="T17" fmla="*/ 426 h 504"/>
                  <a:gd name="T18" fmla="*/ 216 w 324"/>
                  <a:gd name="T19" fmla="*/ 432 h 504"/>
                  <a:gd name="T20" fmla="*/ 210 w 324"/>
                  <a:gd name="T21" fmla="*/ 492 h 504"/>
                  <a:gd name="T22" fmla="*/ 210 w 324"/>
                  <a:gd name="T23" fmla="*/ 498 h 504"/>
                  <a:gd name="T24" fmla="*/ 210 w 324"/>
                  <a:gd name="T25" fmla="*/ 504 h 504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324"/>
                  <a:gd name="T40" fmla="*/ 0 h 504"/>
                  <a:gd name="T41" fmla="*/ 324 w 324"/>
                  <a:gd name="T42" fmla="*/ 504 h 504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324" h="504">
                    <a:moveTo>
                      <a:pt x="210" y="498"/>
                    </a:moveTo>
                    <a:lnTo>
                      <a:pt x="0" y="186"/>
                    </a:lnTo>
                    <a:lnTo>
                      <a:pt x="48" y="0"/>
                    </a:lnTo>
                    <a:lnTo>
                      <a:pt x="78" y="6"/>
                    </a:lnTo>
                    <a:lnTo>
                      <a:pt x="186" y="36"/>
                    </a:lnTo>
                    <a:lnTo>
                      <a:pt x="324" y="60"/>
                    </a:lnTo>
                    <a:lnTo>
                      <a:pt x="264" y="378"/>
                    </a:lnTo>
                    <a:lnTo>
                      <a:pt x="246" y="438"/>
                    </a:lnTo>
                    <a:lnTo>
                      <a:pt x="228" y="426"/>
                    </a:lnTo>
                    <a:lnTo>
                      <a:pt x="216" y="432"/>
                    </a:lnTo>
                    <a:lnTo>
                      <a:pt x="210" y="492"/>
                    </a:lnTo>
                    <a:lnTo>
                      <a:pt x="210" y="498"/>
                    </a:lnTo>
                    <a:lnTo>
                      <a:pt x="210" y="50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53" name="Freeform 330"/>
              <p:cNvSpPr>
                <a:spLocks noChangeAspect="1"/>
              </p:cNvSpPr>
              <p:nvPr/>
            </p:nvSpPr>
            <p:spPr bwMode="auto">
              <a:xfrm>
                <a:off x="2526" y="1710"/>
                <a:ext cx="84" cy="174"/>
              </a:xfrm>
              <a:custGeom>
                <a:avLst/>
                <a:gdLst>
                  <a:gd name="T0" fmla="*/ 84 w 84"/>
                  <a:gd name="T1" fmla="*/ 132 h 174"/>
                  <a:gd name="T2" fmla="*/ 78 w 84"/>
                  <a:gd name="T3" fmla="*/ 144 h 174"/>
                  <a:gd name="T4" fmla="*/ 60 w 84"/>
                  <a:gd name="T5" fmla="*/ 162 h 174"/>
                  <a:gd name="T6" fmla="*/ 6 w 84"/>
                  <a:gd name="T7" fmla="*/ 174 h 174"/>
                  <a:gd name="T8" fmla="*/ 0 w 84"/>
                  <a:gd name="T9" fmla="*/ 120 h 174"/>
                  <a:gd name="T10" fmla="*/ 6 w 84"/>
                  <a:gd name="T11" fmla="*/ 72 h 174"/>
                  <a:gd name="T12" fmla="*/ 18 w 84"/>
                  <a:gd name="T13" fmla="*/ 54 h 174"/>
                  <a:gd name="T14" fmla="*/ 18 w 84"/>
                  <a:gd name="T15" fmla="*/ 6 h 174"/>
                  <a:gd name="T16" fmla="*/ 30 w 84"/>
                  <a:gd name="T17" fmla="*/ 0 h 174"/>
                  <a:gd name="T18" fmla="*/ 66 w 84"/>
                  <a:gd name="T19" fmla="*/ 114 h 174"/>
                  <a:gd name="T20" fmla="*/ 78 w 84"/>
                  <a:gd name="T21" fmla="*/ 132 h 174"/>
                  <a:gd name="T22" fmla="*/ 84 w 84"/>
                  <a:gd name="T23" fmla="*/ 132 h 17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84"/>
                  <a:gd name="T37" fmla="*/ 0 h 174"/>
                  <a:gd name="T38" fmla="*/ 84 w 84"/>
                  <a:gd name="T39" fmla="*/ 174 h 17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84" h="174">
                    <a:moveTo>
                      <a:pt x="84" y="132"/>
                    </a:moveTo>
                    <a:lnTo>
                      <a:pt x="78" y="144"/>
                    </a:lnTo>
                    <a:lnTo>
                      <a:pt x="60" y="162"/>
                    </a:lnTo>
                    <a:lnTo>
                      <a:pt x="6" y="174"/>
                    </a:lnTo>
                    <a:lnTo>
                      <a:pt x="0" y="120"/>
                    </a:lnTo>
                    <a:lnTo>
                      <a:pt x="6" y="72"/>
                    </a:lnTo>
                    <a:lnTo>
                      <a:pt x="18" y="54"/>
                    </a:lnTo>
                    <a:lnTo>
                      <a:pt x="18" y="6"/>
                    </a:lnTo>
                    <a:lnTo>
                      <a:pt x="30" y="0"/>
                    </a:lnTo>
                    <a:lnTo>
                      <a:pt x="66" y="114"/>
                    </a:lnTo>
                    <a:lnTo>
                      <a:pt x="78" y="132"/>
                    </a:lnTo>
                    <a:lnTo>
                      <a:pt x="84" y="13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54" name="Freeform 331"/>
              <p:cNvSpPr>
                <a:spLocks noChangeAspect="1"/>
              </p:cNvSpPr>
              <p:nvPr/>
            </p:nvSpPr>
            <p:spPr bwMode="auto">
              <a:xfrm>
                <a:off x="2526" y="1710"/>
                <a:ext cx="84" cy="174"/>
              </a:xfrm>
              <a:custGeom>
                <a:avLst/>
                <a:gdLst>
                  <a:gd name="T0" fmla="*/ 84 w 84"/>
                  <a:gd name="T1" fmla="*/ 132 h 174"/>
                  <a:gd name="T2" fmla="*/ 78 w 84"/>
                  <a:gd name="T3" fmla="*/ 144 h 174"/>
                  <a:gd name="T4" fmla="*/ 60 w 84"/>
                  <a:gd name="T5" fmla="*/ 162 h 174"/>
                  <a:gd name="T6" fmla="*/ 6 w 84"/>
                  <a:gd name="T7" fmla="*/ 174 h 174"/>
                  <a:gd name="T8" fmla="*/ 0 w 84"/>
                  <a:gd name="T9" fmla="*/ 120 h 174"/>
                  <a:gd name="T10" fmla="*/ 6 w 84"/>
                  <a:gd name="T11" fmla="*/ 72 h 174"/>
                  <a:gd name="T12" fmla="*/ 18 w 84"/>
                  <a:gd name="T13" fmla="*/ 54 h 174"/>
                  <a:gd name="T14" fmla="*/ 18 w 84"/>
                  <a:gd name="T15" fmla="*/ 6 h 174"/>
                  <a:gd name="T16" fmla="*/ 30 w 84"/>
                  <a:gd name="T17" fmla="*/ 0 h 174"/>
                  <a:gd name="T18" fmla="*/ 66 w 84"/>
                  <a:gd name="T19" fmla="*/ 114 h 174"/>
                  <a:gd name="T20" fmla="*/ 78 w 84"/>
                  <a:gd name="T21" fmla="*/ 132 h 174"/>
                  <a:gd name="T22" fmla="*/ 84 w 84"/>
                  <a:gd name="T23" fmla="*/ 132 h 174"/>
                  <a:gd name="T24" fmla="*/ 84 w 84"/>
                  <a:gd name="T25" fmla="*/ 138 h 174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84"/>
                  <a:gd name="T40" fmla="*/ 0 h 174"/>
                  <a:gd name="T41" fmla="*/ 84 w 84"/>
                  <a:gd name="T42" fmla="*/ 174 h 174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84" h="174">
                    <a:moveTo>
                      <a:pt x="84" y="132"/>
                    </a:moveTo>
                    <a:lnTo>
                      <a:pt x="78" y="144"/>
                    </a:lnTo>
                    <a:lnTo>
                      <a:pt x="60" y="162"/>
                    </a:lnTo>
                    <a:lnTo>
                      <a:pt x="6" y="174"/>
                    </a:lnTo>
                    <a:lnTo>
                      <a:pt x="0" y="120"/>
                    </a:lnTo>
                    <a:lnTo>
                      <a:pt x="6" y="72"/>
                    </a:lnTo>
                    <a:lnTo>
                      <a:pt x="18" y="54"/>
                    </a:lnTo>
                    <a:lnTo>
                      <a:pt x="18" y="6"/>
                    </a:lnTo>
                    <a:lnTo>
                      <a:pt x="30" y="0"/>
                    </a:lnTo>
                    <a:lnTo>
                      <a:pt x="66" y="114"/>
                    </a:lnTo>
                    <a:lnTo>
                      <a:pt x="78" y="132"/>
                    </a:lnTo>
                    <a:lnTo>
                      <a:pt x="84" y="132"/>
                    </a:lnTo>
                    <a:lnTo>
                      <a:pt x="84" y="13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55" name="Freeform 332"/>
              <p:cNvSpPr>
                <a:spLocks noChangeAspect="1"/>
              </p:cNvSpPr>
              <p:nvPr/>
            </p:nvSpPr>
            <p:spPr bwMode="auto">
              <a:xfrm>
                <a:off x="2436" y="1992"/>
                <a:ext cx="66" cy="156"/>
              </a:xfrm>
              <a:custGeom>
                <a:avLst/>
                <a:gdLst>
                  <a:gd name="T0" fmla="*/ 60 w 66"/>
                  <a:gd name="T1" fmla="*/ 24 h 156"/>
                  <a:gd name="T2" fmla="*/ 48 w 66"/>
                  <a:gd name="T3" fmla="*/ 48 h 156"/>
                  <a:gd name="T4" fmla="*/ 66 w 66"/>
                  <a:gd name="T5" fmla="*/ 54 h 156"/>
                  <a:gd name="T6" fmla="*/ 66 w 66"/>
                  <a:gd name="T7" fmla="*/ 102 h 156"/>
                  <a:gd name="T8" fmla="*/ 42 w 66"/>
                  <a:gd name="T9" fmla="*/ 156 h 156"/>
                  <a:gd name="T10" fmla="*/ 36 w 66"/>
                  <a:gd name="T11" fmla="*/ 156 h 156"/>
                  <a:gd name="T12" fmla="*/ 42 w 66"/>
                  <a:gd name="T13" fmla="*/ 144 h 156"/>
                  <a:gd name="T14" fmla="*/ 6 w 66"/>
                  <a:gd name="T15" fmla="*/ 132 h 156"/>
                  <a:gd name="T16" fmla="*/ 0 w 66"/>
                  <a:gd name="T17" fmla="*/ 114 h 156"/>
                  <a:gd name="T18" fmla="*/ 6 w 66"/>
                  <a:gd name="T19" fmla="*/ 108 h 156"/>
                  <a:gd name="T20" fmla="*/ 30 w 66"/>
                  <a:gd name="T21" fmla="*/ 78 h 156"/>
                  <a:gd name="T22" fmla="*/ 6 w 66"/>
                  <a:gd name="T23" fmla="*/ 54 h 156"/>
                  <a:gd name="T24" fmla="*/ 0 w 66"/>
                  <a:gd name="T25" fmla="*/ 30 h 156"/>
                  <a:gd name="T26" fmla="*/ 18 w 66"/>
                  <a:gd name="T27" fmla="*/ 0 h 156"/>
                  <a:gd name="T28" fmla="*/ 60 w 66"/>
                  <a:gd name="T29" fmla="*/ 24 h 15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w 66"/>
                  <a:gd name="T46" fmla="*/ 0 h 156"/>
                  <a:gd name="T47" fmla="*/ 66 w 66"/>
                  <a:gd name="T48" fmla="*/ 156 h 156"/>
                </a:gdLst>
                <a:ahLst/>
                <a:cxnLst>
                  <a:cxn ang="T30">
                    <a:pos x="T0" y="T1"/>
                  </a:cxn>
                  <a:cxn ang="T31">
                    <a:pos x="T2" y="T3"/>
                  </a:cxn>
                  <a:cxn ang="T32">
                    <a:pos x="T4" y="T5"/>
                  </a:cxn>
                  <a:cxn ang="T33">
                    <a:pos x="T6" y="T7"/>
                  </a:cxn>
                  <a:cxn ang="T34">
                    <a:pos x="T8" y="T9"/>
                  </a:cxn>
                  <a:cxn ang="T35">
                    <a:pos x="T10" y="T11"/>
                  </a:cxn>
                  <a:cxn ang="T36">
                    <a:pos x="T12" y="T13"/>
                  </a:cxn>
                  <a:cxn ang="T37">
                    <a:pos x="T14" y="T15"/>
                  </a:cxn>
                  <a:cxn ang="T38">
                    <a:pos x="T16" y="T17"/>
                  </a:cxn>
                  <a:cxn ang="T39">
                    <a:pos x="T18" y="T19"/>
                  </a:cxn>
                  <a:cxn ang="T40">
                    <a:pos x="T20" y="T21"/>
                  </a:cxn>
                  <a:cxn ang="T41">
                    <a:pos x="T22" y="T23"/>
                  </a:cxn>
                  <a:cxn ang="T42">
                    <a:pos x="T24" y="T25"/>
                  </a:cxn>
                  <a:cxn ang="T43">
                    <a:pos x="T26" y="T27"/>
                  </a:cxn>
                  <a:cxn ang="T44">
                    <a:pos x="T28" y="T29"/>
                  </a:cxn>
                </a:cxnLst>
                <a:rect l="T45" t="T46" r="T47" b="T48"/>
                <a:pathLst>
                  <a:path w="66" h="156">
                    <a:moveTo>
                      <a:pt x="60" y="24"/>
                    </a:moveTo>
                    <a:lnTo>
                      <a:pt x="48" y="48"/>
                    </a:lnTo>
                    <a:lnTo>
                      <a:pt x="66" y="54"/>
                    </a:lnTo>
                    <a:lnTo>
                      <a:pt x="66" y="102"/>
                    </a:lnTo>
                    <a:lnTo>
                      <a:pt x="42" y="156"/>
                    </a:lnTo>
                    <a:lnTo>
                      <a:pt x="36" y="156"/>
                    </a:lnTo>
                    <a:lnTo>
                      <a:pt x="42" y="144"/>
                    </a:lnTo>
                    <a:lnTo>
                      <a:pt x="6" y="132"/>
                    </a:lnTo>
                    <a:lnTo>
                      <a:pt x="0" y="114"/>
                    </a:lnTo>
                    <a:lnTo>
                      <a:pt x="6" y="108"/>
                    </a:lnTo>
                    <a:lnTo>
                      <a:pt x="30" y="78"/>
                    </a:lnTo>
                    <a:lnTo>
                      <a:pt x="6" y="54"/>
                    </a:lnTo>
                    <a:lnTo>
                      <a:pt x="0" y="30"/>
                    </a:lnTo>
                    <a:lnTo>
                      <a:pt x="18" y="0"/>
                    </a:lnTo>
                    <a:lnTo>
                      <a:pt x="60" y="2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56" name="Freeform 333"/>
              <p:cNvSpPr>
                <a:spLocks noChangeAspect="1"/>
              </p:cNvSpPr>
              <p:nvPr/>
            </p:nvSpPr>
            <p:spPr bwMode="auto">
              <a:xfrm>
                <a:off x="2436" y="1992"/>
                <a:ext cx="66" cy="156"/>
              </a:xfrm>
              <a:custGeom>
                <a:avLst/>
                <a:gdLst>
                  <a:gd name="T0" fmla="*/ 60 w 66"/>
                  <a:gd name="T1" fmla="*/ 24 h 156"/>
                  <a:gd name="T2" fmla="*/ 48 w 66"/>
                  <a:gd name="T3" fmla="*/ 48 h 156"/>
                  <a:gd name="T4" fmla="*/ 66 w 66"/>
                  <a:gd name="T5" fmla="*/ 54 h 156"/>
                  <a:gd name="T6" fmla="*/ 66 w 66"/>
                  <a:gd name="T7" fmla="*/ 96 h 156"/>
                  <a:gd name="T8" fmla="*/ 66 w 66"/>
                  <a:gd name="T9" fmla="*/ 78 h 156"/>
                  <a:gd name="T10" fmla="*/ 66 w 66"/>
                  <a:gd name="T11" fmla="*/ 102 h 156"/>
                  <a:gd name="T12" fmla="*/ 42 w 66"/>
                  <a:gd name="T13" fmla="*/ 156 h 156"/>
                  <a:gd name="T14" fmla="*/ 36 w 66"/>
                  <a:gd name="T15" fmla="*/ 156 h 156"/>
                  <a:gd name="T16" fmla="*/ 42 w 66"/>
                  <a:gd name="T17" fmla="*/ 144 h 156"/>
                  <a:gd name="T18" fmla="*/ 6 w 66"/>
                  <a:gd name="T19" fmla="*/ 132 h 156"/>
                  <a:gd name="T20" fmla="*/ 0 w 66"/>
                  <a:gd name="T21" fmla="*/ 114 h 156"/>
                  <a:gd name="T22" fmla="*/ 6 w 66"/>
                  <a:gd name="T23" fmla="*/ 108 h 156"/>
                  <a:gd name="T24" fmla="*/ 30 w 66"/>
                  <a:gd name="T25" fmla="*/ 78 h 156"/>
                  <a:gd name="T26" fmla="*/ 6 w 66"/>
                  <a:gd name="T27" fmla="*/ 54 h 156"/>
                  <a:gd name="T28" fmla="*/ 0 w 66"/>
                  <a:gd name="T29" fmla="*/ 30 h 156"/>
                  <a:gd name="T30" fmla="*/ 18 w 66"/>
                  <a:gd name="T31" fmla="*/ 0 h 156"/>
                  <a:gd name="T32" fmla="*/ 60 w 66"/>
                  <a:gd name="T33" fmla="*/ 24 h 156"/>
                  <a:gd name="T34" fmla="*/ 60 w 66"/>
                  <a:gd name="T35" fmla="*/ 30 h 15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66"/>
                  <a:gd name="T55" fmla="*/ 0 h 156"/>
                  <a:gd name="T56" fmla="*/ 66 w 66"/>
                  <a:gd name="T57" fmla="*/ 156 h 156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66" h="156">
                    <a:moveTo>
                      <a:pt x="60" y="24"/>
                    </a:moveTo>
                    <a:lnTo>
                      <a:pt x="48" y="48"/>
                    </a:lnTo>
                    <a:lnTo>
                      <a:pt x="66" y="54"/>
                    </a:lnTo>
                    <a:lnTo>
                      <a:pt x="66" y="96"/>
                    </a:lnTo>
                    <a:lnTo>
                      <a:pt x="66" y="78"/>
                    </a:lnTo>
                    <a:lnTo>
                      <a:pt x="66" y="102"/>
                    </a:lnTo>
                    <a:lnTo>
                      <a:pt x="42" y="156"/>
                    </a:lnTo>
                    <a:lnTo>
                      <a:pt x="36" y="156"/>
                    </a:lnTo>
                    <a:lnTo>
                      <a:pt x="42" y="144"/>
                    </a:lnTo>
                    <a:lnTo>
                      <a:pt x="6" y="132"/>
                    </a:lnTo>
                    <a:lnTo>
                      <a:pt x="0" y="114"/>
                    </a:lnTo>
                    <a:lnTo>
                      <a:pt x="6" y="108"/>
                    </a:lnTo>
                    <a:lnTo>
                      <a:pt x="30" y="78"/>
                    </a:lnTo>
                    <a:lnTo>
                      <a:pt x="6" y="54"/>
                    </a:lnTo>
                    <a:lnTo>
                      <a:pt x="0" y="30"/>
                    </a:lnTo>
                    <a:lnTo>
                      <a:pt x="18" y="0"/>
                    </a:lnTo>
                    <a:lnTo>
                      <a:pt x="60" y="24"/>
                    </a:lnTo>
                    <a:lnTo>
                      <a:pt x="60" y="3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57" name="Freeform 334"/>
              <p:cNvSpPr>
                <a:spLocks noChangeAspect="1"/>
              </p:cNvSpPr>
              <p:nvPr/>
            </p:nvSpPr>
            <p:spPr bwMode="auto">
              <a:xfrm>
                <a:off x="726" y="2340"/>
                <a:ext cx="360" cy="366"/>
              </a:xfrm>
              <a:custGeom>
                <a:avLst/>
                <a:gdLst>
                  <a:gd name="T0" fmla="*/ 354 w 360"/>
                  <a:gd name="T1" fmla="*/ 66 h 366"/>
                  <a:gd name="T2" fmla="*/ 330 w 360"/>
                  <a:gd name="T3" fmla="*/ 354 h 366"/>
                  <a:gd name="T4" fmla="*/ 138 w 360"/>
                  <a:gd name="T5" fmla="*/ 336 h 366"/>
                  <a:gd name="T6" fmla="*/ 144 w 360"/>
                  <a:gd name="T7" fmla="*/ 348 h 366"/>
                  <a:gd name="T8" fmla="*/ 54 w 360"/>
                  <a:gd name="T9" fmla="*/ 336 h 366"/>
                  <a:gd name="T10" fmla="*/ 48 w 360"/>
                  <a:gd name="T11" fmla="*/ 366 h 366"/>
                  <a:gd name="T12" fmla="*/ 0 w 360"/>
                  <a:gd name="T13" fmla="*/ 360 h 366"/>
                  <a:gd name="T14" fmla="*/ 12 w 360"/>
                  <a:gd name="T15" fmla="*/ 288 h 366"/>
                  <a:gd name="T16" fmla="*/ 54 w 360"/>
                  <a:gd name="T17" fmla="*/ 0 h 366"/>
                  <a:gd name="T18" fmla="*/ 360 w 360"/>
                  <a:gd name="T19" fmla="*/ 30 h 366"/>
                  <a:gd name="T20" fmla="*/ 354 w 360"/>
                  <a:gd name="T21" fmla="*/ 66 h 36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60"/>
                  <a:gd name="T34" fmla="*/ 0 h 366"/>
                  <a:gd name="T35" fmla="*/ 360 w 360"/>
                  <a:gd name="T36" fmla="*/ 366 h 366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60" h="366">
                    <a:moveTo>
                      <a:pt x="354" y="66"/>
                    </a:moveTo>
                    <a:lnTo>
                      <a:pt x="330" y="354"/>
                    </a:lnTo>
                    <a:lnTo>
                      <a:pt x="138" y="336"/>
                    </a:lnTo>
                    <a:lnTo>
                      <a:pt x="144" y="348"/>
                    </a:lnTo>
                    <a:lnTo>
                      <a:pt x="54" y="336"/>
                    </a:lnTo>
                    <a:lnTo>
                      <a:pt x="48" y="366"/>
                    </a:lnTo>
                    <a:lnTo>
                      <a:pt x="0" y="360"/>
                    </a:lnTo>
                    <a:lnTo>
                      <a:pt x="12" y="288"/>
                    </a:lnTo>
                    <a:lnTo>
                      <a:pt x="54" y="0"/>
                    </a:lnTo>
                    <a:lnTo>
                      <a:pt x="360" y="30"/>
                    </a:lnTo>
                    <a:lnTo>
                      <a:pt x="354" y="66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58" name="Freeform 335"/>
              <p:cNvSpPr>
                <a:spLocks noChangeAspect="1"/>
              </p:cNvSpPr>
              <p:nvPr/>
            </p:nvSpPr>
            <p:spPr bwMode="auto">
              <a:xfrm>
                <a:off x="726" y="2340"/>
                <a:ext cx="360" cy="366"/>
              </a:xfrm>
              <a:custGeom>
                <a:avLst/>
                <a:gdLst>
                  <a:gd name="T0" fmla="*/ 354 w 360"/>
                  <a:gd name="T1" fmla="*/ 66 h 366"/>
                  <a:gd name="T2" fmla="*/ 330 w 360"/>
                  <a:gd name="T3" fmla="*/ 354 h 366"/>
                  <a:gd name="T4" fmla="*/ 138 w 360"/>
                  <a:gd name="T5" fmla="*/ 336 h 366"/>
                  <a:gd name="T6" fmla="*/ 144 w 360"/>
                  <a:gd name="T7" fmla="*/ 348 h 366"/>
                  <a:gd name="T8" fmla="*/ 54 w 360"/>
                  <a:gd name="T9" fmla="*/ 336 h 366"/>
                  <a:gd name="T10" fmla="*/ 48 w 360"/>
                  <a:gd name="T11" fmla="*/ 366 h 366"/>
                  <a:gd name="T12" fmla="*/ 0 w 360"/>
                  <a:gd name="T13" fmla="*/ 360 h 366"/>
                  <a:gd name="T14" fmla="*/ 12 w 360"/>
                  <a:gd name="T15" fmla="*/ 288 h 366"/>
                  <a:gd name="T16" fmla="*/ 54 w 360"/>
                  <a:gd name="T17" fmla="*/ 0 h 366"/>
                  <a:gd name="T18" fmla="*/ 360 w 360"/>
                  <a:gd name="T19" fmla="*/ 30 h 366"/>
                  <a:gd name="T20" fmla="*/ 354 w 360"/>
                  <a:gd name="T21" fmla="*/ 66 h 366"/>
                  <a:gd name="T22" fmla="*/ 354 w 360"/>
                  <a:gd name="T23" fmla="*/ 72 h 36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60"/>
                  <a:gd name="T37" fmla="*/ 0 h 366"/>
                  <a:gd name="T38" fmla="*/ 360 w 360"/>
                  <a:gd name="T39" fmla="*/ 366 h 366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60" h="366">
                    <a:moveTo>
                      <a:pt x="354" y="66"/>
                    </a:moveTo>
                    <a:lnTo>
                      <a:pt x="330" y="354"/>
                    </a:lnTo>
                    <a:lnTo>
                      <a:pt x="138" y="336"/>
                    </a:lnTo>
                    <a:lnTo>
                      <a:pt x="144" y="348"/>
                    </a:lnTo>
                    <a:lnTo>
                      <a:pt x="54" y="336"/>
                    </a:lnTo>
                    <a:lnTo>
                      <a:pt x="48" y="366"/>
                    </a:lnTo>
                    <a:lnTo>
                      <a:pt x="0" y="360"/>
                    </a:lnTo>
                    <a:lnTo>
                      <a:pt x="12" y="288"/>
                    </a:lnTo>
                    <a:lnTo>
                      <a:pt x="54" y="0"/>
                    </a:lnTo>
                    <a:lnTo>
                      <a:pt x="360" y="30"/>
                    </a:lnTo>
                    <a:lnTo>
                      <a:pt x="354" y="66"/>
                    </a:lnTo>
                    <a:lnTo>
                      <a:pt x="354" y="7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59" name="Freeform 336"/>
              <p:cNvSpPr>
                <a:spLocks noChangeAspect="1"/>
              </p:cNvSpPr>
              <p:nvPr/>
            </p:nvSpPr>
            <p:spPr bwMode="auto">
              <a:xfrm>
                <a:off x="2202" y="1752"/>
                <a:ext cx="306" cy="264"/>
              </a:xfrm>
              <a:custGeom>
                <a:avLst/>
                <a:gdLst>
                  <a:gd name="T0" fmla="*/ 294 w 306"/>
                  <a:gd name="T1" fmla="*/ 138 h 264"/>
                  <a:gd name="T2" fmla="*/ 294 w 306"/>
                  <a:gd name="T3" fmla="*/ 186 h 264"/>
                  <a:gd name="T4" fmla="*/ 306 w 306"/>
                  <a:gd name="T5" fmla="*/ 240 h 264"/>
                  <a:gd name="T6" fmla="*/ 306 w 306"/>
                  <a:gd name="T7" fmla="*/ 252 h 264"/>
                  <a:gd name="T8" fmla="*/ 300 w 306"/>
                  <a:gd name="T9" fmla="*/ 264 h 264"/>
                  <a:gd name="T10" fmla="*/ 294 w 306"/>
                  <a:gd name="T11" fmla="*/ 264 h 264"/>
                  <a:gd name="T12" fmla="*/ 252 w 306"/>
                  <a:gd name="T13" fmla="*/ 240 h 264"/>
                  <a:gd name="T14" fmla="*/ 234 w 306"/>
                  <a:gd name="T15" fmla="*/ 234 h 264"/>
                  <a:gd name="T16" fmla="*/ 210 w 306"/>
                  <a:gd name="T17" fmla="*/ 210 h 264"/>
                  <a:gd name="T18" fmla="*/ 6 w 306"/>
                  <a:gd name="T19" fmla="*/ 246 h 264"/>
                  <a:gd name="T20" fmla="*/ 0 w 306"/>
                  <a:gd name="T21" fmla="*/ 234 h 264"/>
                  <a:gd name="T22" fmla="*/ 36 w 306"/>
                  <a:gd name="T23" fmla="*/ 192 h 264"/>
                  <a:gd name="T24" fmla="*/ 24 w 306"/>
                  <a:gd name="T25" fmla="*/ 162 h 264"/>
                  <a:gd name="T26" fmla="*/ 66 w 306"/>
                  <a:gd name="T27" fmla="*/ 150 h 264"/>
                  <a:gd name="T28" fmla="*/ 96 w 306"/>
                  <a:gd name="T29" fmla="*/ 150 h 264"/>
                  <a:gd name="T30" fmla="*/ 132 w 306"/>
                  <a:gd name="T31" fmla="*/ 138 h 264"/>
                  <a:gd name="T32" fmla="*/ 150 w 306"/>
                  <a:gd name="T33" fmla="*/ 120 h 264"/>
                  <a:gd name="T34" fmla="*/ 144 w 306"/>
                  <a:gd name="T35" fmla="*/ 102 h 264"/>
                  <a:gd name="T36" fmla="*/ 150 w 306"/>
                  <a:gd name="T37" fmla="*/ 90 h 264"/>
                  <a:gd name="T38" fmla="*/ 144 w 306"/>
                  <a:gd name="T39" fmla="*/ 96 h 264"/>
                  <a:gd name="T40" fmla="*/ 138 w 306"/>
                  <a:gd name="T41" fmla="*/ 84 h 264"/>
                  <a:gd name="T42" fmla="*/ 174 w 306"/>
                  <a:gd name="T43" fmla="*/ 30 h 264"/>
                  <a:gd name="T44" fmla="*/ 192 w 306"/>
                  <a:gd name="T45" fmla="*/ 12 h 264"/>
                  <a:gd name="T46" fmla="*/ 258 w 306"/>
                  <a:gd name="T47" fmla="*/ 0 h 264"/>
                  <a:gd name="T48" fmla="*/ 270 w 306"/>
                  <a:gd name="T49" fmla="*/ 60 h 264"/>
                  <a:gd name="T50" fmla="*/ 276 w 306"/>
                  <a:gd name="T51" fmla="*/ 90 h 264"/>
                  <a:gd name="T52" fmla="*/ 282 w 306"/>
                  <a:gd name="T53" fmla="*/ 90 h 264"/>
                  <a:gd name="T54" fmla="*/ 294 w 306"/>
                  <a:gd name="T55" fmla="*/ 138 h 264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306"/>
                  <a:gd name="T85" fmla="*/ 0 h 264"/>
                  <a:gd name="T86" fmla="*/ 306 w 306"/>
                  <a:gd name="T87" fmla="*/ 264 h 264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306" h="264">
                    <a:moveTo>
                      <a:pt x="294" y="138"/>
                    </a:moveTo>
                    <a:lnTo>
                      <a:pt x="294" y="186"/>
                    </a:lnTo>
                    <a:lnTo>
                      <a:pt x="306" y="240"/>
                    </a:lnTo>
                    <a:lnTo>
                      <a:pt x="306" y="252"/>
                    </a:lnTo>
                    <a:lnTo>
                      <a:pt x="300" y="264"/>
                    </a:lnTo>
                    <a:lnTo>
                      <a:pt x="294" y="264"/>
                    </a:lnTo>
                    <a:lnTo>
                      <a:pt x="252" y="240"/>
                    </a:lnTo>
                    <a:lnTo>
                      <a:pt x="234" y="234"/>
                    </a:lnTo>
                    <a:lnTo>
                      <a:pt x="210" y="210"/>
                    </a:lnTo>
                    <a:lnTo>
                      <a:pt x="6" y="246"/>
                    </a:lnTo>
                    <a:lnTo>
                      <a:pt x="0" y="234"/>
                    </a:lnTo>
                    <a:lnTo>
                      <a:pt x="36" y="192"/>
                    </a:lnTo>
                    <a:lnTo>
                      <a:pt x="24" y="162"/>
                    </a:lnTo>
                    <a:lnTo>
                      <a:pt x="66" y="150"/>
                    </a:lnTo>
                    <a:lnTo>
                      <a:pt x="96" y="150"/>
                    </a:lnTo>
                    <a:lnTo>
                      <a:pt x="132" y="138"/>
                    </a:lnTo>
                    <a:lnTo>
                      <a:pt x="150" y="120"/>
                    </a:lnTo>
                    <a:lnTo>
                      <a:pt x="144" y="102"/>
                    </a:lnTo>
                    <a:lnTo>
                      <a:pt x="150" y="90"/>
                    </a:lnTo>
                    <a:lnTo>
                      <a:pt x="144" y="96"/>
                    </a:lnTo>
                    <a:lnTo>
                      <a:pt x="138" y="84"/>
                    </a:lnTo>
                    <a:lnTo>
                      <a:pt x="174" y="30"/>
                    </a:lnTo>
                    <a:lnTo>
                      <a:pt x="192" y="12"/>
                    </a:lnTo>
                    <a:lnTo>
                      <a:pt x="258" y="0"/>
                    </a:lnTo>
                    <a:lnTo>
                      <a:pt x="270" y="60"/>
                    </a:lnTo>
                    <a:lnTo>
                      <a:pt x="276" y="90"/>
                    </a:lnTo>
                    <a:lnTo>
                      <a:pt x="282" y="90"/>
                    </a:lnTo>
                    <a:lnTo>
                      <a:pt x="294" y="13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60" name="Freeform 337"/>
              <p:cNvSpPr>
                <a:spLocks noChangeAspect="1"/>
              </p:cNvSpPr>
              <p:nvPr/>
            </p:nvSpPr>
            <p:spPr bwMode="auto">
              <a:xfrm>
                <a:off x="2202" y="1752"/>
                <a:ext cx="306" cy="264"/>
              </a:xfrm>
              <a:custGeom>
                <a:avLst/>
                <a:gdLst>
                  <a:gd name="T0" fmla="*/ 294 w 306"/>
                  <a:gd name="T1" fmla="*/ 138 h 264"/>
                  <a:gd name="T2" fmla="*/ 294 w 306"/>
                  <a:gd name="T3" fmla="*/ 186 h 264"/>
                  <a:gd name="T4" fmla="*/ 306 w 306"/>
                  <a:gd name="T5" fmla="*/ 240 h 264"/>
                  <a:gd name="T6" fmla="*/ 306 w 306"/>
                  <a:gd name="T7" fmla="*/ 252 h 264"/>
                  <a:gd name="T8" fmla="*/ 300 w 306"/>
                  <a:gd name="T9" fmla="*/ 264 h 264"/>
                  <a:gd name="T10" fmla="*/ 294 w 306"/>
                  <a:gd name="T11" fmla="*/ 264 h 264"/>
                  <a:gd name="T12" fmla="*/ 252 w 306"/>
                  <a:gd name="T13" fmla="*/ 240 h 264"/>
                  <a:gd name="T14" fmla="*/ 234 w 306"/>
                  <a:gd name="T15" fmla="*/ 234 h 264"/>
                  <a:gd name="T16" fmla="*/ 210 w 306"/>
                  <a:gd name="T17" fmla="*/ 210 h 264"/>
                  <a:gd name="T18" fmla="*/ 6 w 306"/>
                  <a:gd name="T19" fmla="*/ 246 h 264"/>
                  <a:gd name="T20" fmla="*/ 0 w 306"/>
                  <a:gd name="T21" fmla="*/ 234 h 264"/>
                  <a:gd name="T22" fmla="*/ 36 w 306"/>
                  <a:gd name="T23" fmla="*/ 192 h 264"/>
                  <a:gd name="T24" fmla="*/ 24 w 306"/>
                  <a:gd name="T25" fmla="*/ 162 h 264"/>
                  <a:gd name="T26" fmla="*/ 66 w 306"/>
                  <a:gd name="T27" fmla="*/ 150 h 264"/>
                  <a:gd name="T28" fmla="*/ 96 w 306"/>
                  <a:gd name="T29" fmla="*/ 150 h 264"/>
                  <a:gd name="T30" fmla="*/ 132 w 306"/>
                  <a:gd name="T31" fmla="*/ 138 h 264"/>
                  <a:gd name="T32" fmla="*/ 150 w 306"/>
                  <a:gd name="T33" fmla="*/ 120 h 264"/>
                  <a:gd name="T34" fmla="*/ 144 w 306"/>
                  <a:gd name="T35" fmla="*/ 102 h 264"/>
                  <a:gd name="T36" fmla="*/ 150 w 306"/>
                  <a:gd name="T37" fmla="*/ 90 h 264"/>
                  <a:gd name="T38" fmla="*/ 144 w 306"/>
                  <a:gd name="T39" fmla="*/ 96 h 264"/>
                  <a:gd name="T40" fmla="*/ 138 w 306"/>
                  <a:gd name="T41" fmla="*/ 84 h 264"/>
                  <a:gd name="T42" fmla="*/ 174 w 306"/>
                  <a:gd name="T43" fmla="*/ 30 h 264"/>
                  <a:gd name="T44" fmla="*/ 192 w 306"/>
                  <a:gd name="T45" fmla="*/ 12 h 264"/>
                  <a:gd name="T46" fmla="*/ 258 w 306"/>
                  <a:gd name="T47" fmla="*/ 0 h 264"/>
                  <a:gd name="T48" fmla="*/ 270 w 306"/>
                  <a:gd name="T49" fmla="*/ 60 h 264"/>
                  <a:gd name="T50" fmla="*/ 276 w 306"/>
                  <a:gd name="T51" fmla="*/ 90 h 264"/>
                  <a:gd name="T52" fmla="*/ 282 w 306"/>
                  <a:gd name="T53" fmla="*/ 90 h 264"/>
                  <a:gd name="T54" fmla="*/ 294 w 306"/>
                  <a:gd name="T55" fmla="*/ 138 h 264"/>
                  <a:gd name="T56" fmla="*/ 294 w 306"/>
                  <a:gd name="T57" fmla="*/ 144 h 264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w 306"/>
                  <a:gd name="T88" fmla="*/ 0 h 264"/>
                  <a:gd name="T89" fmla="*/ 306 w 306"/>
                  <a:gd name="T90" fmla="*/ 264 h 264"/>
                </a:gdLst>
                <a:ahLst/>
                <a:cxnLst>
                  <a:cxn ang="T58">
                    <a:pos x="T0" y="T1"/>
                  </a:cxn>
                  <a:cxn ang="T59">
                    <a:pos x="T2" y="T3"/>
                  </a:cxn>
                  <a:cxn ang="T60">
                    <a:pos x="T4" y="T5"/>
                  </a:cxn>
                  <a:cxn ang="T61">
                    <a:pos x="T6" y="T7"/>
                  </a:cxn>
                  <a:cxn ang="T62">
                    <a:pos x="T8" y="T9"/>
                  </a:cxn>
                  <a:cxn ang="T63">
                    <a:pos x="T10" y="T11"/>
                  </a:cxn>
                  <a:cxn ang="T64">
                    <a:pos x="T12" y="T13"/>
                  </a:cxn>
                  <a:cxn ang="T65">
                    <a:pos x="T14" y="T15"/>
                  </a:cxn>
                  <a:cxn ang="T66">
                    <a:pos x="T16" y="T17"/>
                  </a:cxn>
                  <a:cxn ang="T67">
                    <a:pos x="T18" y="T19"/>
                  </a:cxn>
                  <a:cxn ang="T68">
                    <a:pos x="T20" y="T21"/>
                  </a:cxn>
                  <a:cxn ang="T69">
                    <a:pos x="T22" y="T23"/>
                  </a:cxn>
                  <a:cxn ang="T70">
                    <a:pos x="T24" y="T25"/>
                  </a:cxn>
                  <a:cxn ang="T71">
                    <a:pos x="T26" y="T27"/>
                  </a:cxn>
                  <a:cxn ang="T72">
                    <a:pos x="T28" y="T29"/>
                  </a:cxn>
                  <a:cxn ang="T73">
                    <a:pos x="T30" y="T31"/>
                  </a:cxn>
                  <a:cxn ang="T74">
                    <a:pos x="T32" y="T33"/>
                  </a:cxn>
                  <a:cxn ang="T75">
                    <a:pos x="T34" y="T35"/>
                  </a:cxn>
                  <a:cxn ang="T76">
                    <a:pos x="T36" y="T37"/>
                  </a:cxn>
                  <a:cxn ang="T77">
                    <a:pos x="T38" y="T39"/>
                  </a:cxn>
                  <a:cxn ang="T78">
                    <a:pos x="T40" y="T41"/>
                  </a:cxn>
                  <a:cxn ang="T79">
                    <a:pos x="T42" y="T43"/>
                  </a:cxn>
                  <a:cxn ang="T80">
                    <a:pos x="T44" y="T45"/>
                  </a:cxn>
                  <a:cxn ang="T81">
                    <a:pos x="T46" y="T47"/>
                  </a:cxn>
                  <a:cxn ang="T82">
                    <a:pos x="T48" y="T49"/>
                  </a:cxn>
                  <a:cxn ang="T83">
                    <a:pos x="T50" y="T51"/>
                  </a:cxn>
                  <a:cxn ang="T84">
                    <a:pos x="T52" y="T53"/>
                  </a:cxn>
                  <a:cxn ang="T85">
                    <a:pos x="T54" y="T55"/>
                  </a:cxn>
                  <a:cxn ang="T86">
                    <a:pos x="T56" y="T57"/>
                  </a:cxn>
                </a:cxnLst>
                <a:rect l="T87" t="T88" r="T89" b="T90"/>
                <a:pathLst>
                  <a:path w="306" h="264">
                    <a:moveTo>
                      <a:pt x="294" y="138"/>
                    </a:moveTo>
                    <a:lnTo>
                      <a:pt x="294" y="186"/>
                    </a:lnTo>
                    <a:lnTo>
                      <a:pt x="306" y="240"/>
                    </a:lnTo>
                    <a:lnTo>
                      <a:pt x="306" y="252"/>
                    </a:lnTo>
                    <a:lnTo>
                      <a:pt x="300" y="264"/>
                    </a:lnTo>
                    <a:lnTo>
                      <a:pt x="294" y="264"/>
                    </a:lnTo>
                    <a:lnTo>
                      <a:pt x="252" y="240"/>
                    </a:lnTo>
                    <a:lnTo>
                      <a:pt x="234" y="234"/>
                    </a:lnTo>
                    <a:lnTo>
                      <a:pt x="210" y="210"/>
                    </a:lnTo>
                    <a:lnTo>
                      <a:pt x="6" y="246"/>
                    </a:lnTo>
                    <a:lnTo>
                      <a:pt x="0" y="234"/>
                    </a:lnTo>
                    <a:lnTo>
                      <a:pt x="36" y="192"/>
                    </a:lnTo>
                    <a:lnTo>
                      <a:pt x="24" y="162"/>
                    </a:lnTo>
                    <a:lnTo>
                      <a:pt x="66" y="150"/>
                    </a:lnTo>
                    <a:lnTo>
                      <a:pt x="96" y="150"/>
                    </a:lnTo>
                    <a:lnTo>
                      <a:pt x="132" y="138"/>
                    </a:lnTo>
                    <a:lnTo>
                      <a:pt x="150" y="120"/>
                    </a:lnTo>
                    <a:lnTo>
                      <a:pt x="144" y="102"/>
                    </a:lnTo>
                    <a:lnTo>
                      <a:pt x="150" y="90"/>
                    </a:lnTo>
                    <a:lnTo>
                      <a:pt x="144" y="96"/>
                    </a:lnTo>
                    <a:lnTo>
                      <a:pt x="138" y="84"/>
                    </a:lnTo>
                    <a:lnTo>
                      <a:pt x="174" y="30"/>
                    </a:lnTo>
                    <a:lnTo>
                      <a:pt x="192" y="12"/>
                    </a:lnTo>
                    <a:lnTo>
                      <a:pt x="258" y="0"/>
                    </a:lnTo>
                    <a:lnTo>
                      <a:pt x="270" y="60"/>
                    </a:lnTo>
                    <a:lnTo>
                      <a:pt x="276" y="90"/>
                    </a:lnTo>
                    <a:lnTo>
                      <a:pt x="282" y="90"/>
                    </a:lnTo>
                    <a:lnTo>
                      <a:pt x="294" y="138"/>
                    </a:lnTo>
                    <a:lnTo>
                      <a:pt x="294" y="14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61" name="Freeform 338"/>
              <p:cNvSpPr>
                <a:spLocks noChangeAspect="1"/>
              </p:cNvSpPr>
              <p:nvPr/>
            </p:nvSpPr>
            <p:spPr bwMode="auto">
              <a:xfrm>
                <a:off x="2460" y="2310"/>
                <a:ext cx="30" cy="42"/>
              </a:xfrm>
              <a:custGeom>
                <a:avLst/>
                <a:gdLst>
                  <a:gd name="T0" fmla="*/ 0 w 30"/>
                  <a:gd name="T1" fmla="*/ 0 h 42"/>
                  <a:gd name="T2" fmla="*/ 30 w 30"/>
                  <a:gd name="T3" fmla="*/ 42 h 42"/>
                  <a:gd name="T4" fmla="*/ 0 w 30"/>
                  <a:gd name="T5" fmla="*/ 0 h 42"/>
                  <a:gd name="T6" fmla="*/ 0 w 30"/>
                  <a:gd name="T7" fmla="*/ 6 h 42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30"/>
                  <a:gd name="T13" fmla="*/ 0 h 42"/>
                  <a:gd name="T14" fmla="*/ 30 w 30"/>
                  <a:gd name="T15" fmla="*/ 42 h 42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30" h="42">
                    <a:moveTo>
                      <a:pt x="0" y="0"/>
                    </a:moveTo>
                    <a:lnTo>
                      <a:pt x="30" y="42"/>
                    </a:lnTo>
                    <a:lnTo>
                      <a:pt x="0" y="0"/>
                    </a:lnTo>
                    <a:lnTo>
                      <a:pt x="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62" name="Freeform 339"/>
              <p:cNvSpPr>
                <a:spLocks noChangeAspect="1"/>
              </p:cNvSpPr>
              <p:nvPr/>
            </p:nvSpPr>
            <p:spPr bwMode="auto">
              <a:xfrm>
                <a:off x="2046" y="2310"/>
                <a:ext cx="438" cy="192"/>
              </a:xfrm>
              <a:custGeom>
                <a:avLst/>
                <a:gdLst>
                  <a:gd name="T0" fmla="*/ 438 w 438"/>
                  <a:gd name="T1" fmla="*/ 54 h 192"/>
                  <a:gd name="T2" fmla="*/ 420 w 438"/>
                  <a:gd name="T3" fmla="*/ 78 h 192"/>
                  <a:gd name="T4" fmla="*/ 402 w 438"/>
                  <a:gd name="T5" fmla="*/ 78 h 192"/>
                  <a:gd name="T6" fmla="*/ 396 w 438"/>
                  <a:gd name="T7" fmla="*/ 66 h 192"/>
                  <a:gd name="T8" fmla="*/ 390 w 438"/>
                  <a:gd name="T9" fmla="*/ 72 h 192"/>
                  <a:gd name="T10" fmla="*/ 396 w 438"/>
                  <a:gd name="T11" fmla="*/ 78 h 192"/>
                  <a:gd name="T12" fmla="*/ 372 w 438"/>
                  <a:gd name="T13" fmla="*/ 78 h 192"/>
                  <a:gd name="T14" fmla="*/ 402 w 438"/>
                  <a:gd name="T15" fmla="*/ 84 h 192"/>
                  <a:gd name="T16" fmla="*/ 390 w 438"/>
                  <a:gd name="T17" fmla="*/ 108 h 192"/>
                  <a:gd name="T18" fmla="*/ 372 w 438"/>
                  <a:gd name="T19" fmla="*/ 102 h 192"/>
                  <a:gd name="T20" fmla="*/ 390 w 438"/>
                  <a:gd name="T21" fmla="*/ 108 h 192"/>
                  <a:gd name="T22" fmla="*/ 408 w 438"/>
                  <a:gd name="T23" fmla="*/ 96 h 192"/>
                  <a:gd name="T24" fmla="*/ 414 w 438"/>
                  <a:gd name="T25" fmla="*/ 108 h 192"/>
                  <a:gd name="T26" fmla="*/ 408 w 438"/>
                  <a:gd name="T27" fmla="*/ 120 h 192"/>
                  <a:gd name="T28" fmla="*/ 396 w 438"/>
                  <a:gd name="T29" fmla="*/ 114 h 192"/>
                  <a:gd name="T30" fmla="*/ 378 w 438"/>
                  <a:gd name="T31" fmla="*/ 126 h 192"/>
                  <a:gd name="T32" fmla="*/ 372 w 438"/>
                  <a:gd name="T33" fmla="*/ 126 h 192"/>
                  <a:gd name="T34" fmla="*/ 372 w 438"/>
                  <a:gd name="T35" fmla="*/ 138 h 192"/>
                  <a:gd name="T36" fmla="*/ 360 w 438"/>
                  <a:gd name="T37" fmla="*/ 126 h 192"/>
                  <a:gd name="T38" fmla="*/ 366 w 438"/>
                  <a:gd name="T39" fmla="*/ 144 h 192"/>
                  <a:gd name="T40" fmla="*/ 348 w 438"/>
                  <a:gd name="T41" fmla="*/ 162 h 192"/>
                  <a:gd name="T42" fmla="*/ 348 w 438"/>
                  <a:gd name="T43" fmla="*/ 180 h 192"/>
                  <a:gd name="T44" fmla="*/ 342 w 438"/>
                  <a:gd name="T45" fmla="*/ 174 h 192"/>
                  <a:gd name="T46" fmla="*/ 336 w 438"/>
                  <a:gd name="T47" fmla="*/ 186 h 192"/>
                  <a:gd name="T48" fmla="*/ 312 w 438"/>
                  <a:gd name="T49" fmla="*/ 192 h 192"/>
                  <a:gd name="T50" fmla="*/ 306 w 438"/>
                  <a:gd name="T51" fmla="*/ 192 h 192"/>
                  <a:gd name="T52" fmla="*/ 246 w 438"/>
                  <a:gd name="T53" fmla="*/ 144 h 192"/>
                  <a:gd name="T54" fmla="*/ 186 w 438"/>
                  <a:gd name="T55" fmla="*/ 156 h 192"/>
                  <a:gd name="T56" fmla="*/ 168 w 438"/>
                  <a:gd name="T57" fmla="*/ 132 h 192"/>
                  <a:gd name="T58" fmla="*/ 102 w 438"/>
                  <a:gd name="T59" fmla="*/ 144 h 192"/>
                  <a:gd name="T60" fmla="*/ 66 w 438"/>
                  <a:gd name="T61" fmla="*/ 162 h 192"/>
                  <a:gd name="T62" fmla="*/ 0 w 438"/>
                  <a:gd name="T63" fmla="*/ 168 h 192"/>
                  <a:gd name="T64" fmla="*/ 0 w 438"/>
                  <a:gd name="T65" fmla="*/ 150 h 192"/>
                  <a:gd name="T66" fmla="*/ 18 w 438"/>
                  <a:gd name="T67" fmla="*/ 150 h 192"/>
                  <a:gd name="T68" fmla="*/ 24 w 438"/>
                  <a:gd name="T69" fmla="*/ 132 h 192"/>
                  <a:gd name="T70" fmla="*/ 66 w 438"/>
                  <a:gd name="T71" fmla="*/ 108 h 192"/>
                  <a:gd name="T72" fmla="*/ 78 w 438"/>
                  <a:gd name="T73" fmla="*/ 90 h 192"/>
                  <a:gd name="T74" fmla="*/ 84 w 438"/>
                  <a:gd name="T75" fmla="*/ 96 h 192"/>
                  <a:gd name="T76" fmla="*/ 114 w 438"/>
                  <a:gd name="T77" fmla="*/ 78 h 192"/>
                  <a:gd name="T78" fmla="*/ 126 w 438"/>
                  <a:gd name="T79" fmla="*/ 66 h 192"/>
                  <a:gd name="T80" fmla="*/ 126 w 438"/>
                  <a:gd name="T81" fmla="*/ 48 h 192"/>
                  <a:gd name="T82" fmla="*/ 408 w 438"/>
                  <a:gd name="T83" fmla="*/ 0 h 192"/>
                  <a:gd name="T84" fmla="*/ 426 w 438"/>
                  <a:gd name="T85" fmla="*/ 24 h 192"/>
                  <a:gd name="T86" fmla="*/ 414 w 438"/>
                  <a:gd name="T87" fmla="*/ 12 h 192"/>
                  <a:gd name="T88" fmla="*/ 420 w 438"/>
                  <a:gd name="T89" fmla="*/ 24 h 192"/>
                  <a:gd name="T90" fmla="*/ 408 w 438"/>
                  <a:gd name="T91" fmla="*/ 18 h 192"/>
                  <a:gd name="T92" fmla="*/ 414 w 438"/>
                  <a:gd name="T93" fmla="*/ 24 h 192"/>
                  <a:gd name="T94" fmla="*/ 402 w 438"/>
                  <a:gd name="T95" fmla="*/ 24 h 192"/>
                  <a:gd name="T96" fmla="*/ 402 w 438"/>
                  <a:gd name="T97" fmla="*/ 30 h 192"/>
                  <a:gd name="T98" fmla="*/ 396 w 438"/>
                  <a:gd name="T99" fmla="*/ 30 h 192"/>
                  <a:gd name="T100" fmla="*/ 396 w 438"/>
                  <a:gd name="T101" fmla="*/ 36 h 192"/>
                  <a:gd name="T102" fmla="*/ 384 w 438"/>
                  <a:gd name="T103" fmla="*/ 36 h 192"/>
                  <a:gd name="T104" fmla="*/ 372 w 438"/>
                  <a:gd name="T105" fmla="*/ 18 h 192"/>
                  <a:gd name="T106" fmla="*/ 384 w 438"/>
                  <a:gd name="T107" fmla="*/ 48 h 192"/>
                  <a:gd name="T108" fmla="*/ 414 w 438"/>
                  <a:gd name="T109" fmla="*/ 36 h 192"/>
                  <a:gd name="T110" fmla="*/ 414 w 438"/>
                  <a:gd name="T111" fmla="*/ 54 h 192"/>
                  <a:gd name="T112" fmla="*/ 420 w 438"/>
                  <a:gd name="T113" fmla="*/ 54 h 192"/>
                  <a:gd name="T114" fmla="*/ 426 w 438"/>
                  <a:gd name="T115" fmla="*/ 36 h 192"/>
                  <a:gd name="T116" fmla="*/ 438 w 438"/>
                  <a:gd name="T117" fmla="*/ 54 h 192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w 438"/>
                  <a:gd name="T178" fmla="*/ 0 h 192"/>
                  <a:gd name="T179" fmla="*/ 438 w 438"/>
                  <a:gd name="T180" fmla="*/ 192 h 192"/>
                </a:gdLst>
                <a:ahLst/>
                <a:cxnLst>
                  <a:cxn ang="T118">
                    <a:pos x="T0" y="T1"/>
                  </a:cxn>
                  <a:cxn ang="T119">
                    <a:pos x="T2" y="T3"/>
                  </a:cxn>
                  <a:cxn ang="T120">
                    <a:pos x="T4" y="T5"/>
                  </a:cxn>
                  <a:cxn ang="T121">
                    <a:pos x="T6" y="T7"/>
                  </a:cxn>
                  <a:cxn ang="T122">
                    <a:pos x="T8" y="T9"/>
                  </a:cxn>
                  <a:cxn ang="T123">
                    <a:pos x="T10" y="T11"/>
                  </a:cxn>
                  <a:cxn ang="T124">
                    <a:pos x="T12" y="T13"/>
                  </a:cxn>
                  <a:cxn ang="T125">
                    <a:pos x="T14" y="T15"/>
                  </a:cxn>
                  <a:cxn ang="T126">
                    <a:pos x="T16" y="T17"/>
                  </a:cxn>
                  <a:cxn ang="T127">
                    <a:pos x="T18" y="T19"/>
                  </a:cxn>
                  <a:cxn ang="T128">
                    <a:pos x="T20" y="T21"/>
                  </a:cxn>
                  <a:cxn ang="T129">
                    <a:pos x="T22" y="T23"/>
                  </a:cxn>
                  <a:cxn ang="T130">
                    <a:pos x="T24" y="T25"/>
                  </a:cxn>
                  <a:cxn ang="T131">
                    <a:pos x="T26" y="T27"/>
                  </a:cxn>
                  <a:cxn ang="T132">
                    <a:pos x="T28" y="T29"/>
                  </a:cxn>
                  <a:cxn ang="T133">
                    <a:pos x="T30" y="T31"/>
                  </a:cxn>
                  <a:cxn ang="T134">
                    <a:pos x="T32" y="T33"/>
                  </a:cxn>
                  <a:cxn ang="T135">
                    <a:pos x="T34" y="T35"/>
                  </a:cxn>
                  <a:cxn ang="T136">
                    <a:pos x="T36" y="T37"/>
                  </a:cxn>
                  <a:cxn ang="T137">
                    <a:pos x="T38" y="T39"/>
                  </a:cxn>
                  <a:cxn ang="T138">
                    <a:pos x="T40" y="T41"/>
                  </a:cxn>
                  <a:cxn ang="T139">
                    <a:pos x="T42" y="T43"/>
                  </a:cxn>
                  <a:cxn ang="T140">
                    <a:pos x="T44" y="T45"/>
                  </a:cxn>
                  <a:cxn ang="T141">
                    <a:pos x="T46" y="T47"/>
                  </a:cxn>
                  <a:cxn ang="T142">
                    <a:pos x="T48" y="T49"/>
                  </a:cxn>
                  <a:cxn ang="T143">
                    <a:pos x="T50" y="T51"/>
                  </a:cxn>
                  <a:cxn ang="T144">
                    <a:pos x="T52" y="T53"/>
                  </a:cxn>
                  <a:cxn ang="T145">
                    <a:pos x="T54" y="T55"/>
                  </a:cxn>
                  <a:cxn ang="T146">
                    <a:pos x="T56" y="T57"/>
                  </a:cxn>
                  <a:cxn ang="T147">
                    <a:pos x="T58" y="T59"/>
                  </a:cxn>
                  <a:cxn ang="T148">
                    <a:pos x="T60" y="T61"/>
                  </a:cxn>
                  <a:cxn ang="T149">
                    <a:pos x="T62" y="T63"/>
                  </a:cxn>
                  <a:cxn ang="T150">
                    <a:pos x="T64" y="T65"/>
                  </a:cxn>
                  <a:cxn ang="T151">
                    <a:pos x="T66" y="T67"/>
                  </a:cxn>
                  <a:cxn ang="T152">
                    <a:pos x="T68" y="T69"/>
                  </a:cxn>
                  <a:cxn ang="T153">
                    <a:pos x="T70" y="T71"/>
                  </a:cxn>
                  <a:cxn ang="T154">
                    <a:pos x="T72" y="T73"/>
                  </a:cxn>
                  <a:cxn ang="T155">
                    <a:pos x="T74" y="T75"/>
                  </a:cxn>
                  <a:cxn ang="T156">
                    <a:pos x="T76" y="T77"/>
                  </a:cxn>
                  <a:cxn ang="T157">
                    <a:pos x="T78" y="T79"/>
                  </a:cxn>
                  <a:cxn ang="T158">
                    <a:pos x="T80" y="T81"/>
                  </a:cxn>
                  <a:cxn ang="T159">
                    <a:pos x="T82" y="T83"/>
                  </a:cxn>
                  <a:cxn ang="T160">
                    <a:pos x="T84" y="T85"/>
                  </a:cxn>
                  <a:cxn ang="T161">
                    <a:pos x="T86" y="T87"/>
                  </a:cxn>
                  <a:cxn ang="T162">
                    <a:pos x="T88" y="T89"/>
                  </a:cxn>
                  <a:cxn ang="T163">
                    <a:pos x="T90" y="T91"/>
                  </a:cxn>
                  <a:cxn ang="T164">
                    <a:pos x="T92" y="T93"/>
                  </a:cxn>
                  <a:cxn ang="T165">
                    <a:pos x="T94" y="T95"/>
                  </a:cxn>
                  <a:cxn ang="T166">
                    <a:pos x="T96" y="T97"/>
                  </a:cxn>
                  <a:cxn ang="T167">
                    <a:pos x="T98" y="T99"/>
                  </a:cxn>
                  <a:cxn ang="T168">
                    <a:pos x="T100" y="T101"/>
                  </a:cxn>
                  <a:cxn ang="T169">
                    <a:pos x="T102" y="T103"/>
                  </a:cxn>
                  <a:cxn ang="T170">
                    <a:pos x="T104" y="T105"/>
                  </a:cxn>
                  <a:cxn ang="T171">
                    <a:pos x="T106" y="T107"/>
                  </a:cxn>
                  <a:cxn ang="T172">
                    <a:pos x="T108" y="T109"/>
                  </a:cxn>
                  <a:cxn ang="T173">
                    <a:pos x="T110" y="T111"/>
                  </a:cxn>
                  <a:cxn ang="T174">
                    <a:pos x="T112" y="T113"/>
                  </a:cxn>
                  <a:cxn ang="T175">
                    <a:pos x="T114" y="T115"/>
                  </a:cxn>
                  <a:cxn ang="T176">
                    <a:pos x="T116" y="T117"/>
                  </a:cxn>
                </a:cxnLst>
                <a:rect l="T177" t="T178" r="T179" b="T180"/>
                <a:pathLst>
                  <a:path w="438" h="192">
                    <a:moveTo>
                      <a:pt x="438" y="54"/>
                    </a:moveTo>
                    <a:lnTo>
                      <a:pt x="420" y="78"/>
                    </a:lnTo>
                    <a:lnTo>
                      <a:pt x="402" y="78"/>
                    </a:lnTo>
                    <a:lnTo>
                      <a:pt x="396" y="66"/>
                    </a:lnTo>
                    <a:lnTo>
                      <a:pt x="390" y="72"/>
                    </a:lnTo>
                    <a:lnTo>
                      <a:pt x="396" y="78"/>
                    </a:lnTo>
                    <a:lnTo>
                      <a:pt x="372" y="78"/>
                    </a:lnTo>
                    <a:lnTo>
                      <a:pt x="402" y="84"/>
                    </a:lnTo>
                    <a:lnTo>
                      <a:pt x="390" y="108"/>
                    </a:lnTo>
                    <a:lnTo>
                      <a:pt x="372" y="102"/>
                    </a:lnTo>
                    <a:lnTo>
                      <a:pt x="390" y="108"/>
                    </a:lnTo>
                    <a:lnTo>
                      <a:pt x="408" y="96"/>
                    </a:lnTo>
                    <a:lnTo>
                      <a:pt x="414" y="108"/>
                    </a:lnTo>
                    <a:lnTo>
                      <a:pt x="408" y="120"/>
                    </a:lnTo>
                    <a:lnTo>
                      <a:pt x="396" y="114"/>
                    </a:lnTo>
                    <a:lnTo>
                      <a:pt x="378" y="126"/>
                    </a:lnTo>
                    <a:lnTo>
                      <a:pt x="372" y="126"/>
                    </a:lnTo>
                    <a:lnTo>
                      <a:pt x="372" y="138"/>
                    </a:lnTo>
                    <a:lnTo>
                      <a:pt x="360" y="126"/>
                    </a:lnTo>
                    <a:lnTo>
                      <a:pt x="366" y="144"/>
                    </a:lnTo>
                    <a:lnTo>
                      <a:pt x="348" y="162"/>
                    </a:lnTo>
                    <a:lnTo>
                      <a:pt x="348" y="180"/>
                    </a:lnTo>
                    <a:lnTo>
                      <a:pt x="342" y="174"/>
                    </a:lnTo>
                    <a:lnTo>
                      <a:pt x="336" y="186"/>
                    </a:lnTo>
                    <a:lnTo>
                      <a:pt x="312" y="192"/>
                    </a:lnTo>
                    <a:lnTo>
                      <a:pt x="306" y="192"/>
                    </a:lnTo>
                    <a:lnTo>
                      <a:pt x="246" y="144"/>
                    </a:lnTo>
                    <a:lnTo>
                      <a:pt x="186" y="156"/>
                    </a:lnTo>
                    <a:lnTo>
                      <a:pt x="168" y="132"/>
                    </a:lnTo>
                    <a:lnTo>
                      <a:pt x="102" y="144"/>
                    </a:lnTo>
                    <a:lnTo>
                      <a:pt x="66" y="162"/>
                    </a:lnTo>
                    <a:lnTo>
                      <a:pt x="0" y="168"/>
                    </a:lnTo>
                    <a:lnTo>
                      <a:pt x="0" y="150"/>
                    </a:lnTo>
                    <a:lnTo>
                      <a:pt x="18" y="150"/>
                    </a:lnTo>
                    <a:lnTo>
                      <a:pt x="24" y="132"/>
                    </a:lnTo>
                    <a:lnTo>
                      <a:pt x="66" y="108"/>
                    </a:lnTo>
                    <a:lnTo>
                      <a:pt x="78" y="90"/>
                    </a:lnTo>
                    <a:lnTo>
                      <a:pt x="84" y="96"/>
                    </a:lnTo>
                    <a:lnTo>
                      <a:pt x="114" y="78"/>
                    </a:lnTo>
                    <a:lnTo>
                      <a:pt x="126" y="66"/>
                    </a:lnTo>
                    <a:lnTo>
                      <a:pt x="126" y="48"/>
                    </a:lnTo>
                    <a:lnTo>
                      <a:pt x="408" y="0"/>
                    </a:lnTo>
                    <a:lnTo>
                      <a:pt x="426" y="24"/>
                    </a:lnTo>
                    <a:lnTo>
                      <a:pt x="414" y="12"/>
                    </a:lnTo>
                    <a:lnTo>
                      <a:pt x="420" y="24"/>
                    </a:lnTo>
                    <a:lnTo>
                      <a:pt x="408" y="18"/>
                    </a:lnTo>
                    <a:lnTo>
                      <a:pt x="414" y="24"/>
                    </a:lnTo>
                    <a:lnTo>
                      <a:pt x="402" y="24"/>
                    </a:lnTo>
                    <a:lnTo>
                      <a:pt x="402" y="30"/>
                    </a:lnTo>
                    <a:lnTo>
                      <a:pt x="396" y="30"/>
                    </a:lnTo>
                    <a:lnTo>
                      <a:pt x="396" y="36"/>
                    </a:lnTo>
                    <a:lnTo>
                      <a:pt x="384" y="36"/>
                    </a:lnTo>
                    <a:lnTo>
                      <a:pt x="372" y="18"/>
                    </a:lnTo>
                    <a:lnTo>
                      <a:pt x="384" y="48"/>
                    </a:lnTo>
                    <a:lnTo>
                      <a:pt x="414" y="36"/>
                    </a:lnTo>
                    <a:lnTo>
                      <a:pt x="414" y="54"/>
                    </a:lnTo>
                    <a:lnTo>
                      <a:pt x="420" y="54"/>
                    </a:lnTo>
                    <a:lnTo>
                      <a:pt x="426" y="36"/>
                    </a:lnTo>
                    <a:lnTo>
                      <a:pt x="438" y="5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63" name="Freeform 340"/>
              <p:cNvSpPr>
                <a:spLocks noChangeAspect="1"/>
              </p:cNvSpPr>
              <p:nvPr/>
            </p:nvSpPr>
            <p:spPr bwMode="auto">
              <a:xfrm>
                <a:off x="2046" y="2310"/>
                <a:ext cx="438" cy="192"/>
              </a:xfrm>
              <a:custGeom>
                <a:avLst/>
                <a:gdLst>
                  <a:gd name="T0" fmla="*/ 438 w 438"/>
                  <a:gd name="T1" fmla="*/ 54 h 192"/>
                  <a:gd name="T2" fmla="*/ 420 w 438"/>
                  <a:gd name="T3" fmla="*/ 78 h 192"/>
                  <a:gd name="T4" fmla="*/ 402 w 438"/>
                  <a:gd name="T5" fmla="*/ 78 h 192"/>
                  <a:gd name="T6" fmla="*/ 396 w 438"/>
                  <a:gd name="T7" fmla="*/ 66 h 192"/>
                  <a:gd name="T8" fmla="*/ 390 w 438"/>
                  <a:gd name="T9" fmla="*/ 72 h 192"/>
                  <a:gd name="T10" fmla="*/ 396 w 438"/>
                  <a:gd name="T11" fmla="*/ 78 h 192"/>
                  <a:gd name="T12" fmla="*/ 372 w 438"/>
                  <a:gd name="T13" fmla="*/ 78 h 192"/>
                  <a:gd name="T14" fmla="*/ 402 w 438"/>
                  <a:gd name="T15" fmla="*/ 84 h 192"/>
                  <a:gd name="T16" fmla="*/ 390 w 438"/>
                  <a:gd name="T17" fmla="*/ 108 h 192"/>
                  <a:gd name="T18" fmla="*/ 372 w 438"/>
                  <a:gd name="T19" fmla="*/ 102 h 192"/>
                  <a:gd name="T20" fmla="*/ 390 w 438"/>
                  <a:gd name="T21" fmla="*/ 108 h 192"/>
                  <a:gd name="T22" fmla="*/ 408 w 438"/>
                  <a:gd name="T23" fmla="*/ 96 h 192"/>
                  <a:gd name="T24" fmla="*/ 414 w 438"/>
                  <a:gd name="T25" fmla="*/ 108 h 192"/>
                  <a:gd name="T26" fmla="*/ 408 w 438"/>
                  <a:gd name="T27" fmla="*/ 120 h 192"/>
                  <a:gd name="T28" fmla="*/ 396 w 438"/>
                  <a:gd name="T29" fmla="*/ 114 h 192"/>
                  <a:gd name="T30" fmla="*/ 378 w 438"/>
                  <a:gd name="T31" fmla="*/ 126 h 192"/>
                  <a:gd name="T32" fmla="*/ 372 w 438"/>
                  <a:gd name="T33" fmla="*/ 126 h 192"/>
                  <a:gd name="T34" fmla="*/ 372 w 438"/>
                  <a:gd name="T35" fmla="*/ 138 h 192"/>
                  <a:gd name="T36" fmla="*/ 360 w 438"/>
                  <a:gd name="T37" fmla="*/ 126 h 192"/>
                  <a:gd name="T38" fmla="*/ 366 w 438"/>
                  <a:gd name="T39" fmla="*/ 144 h 192"/>
                  <a:gd name="T40" fmla="*/ 348 w 438"/>
                  <a:gd name="T41" fmla="*/ 162 h 192"/>
                  <a:gd name="T42" fmla="*/ 348 w 438"/>
                  <a:gd name="T43" fmla="*/ 180 h 192"/>
                  <a:gd name="T44" fmla="*/ 342 w 438"/>
                  <a:gd name="T45" fmla="*/ 174 h 192"/>
                  <a:gd name="T46" fmla="*/ 336 w 438"/>
                  <a:gd name="T47" fmla="*/ 186 h 192"/>
                  <a:gd name="T48" fmla="*/ 312 w 438"/>
                  <a:gd name="T49" fmla="*/ 192 h 192"/>
                  <a:gd name="T50" fmla="*/ 306 w 438"/>
                  <a:gd name="T51" fmla="*/ 192 h 192"/>
                  <a:gd name="T52" fmla="*/ 246 w 438"/>
                  <a:gd name="T53" fmla="*/ 144 h 192"/>
                  <a:gd name="T54" fmla="*/ 186 w 438"/>
                  <a:gd name="T55" fmla="*/ 156 h 192"/>
                  <a:gd name="T56" fmla="*/ 168 w 438"/>
                  <a:gd name="T57" fmla="*/ 132 h 192"/>
                  <a:gd name="T58" fmla="*/ 102 w 438"/>
                  <a:gd name="T59" fmla="*/ 144 h 192"/>
                  <a:gd name="T60" fmla="*/ 66 w 438"/>
                  <a:gd name="T61" fmla="*/ 162 h 192"/>
                  <a:gd name="T62" fmla="*/ 0 w 438"/>
                  <a:gd name="T63" fmla="*/ 168 h 192"/>
                  <a:gd name="T64" fmla="*/ 0 w 438"/>
                  <a:gd name="T65" fmla="*/ 150 h 192"/>
                  <a:gd name="T66" fmla="*/ 18 w 438"/>
                  <a:gd name="T67" fmla="*/ 150 h 192"/>
                  <a:gd name="T68" fmla="*/ 24 w 438"/>
                  <a:gd name="T69" fmla="*/ 132 h 192"/>
                  <a:gd name="T70" fmla="*/ 66 w 438"/>
                  <a:gd name="T71" fmla="*/ 108 h 192"/>
                  <a:gd name="T72" fmla="*/ 78 w 438"/>
                  <a:gd name="T73" fmla="*/ 90 h 192"/>
                  <a:gd name="T74" fmla="*/ 84 w 438"/>
                  <a:gd name="T75" fmla="*/ 96 h 192"/>
                  <a:gd name="T76" fmla="*/ 114 w 438"/>
                  <a:gd name="T77" fmla="*/ 78 h 192"/>
                  <a:gd name="T78" fmla="*/ 126 w 438"/>
                  <a:gd name="T79" fmla="*/ 66 h 192"/>
                  <a:gd name="T80" fmla="*/ 126 w 438"/>
                  <a:gd name="T81" fmla="*/ 48 h 192"/>
                  <a:gd name="T82" fmla="*/ 408 w 438"/>
                  <a:gd name="T83" fmla="*/ 0 h 192"/>
                  <a:gd name="T84" fmla="*/ 426 w 438"/>
                  <a:gd name="T85" fmla="*/ 24 h 192"/>
                  <a:gd name="T86" fmla="*/ 414 w 438"/>
                  <a:gd name="T87" fmla="*/ 12 h 192"/>
                  <a:gd name="T88" fmla="*/ 420 w 438"/>
                  <a:gd name="T89" fmla="*/ 24 h 192"/>
                  <a:gd name="T90" fmla="*/ 408 w 438"/>
                  <a:gd name="T91" fmla="*/ 18 h 192"/>
                  <a:gd name="T92" fmla="*/ 414 w 438"/>
                  <a:gd name="T93" fmla="*/ 24 h 192"/>
                  <a:gd name="T94" fmla="*/ 402 w 438"/>
                  <a:gd name="T95" fmla="*/ 24 h 192"/>
                  <a:gd name="T96" fmla="*/ 402 w 438"/>
                  <a:gd name="T97" fmla="*/ 30 h 192"/>
                  <a:gd name="T98" fmla="*/ 396 w 438"/>
                  <a:gd name="T99" fmla="*/ 30 h 192"/>
                  <a:gd name="T100" fmla="*/ 396 w 438"/>
                  <a:gd name="T101" fmla="*/ 36 h 192"/>
                  <a:gd name="T102" fmla="*/ 384 w 438"/>
                  <a:gd name="T103" fmla="*/ 36 h 192"/>
                  <a:gd name="T104" fmla="*/ 372 w 438"/>
                  <a:gd name="T105" fmla="*/ 18 h 192"/>
                  <a:gd name="T106" fmla="*/ 384 w 438"/>
                  <a:gd name="T107" fmla="*/ 48 h 192"/>
                  <a:gd name="T108" fmla="*/ 414 w 438"/>
                  <a:gd name="T109" fmla="*/ 36 h 192"/>
                  <a:gd name="T110" fmla="*/ 414 w 438"/>
                  <a:gd name="T111" fmla="*/ 54 h 192"/>
                  <a:gd name="T112" fmla="*/ 420 w 438"/>
                  <a:gd name="T113" fmla="*/ 54 h 192"/>
                  <a:gd name="T114" fmla="*/ 426 w 438"/>
                  <a:gd name="T115" fmla="*/ 36 h 192"/>
                  <a:gd name="T116" fmla="*/ 438 w 438"/>
                  <a:gd name="T117" fmla="*/ 54 h 192"/>
                  <a:gd name="T118" fmla="*/ 438 w 438"/>
                  <a:gd name="T119" fmla="*/ 60 h 192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w 438"/>
                  <a:gd name="T181" fmla="*/ 0 h 192"/>
                  <a:gd name="T182" fmla="*/ 438 w 438"/>
                  <a:gd name="T183" fmla="*/ 192 h 192"/>
                </a:gdLst>
                <a:ahLst/>
                <a:cxnLst>
                  <a:cxn ang="T120">
                    <a:pos x="T0" y="T1"/>
                  </a:cxn>
                  <a:cxn ang="T121">
                    <a:pos x="T2" y="T3"/>
                  </a:cxn>
                  <a:cxn ang="T122">
                    <a:pos x="T4" y="T5"/>
                  </a:cxn>
                  <a:cxn ang="T123">
                    <a:pos x="T6" y="T7"/>
                  </a:cxn>
                  <a:cxn ang="T124">
                    <a:pos x="T8" y="T9"/>
                  </a:cxn>
                  <a:cxn ang="T125">
                    <a:pos x="T10" y="T11"/>
                  </a:cxn>
                  <a:cxn ang="T126">
                    <a:pos x="T12" y="T13"/>
                  </a:cxn>
                  <a:cxn ang="T127">
                    <a:pos x="T14" y="T15"/>
                  </a:cxn>
                  <a:cxn ang="T128">
                    <a:pos x="T16" y="T17"/>
                  </a:cxn>
                  <a:cxn ang="T129">
                    <a:pos x="T18" y="T19"/>
                  </a:cxn>
                  <a:cxn ang="T130">
                    <a:pos x="T20" y="T21"/>
                  </a:cxn>
                  <a:cxn ang="T131">
                    <a:pos x="T22" y="T23"/>
                  </a:cxn>
                  <a:cxn ang="T132">
                    <a:pos x="T24" y="T25"/>
                  </a:cxn>
                  <a:cxn ang="T133">
                    <a:pos x="T26" y="T27"/>
                  </a:cxn>
                  <a:cxn ang="T134">
                    <a:pos x="T28" y="T29"/>
                  </a:cxn>
                  <a:cxn ang="T135">
                    <a:pos x="T30" y="T31"/>
                  </a:cxn>
                  <a:cxn ang="T136">
                    <a:pos x="T32" y="T33"/>
                  </a:cxn>
                  <a:cxn ang="T137">
                    <a:pos x="T34" y="T35"/>
                  </a:cxn>
                  <a:cxn ang="T138">
                    <a:pos x="T36" y="T37"/>
                  </a:cxn>
                  <a:cxn ang="T139">
                    <a:pos x="T38" y="T39"/>
                  </a:cxn>
                  <a:cxn ang="T140">
                    <a:pos x="T40" y="T41"/>
                  </a:cxn>
                  <a:cxn ang="T141">
                    <a:pos x="T42" y="T43"/>
                  </a:cxn>
                  <a:cxn ang="T142">
                    <a:pos x="T44" y="T45"/>
                  </a:cxn>
                  <a:cxn ang="T143">
                    <a:pos x="T46" y="T47"/>
                  </a:cxn>
                  <a:cxn ang="T144">
                    <a:pos x="T48" y="T49"/>
                  </a:cxn>
                  <a:cxn ang="T145">
                    <a:pos x="T50" y="T51"/>
                  </a:cxn>
                  <a:cxn ang="T146">
                    <a:pos x="T52" y="T53"/>
                  </a:cxn>
                  <a:cxn ang="T147">
                    <a:pos x="T54" y="T55"/>
                  </a:cxn>
                  <a:cxn ang="T148">
                    <a:pos x="T56" y="T57"/>
                  </a:cxn>
                  <a:cxn ang="T149">
                    <a:pos x="T58" y="T59"/>
                  </a:cxn>
                  <a:cxn ang="T150">
                    <a:pos x="T60" y="T61"/>
                  </a:cxn>
                  <a:cxn ang="T151">
                    <a:pos x="T62" y="T63"/>
                  </a:cxn>
                  <a:cxn ang="T152">
                    <a:pos x="T64" y="T65"/>
                  </a:cxn>
                  <a:cxn ang="T153">
                    <a:pos x="T66" y="T67"/>
                  </a:cxn>
                  <a:cxn ang="T154">
                    <a:pos x="T68" y="T69"/>
                  </a:cxn>
                  <a:cxn ang="T155">
                    <a:pos x="T70" y="T71"/>
                  </a:cxn>
                  <a:cxn ang="T156">
                    <a:pos x="T72" y="T73"/>
                  </a:cxn>
                  <a:cxn ang="T157">
                    <a:pos x="T74" y="T75"/>
                  </a:cxn>
                  <a:cxn ang="T158">
                    <a:pos x="T76" y="T77"/>
                  </a:cxn>
                  <a:cxn ang="T159">
                    <a:pos x="T78" y="T79"/>
                  </a:cxn>
                  <a:cxn ang="T160">
                    <a:pos x="T80" y="T81"/>
                  </a:cxn>
                  <a:cxn ang="T161">
                    <a:pos x="T82" y="T83"/>
                  </a:cxn>
                  <a:cxn ang="T162">
                    <a:pos x="T84" y="T85"/>
                  </a:cxn>
                  <a:cxn ang="T163">
                    <a:pos x="T86" y="T87"/>
                  </a:cxn>
                  <a:cxn ang="T164">
                    <a:pos x="T88" y="T89"/>
                  </a:cxn>
                  <a:cxn ang="T165">
                    <a:pos x="T90" y="T91"/>
                  </a:cxn>
                  <a:cxn ang="T166">
                    <a:pos x="T92" y="T93"/>
                  </a:cxn>
                  <a:cxn ang="T167">
                    <a:pos x="T94" y="T95"/>
                  </a:cxn>
                  <a:cxn ang="T168">
                    <a:pos x="T96" y="T97"/>
                  </a:cxn>
                  <a:cxn ang="T169">
                    <a:pos x="T98" y="T99"/>
                  </a:cxn>
                  <a:cxn ang="T170">
                    <a:pos x="T100" y="T101"/>
                  </a:cxn>
                  <a:cxn ang="T171">
                    <a:pos x="T102" y="T103"/>
                  </a:cxn>
                  <a:cxn ang="T172">
                    <a:pos x="T104" y="T105"/>
                  </a:cxn>
                  <a:cxn ang="T173">
                    <a:pos x="T106" y="T107"/>
                  </a:cxn>
                  <a:cxn ang="T174">
                    <a:pos x="T108" y="T109"/>
                  </a:cxn>
                  <a:cxn ang="T175">
                    <a:pos x="T110" y="T111"/>
                  </a:cxn>
                  <a:cxn ang="T176">
                    <a:pos x="T112" y="T113"/>
                  </a:cxn>
                  <a:cxn ang="T177">
                    <a:pos x="T114" y="T115"/>
                  </a:cxn>
                  <a:cxn ang="T178">
                    <a:pos x="T116" y="T117"/>
                  </a:cxn>
                  <a:cxn ang="T179">
                    <a:pos x="T118" y="T119"/>
                  </a:cxn>
                </a:cxnLst>
                <a:rect l="T180" t="T181" r="T182" b="T183"/>
                <a:pathLst>
                  <a:path w="438" h="192">
                    <a:moveTo>
                      <a:pt x="438" y="54"/>
                    </a:moveTo>
                    <a:lnTo>
                      <a:pt x="420" y="78"/>
                    </a:lnTo>
                    <a:lnTo>
                      <a:pt x="402" y="78"/>
                    </a:lnTo>
                    <a:lnTo>
                      <a:pt x="396" y="66"/>
                    </a:lnTo>
                    <a:lnTo>
                      <a:pt x="390" y="72"/>
                    </a:lnTo>
                    <a:lnTo>
                      <a:pt x="396" y="78"/>
                    </a:lnTo>
                    <a:lnTo>
                      <a:pt x="372" y="78"/>
                    </a:lnTo>
                    <a:lnTo>
                      <a:pt x="402" y="84"/>
                    </a:lnTo>
                    <a:lnTo>
                      <a:pt x="390" y="108"/>
                    </a:lnTo>
                    <a:lnTo>
                      <a:pt x="372" y="102"/>
                    </a:lnTo>
                    <a:lnTo>
                      <a:pt x="390" y="108"/>
                    </a:lnTo>
                    <a:lnTo>
                      <a:pt x="408" y="96"/>
                    </a:lnTo>
                    <a:lnTo>
                      <a:pt x="414" y="108"/>
                    </a:lnTo>
                    <a:lnTo>
                      <a:pt x="408" y="120"/>
                    </a:lnTo>
                    <a:lnTo>
                      <a:pt x="396" y="114"/>
                    </a:lnTo>
                    <a:lnTo>
                      <a:pt x="378" y="126"/>
                    </a:lnTo>
                    <a:lnTo>
                      <a:pt x="372" y="126"/>
                    </a:lnTo>
                    <a:lnTo>
                      <a:pt x="372" y="138"/>
                    </a:lnTo>
                    <a:lnTo>
                      <a:pt x="360" y="126"/>
                    </a:lnTo>
                    <a:lnTo>
                      <a:pt x="366" y="144"/>
                    </a:lnTo>
                    <a:lnTo>
                      <a:pt x="348" y="162"/>
                    </a:lnTo>
                    <a:lnTo>
                      <a:pt x="348" y="180"/>
                    </a:lnTo>
                    <a:lnTo>
                      <a:pt x="342" y="174"/>
                    </a:lnTo>
                    <a:lnTo>
                      <a:pt x="336" y="186"/>
                    </a:lnTo>
                    <a:lnTo>
                      <a:pt x="312" y="192"/>
                    </a:lnTo>
                    <a:lnTo>
                      <a:pt x="306" y="192"/>
                    </a:lnTo>
                    <a:lnTo>
                      <a:pt x="246" y="144"/>
                    </a:lnTo>
                    <a:lnTo>
                      <a:pt x="186" y="156"/>
                    </a:lnTo>
                    <a:lnTo>
                      <a:pt x="168" y="132"/>
                    </a:lnTo>
                    <a:lnTo>
                      <a:pt x="102" y="144"/>
                    </a:lnTo>
                    <a:lnTo>
                      <a:pt x="66" y="162"/>
                    </a:lnTo>
                    <a:lnTo>
                      <a:pt x="0" y="168"/>
                    </a:lnTo>
                    <a:lnTo>
                      <a:pt x="0" y="150"/>
                    </a:lnTo>
                    <a:lnTo>
                      <a:pt x="18" y="150"/>
                    </a:lnTo>
                    <a:lnTo>
                      <a:pt x="24" y="132"/>
                    </a:lnTo>
                    <a:lnTo>
                      <a:pt x="66" y="108"/>
                    </a:lnTo>
                    <a:lnTo>
                      <a:pt x="78" y="90"/>
                    </a:lnTo>
                    <a:lnTo>
                      <a:pt x="84" y="96"/>
                    </a:lnTo>
                    <a:lnTo>
                      <a:pt x="114" y="78"/>
                    </a:lnTo>
                    <a:lnTo>
                      <a:pt x="126" y="66"/>
                    </a:lnTo>
                    <a:lnTo>
                      <a:pt x="126" y="48"/>
                    </a:lnTo>
                    <a:lnTo>
                      <a:pt x="408" y="0"/>
                    </a:lnTo>
                    <a:lnTo>
                      <a:pt x="426" y="24"/>
                    </a:lnTo>
                    <a:lnTo>
                      <a:pt x="414" y="12"/>
                    </a:lnTo>
                    <a:lnTo>
                      <a:pt x="420" y="24"/>
                    </a:lnTo>
                    <a:lnTo>
                      <a:pt x="408" y="18"/>
                    </a:lnTo>
                    <a:lnTo>
                      <a:pt x="414" y="24"/>
                    </a:lnTo>
                    <a:lnTo>
                      <a:pt x="402" y="24"/>
                    </a:lnTo>
                    <a:lnTo>
                      <a:pt x="402" y="30"/>
                    </a:lnTo>
                    <a:lnTo>
                      <a:pt x="396" y="30"/>
                    </a:lnTo>
                    <a:lnTo>
                      <a:pt x="396" y="36"/>
                    </a:lnTo>
                    <a:lnTo>
                      <a:pt x="384" y="36"/>
                    </a:lnTo>
                    <a:lnTo>
                      <a:pt x="372" y="18"/>
                    </a:lnTo>
                    <a:lnTo>
                      <a:pt x="384" y="48"/>
                    </a:lnTo>
                    <a:lnTo>
                      <a:pt x="414" y="36"/>
                    </a:lnTo>
                    <a:lnTo>
                      <a:pt x="414" y="54"/>
                    </a:lnTo>
                    <a:lnTo>
                      <a:pt x="420" y="54"/>
                    </a:lnTo>
                    <a:lnTo>
                      <a:pt x="426" y="36"/>
                    </a:lnTo>
                    <a:lnTo>
                      <a:pt x="438" y="54"/>
                    </a:lnTo>
                    <a:lnTo>
                      <a:pt x="438" y="6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64" name="Freeform 341"/>
              <p:cNvSpPr>
                <a:spLocks noChangeAspect="1"/>
              </p:cNvSpPr>
              <p:nvPr/>
            </p:nvSpPr>
            <p:spPr bwMode="auto">
              <a:xfrm>
                <a:off x="2454" y="2310"/>
                <a:ext cx="6" cy="6"/>
              </a:xfrm>
              <a:custGeom>
                <a:avLst/>
                <a:gdLst>
                  <a:gd name="T0" fmla="*/ 6 w 6"/>
                  <a:gd name="T1" fmla="*/ 0 h 6"/>
                  <a:gd name="T2" fmla="*/ 0 w 6"/>
                  <a:gd name="T3" fmla="*/ 0 h 6"/>
                  <a:gd name="T4" fmla="*/ 6 w 6"/>
                  <a:gd name="T5" fmla="*/ 0 h 6"/>
                  <a:gd name="T6" fmla="*/ 6 w 6"/>
                  <a:gd name="T7" fmla="*/ 6 h 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"/>
                  <a:gd name="T13" fmla="*/ 0 h 6"/>
                  <a:gd name="T14" fmla="*/ 6 w 6"/>
                  <a:gd name="T15" fmla="*/ 6 h 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" h="6">
                    <a:moveTo>
                      <a:pt x="6" y="0"/>
                    </a:moveTo>
                    <a:lnTo>
                      <a:pt x="0" y="0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65" name="Freeform 342"/>
              <p:cNvSpPr>
                <a:spLocks noChangeAspect="1"/>
              </p:cNvSpPr>
              <p:nvPr/>
            </p:nvSpPr>
            <p:spPr bwMode="auto">
              <a:xfrm>
                <a:off x="1080" y="1602"/>
                <a:ext cx="336" cy="210"/>
              </a:xfrm>
              <a:custGeom>
                <a:avLst/>
                <a:gdLst>
                  <a:gd name="T0" fmla="*/ 336 w 336"/>
                  <a:gd name="T1" fmla="*/ 210 h 210"/>
                  <a:gd name="T2" fmla="*/ 0 w 336"/>
                  <a:gd name="T3" fmla="*/ 198 h 210"/>
                  <a:gd name="T4" fmla="*/ 6 w 336"/>
                  <a:gd name="T5" fmla="*/ 174 h 210"/>
                  <a:gd name="T6" fmla="*/ 18 w 336"/>
                  <a:gd name="T7" fmla="*/ 0 h 210"/>
                  <a:gd name="T8" fmla="*/ 312 w 336"/>
                  <a:gd name="T9" fmla="*/ 18 h 210"/>
                  <a:gd name="T10" fmla="*/ 336 w 336"/>
                  <a:gd name="T11" fmla="*/ 210 h 210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336"/>
                  <a:gd name="T19" fmla="*/ 0 h 210"/>
                  <a:gd name="T20" fmla="*/ 336 w 336"/>
                  <a:gd name="T21" fmla="*/ 210 h 210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336" h="210">
                    <a:moveTo>
                      <a:pt x="336" y="210"/>
                    </a:moveTo>
                    <a:lnTo>
                      <a:pt x="0" y="198"/>
                    </a:lnTo>
                    <a:lnTo>
                      <a:pt x="6" y="174"/>
                    </a:lnTo>
                    <a:lnTo>
                      <a:pt x="18" y="0"/>
                    </a:lnTo>
                    <a:lnTo>
                      <a:pt x="312" y="18"/>
                    </a:lnTo>
                    <a:lnTo>
                      <a:pt x="336" y="21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66" name="Freeform 343"/>
              <p:cNvSpPr>
                <a:spLocks noChangeAspect="1"/>
              </p:cNvSpPr>
              <p:nvPr/>
            </p:nvSpPr>
            <p:spPr bwMode="auto">
              <a:xfrm>
                <a:off x="1080" y="1602"/>
                <a:ext cx="336" cy="216"/>
              </a:xfrm>
              <a:custGeom>
                <a:avLst/>
                <a:gdLst>
                  <a:gd name="T0" fmla="*/ 336 w 336"/>
                  <a:gd name="T1" fmla="*/ 210 h 216"/>
                  <a:gd name="T2" fmla="*/ 0 w 336"/>
                  <a:gd name="T3" fmla="*/ 198 h 216"/>
                  <a:gd name="T4" fmla="*/ 6 w 336"/>
                  <a:gd name="T5" fmla="*/ 174 h 216"/>
                  <a:gd name="T6" fmla="*/ 18 w 336"/>
                  <a:gd name="T7" fmla="*/ 0 h 216"/>
                  <a:gd name="T8" fmla="*/ 312 w 336"/>
                  <a:gd name="T9" fmla="*/ 18 h 216"/>
                  <a:gd name="T10" fmla="*/ 336 w 336"/>
                  <a:gd name="T11" fmla="*/ 210 h 216"/>
                  <a:gd name="T12" fmla="*/ 336 w 336"/>
                  <a:gd name="T13" fmla="*/ 216 h 21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336"/>
                  <a:gd name="T22" fmla="*/ 0 h 216"/>
                  <a:gd name="T23" fmla="*/ 336 w 336"/>
                  <a:gd name="T24" fmla="*/ 216 h 216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336" h="216">
                    <a:moveTo>
                      <a:pt x="336" y="210"/>
                    </a:moveTo>
                    <a:lnTo>
                      <a:pt x="0" y="198"/>
                    </a:lnTo>
                    <a:lnTo>
                      <a:pt x="6" y="174"/>
                    </a:lnTo>
                    <a:lnTo>
                      <a:pt x="18" y="0"/>
                    </a:lnTo>
                    <a:lnTo>
                      <a:pt x="312" y="18"/>
                    </a:lnTo>
                    <a:lnTo>
                      <a:pt x="336" y="210"/>
                    </a:lnTo>
                    <a:lnTo>
                      <a:pt x="336" y="21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67" name="Freeform 344"/>
              <p:cNvSpPr>
                <a:spLocks noChangeAspect="1"/>
              </p:cNvSpPr>
              <p:nvPr/>
            </p:nvSpPr>
            <p:spPr bwMode="auto">
              <a:xfrm>
                <a:off x="1974" y="2010"/>
                <a:ext cx="210" cy="240"/>
              </a:xfrm>
              <a:custGeom>
                <a:avLst/>
                <a:gdLst>
                  <a:gd name="T0" fmla="*/ 210 w 210"/>
                  <a:gd name="T1" fmla="*/ 84 h 240"/>
                  <a:gd name="T2" fmla="*/ 204 w 210"/>
                  <a:gd name="T3" fmla="*/ 90 h 240"/>
                  <a:gd name="T4" fmla="*/ 210 w 210"/>
                  <a:gd name="T5" fmla="*/ 102 h 240"/>
                  <a:gd name="T6" fmla="*/ 204 w 210"/>
                  <a:gd name="T7" fmla="*/ 150 h 240"/>
                  <a:gd name="T8" fmla="*/ 168 w 210"/>
                  <a:gd name="T9" fmla="*/ 180 h 240"/>
                  <a:gd name="T10" fmla="*/ 168 w 210"/>
                  <a:gd name="T11" fmla="*/ 198 h 240"/>
                  <a:gd name="T12" fmla="*/ 156 w 210"/>
                  <a:gd name="T13" fmla="*/ 198 h 240"/>
                  <a:gd name="T14" fmla="*/ 150 w 210"/>
                  <a:gd name="T15" fmla="*/ 222 h 240"/>
                  <a:gd name="T16" fmla="*/ 132 w 210"/>
                  <a:gd name="T17" fmla="*/ 240 h 240"/>
                  <a:gd name="T18" fmla="*/ 114 w 210"/>
                  <a:gd name="T19" fmla="*/ 222 h 240"/>
                  <a:gd name="T20" fmla="*/ 78 w 210"/>
                  <a:gd name="T21" fmla="*/ 234 h 240"/>
                  <a:gd name="T22" fmla="*/ 48 w 210"/>
                  <a:gd name="T23" fmla="*/ 222 h 240"/>
                  <a:gd name="T24" fmla="*/ 36 w 210"/>
                  <a:gd name="T25" fmla="*/ 204 h 240"/>
                  <a:gd name="T26" fmla="*/ 18 w 210"/>
                  <a:gd name="T27" fmla="*/ 210 h 240"/>
                  <a:gd name="T28" fmla="*/ 0 w 210"/>
                  <a:gd name="T29" fmla="*/ 42 h 240"/>
                  <a:gd name="T30" fmla="*/ 18 w 210"/>
                  <a:gd name="T31" fmla="*/ 42 h 240"/>
                  <a:gd name="T32" fmla="*/ 60 w 210"/>
                  <a:gd name="T33" fmla="*/ 30 h 240"/>
                  <a:gd name="T34" fmla="*/ 60 w 210"/>
                  <a:gd name="T35" fmla="*/ 36 h 240"/>
                  <a:gd name="T36" fmla="*/ 96 w 210"/>
                  <a:gd name="T37" fmla="*/ 42 h 240"/>
                  <a:gd name="T38" fmla="*/ 90 w 210"/>
                  <a:gd name="T39" fmla="*/ 48 h 240"/>
                  <a:gd name="T40" fmla="*/ 114 w 210"/>
                  <a:gd name="T41" fmla="*/ 48 h 240"/>
                  <a:gd name="T42" fmla="*/ 150 w 210"/>
                  <a:gd name="T43" fmla="*/ 36 h 240"/>
                  <a:gd name="T44" fmla="*/ 162 w 210"/>
                  <a:gd name="T45" fmla="*/ 18 h 240"/>
                  <a:gd name="T46" fmla="*/ 198 w 210"/>
                  <a:gd name="T47" fmla="*/ 0 h 240"/>
                  <a:gd name="T48" fmla="*/ 210 w 210"/>
                  <a:gd name="T49" fmla="*/ 66 h 240"/>
                  <a:gd name="T50" fmla="*/ 210 w 210"/>
                  <a:gd name="T51" fmla="*/ 84 h 240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210"/>
                  <a:gd name="T79" fmla="*/ 0 h 240"/>
                  <a:gd name="T80" fmla="*/ 210 w 210"/>
                  <a:gd name="T81" fmla="*/ 240 h 240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210" h="240">
                    <a:moveTo>
                      <a:pt x="210" y="84"/>
                    </a:moveTo>
                    <a:lnTo>
                      <a:pt x="204" y="90"/>
                    </a:lnTo>
                    <a:lnTo>
                      <a:pt x="210" y="102"/>
                    </a:lnTo>
                    <a:lnTo>
                      <a:pt x="204" y="150"/>
                    </a:lnTo>
                    <a:lnTo>
                      <a:pt x="168" y="180"/>
                    </a:lnTo>
                    <a:lnTo>
                      <a:pt x="168" y="198"/>
                    </a:lnTo>
                    <a:lnTo>
                      <a:pt x="156" y="198"/>
                    </a:lnTo>
                    <a:lnTo>
                      <a:pt x="150" y="222"/>
                    </a:lnTo>
                    <a:lnTo>
                      <a:pt x="132" y="240"/>
                    </a:lnTo>
                    <a:lnTo>
                      <a:pt x="114" y="222"/>
                    </a:lnTo>
                    <a:lnTo>
                      <a:pt x="78" y="234"/>
                    </a:lnTo>
                    <a:lnTo>
                      <a:pt x="48" y="222"/>
                    </a:lnTo>
                    <a:lnTo>
                      <a:pt x="36" y="204"/>
                    </a:lnTo>
                    <a:lnTo>
                      <a:pt x="18" y="210"/>
                    </a:lnTo>
                    <a:lnTo>
                      <a:pt x="0" y="42"/>
                    </a:lnTo>
                    <a:lnTo>
                      <a:pt x="18" y="42"/>
                    </a:lnTo>
                    <a:lnTo>
                      <a:pt x="60" y="30"/>
                    </a:lnTo>
                    <a:lnTo>
                      <a:pt x="60" y="36"/>
                    </a:lnTo>
                    <a:lnTo>
                      <a:pt x="96" y="42"/>
                    </a:lnTo>
                    <a:lnTo>
                      <a:pt x="90" y="48"/>
                    </a:lnTo>
                    <a:lnTo>
                      <a:pt x="114" y="48"/>
                    </a:lnTo>
                    <a:lnTo>
                      <a:pt x="150" y="36"/>
                    </a:lnTo>
                    <a:lnTo>
                      <a:pt x="162" y="18"/>
                    </a:lnTo>
                    <a:lnTo>
                      <a:pt x="198" y="0"/>
                    </a:lnTo>
                    <a:lnTo>
                      <a:pt x="210" y="66"/>
                    </a:lnTo>
                    <a:lnTo>
                      <a:pt x="210" y="8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68" name="Freeform 345"/>
              <p:cNvSpPr>
                <a:spLocks noChangeAspect="1"/>
              </p:cNvSpPr>
              <p:nvPr/>
            </p:nvSpPr>
            <p:spPr bwMode="auto">
              <a:xfrm>
                <a:off x="1974" y="2010"/>
                <a:ext cx="210" cy="240"/>
              </a:xfrm>
              <a:custGeom>
                <a:avLst/>
                <a:gdLst>
                  <a:gd name="T0" fmla="*/ 210 w 210"/>
                  <a:gd name="T1" fmla="*/ 84 h 240"/>
                  <a:gd name="T2" fmla="*/ 204 w 210"/>
                  <a:gd name="T3" fmla="*/ 90 h 240"/>
                  <a:gd name="T4" fmla="*/ 210 w 210"/>
                  <a:gd name="T5" fmla="*/ 102 h 240"/>
                  <a:gd name="T6" fmla="*/ 204 w 210"/>
                  <a:gd name="T7" fmla="*/ 150 h 240"/>
                  <a:gd name="T8" fmla="*/ 168 w 210"/>
                  <a:gd name="T9" fmla="*/ 180 h 240"/>
                  <a:gd name="T10" fmla="*/ 168 w 210"/>
                  <a:gd name="T11" fmla="*/ 198 h 240"/>
                  <a:gd name="T12" fmla="*/ 156 w 210"/>
                  <a:gd name="T13" fmla="*/ 198 h 240"/>
                  <a:gd name="T14" fmla="*/ 150 w 210"/>
                  <a:gd name="T15" fmla="*/ 222 h 240"/>
                  <a:gd name="T16" fmla="*/ 132 w 210"/>
                  <a:gd name="T17" fmla="*/ 240 h 240"/>
                  <a:gd name="T18" fmla="*/ 114 w 210"/>
                  <a:gd name="T19" fmla="*/ 222 h 240"/>
                  <a:gd name="T20" fmla="*/ 78 w 210"/>
                  <a:gd name="T21" fmla="*/ 234 h 240"/>
                  <a:gd name="T22" fmla="*/ 48 w 210"/>
                  <a:gd name="T23" fmla="*/ 222 h 240"/>
                  <a:gd name="T24" fmla="*/ 36 w 210"/>
                  <a:gd name="T25" fmla="*/ 204 h 240"/>
                  <a:gd name="T26" fmla="*/ 18 w 210"/>
                  <a:gd name="T27" fmla="*/ 210 h 240"/>
                  <a:gd name="T28" fmla="*/ 0 w 210"/>
                  <a:gd name="T29" fmla="*/ 42 h 240"/>
                  <a:gd name="T30" fmla="*/ 18 w 210"/>
                  <a:gd name="T31" fmla="*/ 42 h 240"/>
                  <a:gd name="T32" fmla="*/ 60 w 210"/>
                  <a:gd name="T33" fmla="*/ 30 h 240"/>
                  <a:gd name="T34" fmla="*/ 60 w 210"/>
                  <a:gd name="T35" fmla="*/ 36 h 240"/>
                  <a:gd name="T36" fmla="*/ 96 w 210"/>
                  <a:gd name="T37" fmla="*/ 42 h 240"/>
                  <a:gd name="T38" fmla="*/ 90 w 210"/>
                  <a:gd name="T39" fmla="*/ 48 h 240"/>
                  <a:gd name="T40" fmla="*/ 114 w 210"/>
                  <a:gd name="T41" fmla="*/ 48 h 240"/>
                  <a:gd name="T42" fmla="*/ 150 w 210"/>
                  <a:gd name="T43" fmla="*/ 36 h 240"/>
                  <a:gd name="T44" fmla="*/ 162 w 210"/>
                  <a:gd name="T45" fmla="*/ 18 h 240"/>
                  <a:gd name="T46" fmla="*/ 198 w 210"/>
                  <a:gd name="T47" fmla="*/ 0 h 240"/>
                  <a:gd name="T48" fmla="*/ 210 w 210"/>
                  <a:gd name="T49" fmla="*/ 66 h 240"/>
                  <a:gd name="T50" fmla="*/ 210 w 210"/>
                  <a:gd name="T51" fmla="*/ 84 h 240"/>
                  <a:gd name="T52" fmla="*/ 210 w 210"/>
                  <a:gd name="T53" fmla="*/ 90 h 240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210"/>
                  <a:gd name="T82" fmla="*/ 0 h 240"/>
                  <a:gd name="T83" fmla="*/ 210 w 210"/>
                  <a:gd name="T84" fmla="*/ 240 h 240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210" h="240">
                    <a:moveTo>
                      <a:pt x="210" y="84"/>
                    </a:moveTo>
                    <a:lnTo>
                      <a:pt x="204" y="90"/>
                    </a:lnTo>
                    <a:lnTo>
                      <a:pt x="210" y="102"/>
                    </a:lnTo>
                    <a:lnTo>
                      <a:pt x="204" y="150"/>
                    </a:lnTo>
                    <a:lnTo>
                      <a:pt x="168" y="180"/>
                    </a:lnTo>
                    <a:lnTo>
                      <a:pt x="168" y="198"/>
                    </a:lnTo>
                    <a:lnTo>
                      <a:pt x="156" y="198"/>
                    </a:lnTo>
                    <a:lnTo>
                      <a:pt x="150" y="222"/>
                    </a:lnTo>
                    <a:lnTo>
                      <a:pt x="132" y="240"/>
                    </a:lnTo>
                    <a:lnTo>
                      <a:pt x="114" y="222"/>
                    </a:lnTo>
                    <a:lnTo>
                      <a:pt x="78" y="234"/>
                    </a:lnTo>
                    <a:lnTo>
                      <a:pt x="48" y="222"/>
                    </a:lnTo>
                    <a:lnTo>
                      <a:pt x="36" y="204"/>
                    </a:lnTo>
                    <a:lnTo>
                      <a:pt x="18" y="210"/>
                    </a:lnTo>
                    <a:lnTo>
                      <a:pt x="0" y="42"/>
                    </a:lnTo>
                    <a:lnTo>
                      <a:pt x="18" y="42"/>
                    </a:lnTo>
                    <a:lnTo>
                      <a:pt x="60" y="30"/>
                    </a:lnTo>
                    <a:lnTo>
                      <a:pt x="60" y="36"/>
                    </a:lnTo>
                    <a:lnTo>
                      <a:pt x="96" y="42"/>
                    </a:lnTo>
                    <a:lnTo>
                      <a:pt x="90" y="48"/>
                    </a:lnTo>
                    <a:lnTo>
                      <a:pt x="114" y="48"/>
                    </a:lnTo>
                    <a:lnTo>
                      <a:pt x="150" y="36"/>
                    </a:lnTo>
                    <a:lnTo>
                      <a:pt x="162" y="18"/>
                    </a:lnTo>
                    <a:lnTo>
                      <a:pt x="198" y="0"/>
                    </a:lnTo>
                    <a:lnTo>
                      <a:pt x="210" y="66"/>
                    </a:lnTo>
                    <a:lnTo>
                      <a:pt x="210" y="84"/>
                    </a:lnTo>
                    <a:lnTo>
                      <a:pt x="210" y="9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69" name="Freeform 346"/>
              <p:cNvSpPr>
                <a:spLocks noChangeAspect="1"/>
              </p:cNvSpPr>
              <p:nvPr/>
            </p:nvSpPr>
            <p:spPr bwMode="auto">
              <a:xfrm>
                <a:off x="1080" y="2370"/>
                <a:ext cx="444" cy="228"/>
              </a:xfrm>
              <a:custGeom>
                <a:avLst/>
                <a:gdLst>
                  <a:gd name="T0" fmla="*/ 432 w 444"/>
                  <a:gd name="T1" fmla="*/ 48 h 228"/>
                  <a:gd name="T2" fmla="*/ 444 w 444"/>
                  <a:gd name="T3" fmla="*/ 120 h 228"/>
                  <a:gd name="T4" fmla="*/ 438 w 444"/>
                  <a:gd name="T5" fmla="*/ 228 h 228"/>
                  <a:gd name="T6" fmla="*/ 402 w 444"/>
                  <a:gd name="T7" fmla="*/ 210 h 228"/>
                  <a:gd name="T8" fmla="*/ 342 w 444"/>
                  <a:gd name="T9" fmla="*/ 228 h 228"/>
                  <a:gd name="T10" fmla="*/ 324 w 444"/>
                  <a:gd name="T11" fmla="*/ 216 h 228"/>
                  <a:gd name="T12" fmla="*/ 312 w 444"/>
                  <a:gd name="T13" fmla="*/ 216 h 228"/>
                  <a:gd name="T14" fmla="*/ 312 w 444"/>
                  <a:gd name="T15" fmla="*/ 210 h 228"/>
                  <a:gd name="T16" fmla="*/ 300 w 444"/>
                  <a:gd name="T17" fmla="*/ 228 h 228"/>
                  <a:gd name="T18" fmla="*/ 294 w 444"/>
                  <a:gd name="T19" fmla="*/ 216 h 228"/>
                  <a:gd name="T20" fmla="*/ 288 w 444"/>
                  <a:gd name="T21" fmla="*/ 222 h 228"/>
                  <a:gd name="T22" fmla="*/ 270 w 444"/>
                  <a:gd name="T23" fmla="*/ 210 h 228"/>
                  <a:gd name="T24" fmla="*/ 258 w 444"/>
                  <a:gd name="T25" fmla="*/ 216 h 228"/>
                  <a:gd name="T26" fmla="*/ 246 w 444"/>
                  <a:gd name="T27" fmla="*/ 198 h 228"/>
                  <a:gd name="T28" fmla="*/ 228 w 444"/>
                  <a:gd name="T29" fmla="*/ 204 h 228"/>
                  <a:gd name="T30" fmla="*/ 192 w 444"/>
                  <a:gd name="T31" fmla="*/ 192 h 228"/>
                  <a:gd name="T32" fmla="*/ 186 w 444"/>
                  <a:gd name="T33" fmla="*/ 174 h 228"/>
                  <a:gd name="T34" fmla="*/ 168 w 444"/>
                  <a:gd name="T35" fmla="*/ 180 h 228"/>
                  <a:gd name="T36" fmla="*/ 150 w 444"/>
                  <a:gd name="T37" fmla="*/ 168 h 228"/>
                  <a:gd name="T38" fmla="*/ 156 w 444"/>
                  <a:gd name="T39" fmla="*/ 42 h 228"/>
                  <a:gd name="T40" fmla="*/ 0 w 444"/>
                  <a:gd name="T41" fmla="*/ 36 h 228"/>
                  <a:gd name="T42" fmla="*/ 6 w 444"/>
                  <a:gd name="T43" fmla="*/ 0 h 228"/>
                  <a:gd name="T44" fmla="*/ 54 w 444"/>
                  <a:gd name="T45" fmla="*/ 6 h 228"/>
                  <a:gd name="T46" fmla="*/ 432 w 444"/>
                  <a:gd name="T47" fmla="*/ 12 h 228"/>
                  <a:gd name="T48" fmla="*/ 432 w 444"/>
                  <a:gd name="T49" fmla="*/ 36 h 228"/>
                  <a:gd name="T50" fmla="*/ 432 w 444"/>
                  <a:gd name="T51" fmla="*/ 48 h 228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444"/>
                  <a:gd name="T79" fmla="*/ 0 h 228"/>
                  <a:gd name="T80" fmla="*/ 444 w 444"/>
                  <a:gd name="T81" fmla="*/ 228 h 228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444" h="228">
                    <a:moveTo>
                      <a:pt x="432" y="48"/>
                    </a:moveTo>
                    <a:lnTo>
                      <a:pt x="444" y="120"/>
                    </a:lnTo>
                    <a:lnTo>
                      <a:pt x="438" y="228"/>
                    </a:lnTo>
                    <a:lnTo>
                      <a:pt x="402" y="210"/>
                    </a:lnTo>
                    <a:lnTo>
                      <a:pt x="342" y="228"/>
                    </a:lnTo>
                    <a:lnTo>
                      <a:pt x="324" y="216"/>
                    </a:lnTo>
                    <a:lnTo>
                      <a:pt x="312" y="216"/>
                    </a:lnTo>
                    <a:lnTo>
                      <a:pt x="312" y="210"/>
                    </a:lnTo>
                    <a:lnTo>
                      <a:pt x="300" y="228"/>
                    </a:lnTo>
                    <a:lnTo>
                      <a:pt x="294" y="216"/>
                    </a:lnTo>
                    <a:lnTo>
                      <a:pt x="288" y="222"/>
                    </a:lnTo>
                    <a:lnTo>
                      <a:pt x="270" y="210"/>
                    </a:lnTo>
                    <a:lnTo>
                      <a:pt x="258" y="216"/>
                    </a:lnTo>
                    <a:lnTo>
                      <a:pt x="246" y="198"/>
                    </a:lnTo>
                    <a:lnTo>
                      <a:pt x="228" y="204"/>
                    </a:lnTo>
                    <a:lnTo>
                      <a:pt x="192" y="192"/>
                    </a:lnTo>
                    <a:lnTo>
                      <a:pt x="186" y="174"/>
                    </a:lnTo>
                    <a:lnTo>
                      <a:pt x="168" y="180"/>
                    </a:lnTo>
                    <a:lnTo>
                      <a:pt x="150" y="168"/>
                    </a:lnTo>
                    <a:lnTo>
                      <a:pt x="156" y="42"/>
                    </a:lnTo>
                    <a:lnTo>
                      <a:pt x="0" y="36"/>
                    </a:lnTo>
                    <a:lnTo>
                      <a:pt x="6" y="0"/>
                    </a:lnTo>
                    <a:lnTo>
                      <a:pt x="54" y="6"/>
                    </a:lnTo>
                    <a:lnTo>
                      <a:pt x="432" y="12"/>
                    </a:lnTo>
                    <a:lnTo>
                      <a:pt x="432" y="36"/>
                    </a:lnTo>
                    <a:lnTo>
                      <a:pt x="432" y="48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70" name="Freeform 347"/>
              <p:cNvSpPr>
                <a:spLocks noChangeAspect="1"/>
              </p:cNvSpPr>
              <p:nvPr/>
            </p:nvSpPr>
            <p:spPr bwMode="auto">
              <a:xfrm>
                <a:off x="1080" y="2370"/>
                <a:ext cx="444" cy="228"/>
              </a:xfrm>
              <a:custGeom>
                <a:avLst/>
                <a:gdLst>
                  <a:gd name="T0" fmla="*/ 432 w 444"/>
                  <a:gd name="T1" fmla="*/ 48 h 228"/>
                  <a:gd name="T2" fmla="*/ 444 w 444"/>
                  <a:gd name="T3" fmla="*/ 120 h 228"/>
                  <a:gd name="T4" fmla="*/ 438 w 444"/>
                  <a:gd name="T5" fmla="*/ 228 h 228"/>
                  <a:gd name="T6" fmla="*/ 402 w 444"/>
                  <a:gd name="T7" fmla="*/ 210 h 228"/>
                  <a:gd name="T8" fmla="*/ 342 w 444"/>
                  <a:gd name="T9" fmla="*/ 228 h 228"/>
                  <a:gd name="T10" fmla="*/ 324 w 444"/>
                  <a:gd name="T11" fmla="*/ 216 h 228"/>
                  <a:gd name="T12" fmla="*/ 312 w 444"/>
                  <a:gd name="T13" fmla="*/ 216 h 228"/>
                  <a:gd name="T14" fmla="*/ 312 w 444"/>
                  <a:gd name="T15" fmla="*/ 210 h 228"/>
                  <a:gd name="T16" fmla="*/ 300 w 444"/>
                  <a:gd name="T17" fmla="*/ 228 h 228"/>
                  <a:gd name="T18" fmla="*/ 294 w 444"/>
                  <a:gd name="T19" fmla="*/ 216 h 228"/>
                  <a:gd name="T20" fmla="*/ 288 w 444"/>
                  <a:gd name="T21" fmla="*/ 222 h 228"/>
                  <a:gd name="T22" fmla="*/ 270 w 444"/>
                  <a:gd name="T23" fmla="*/ 210 h 228"/>
                  <a:gd name="T24" fmla="*/ 258 w 444"/>
                  <a:gd name="T25" fmla="*/ 216 h 228"/>
                  <a:gd name="T26" fmla="*/ 246 w 444"/>
                  <a:gd name="T27" fmla="*/ 198 h 228"/>
                  <a:gd name="T28" fmla="*/ 228 w 444"/>
                  <a:gd name="T29" fmla="*/ 204 h 228"/>
                  <a:gd name="T30" fmla="*/ 192 w 444"/>
                  <a:gd name="T31" fmla="*/ 192 h 228"/>
                  <a:gd name="T32" fmla="*/ 186 w 444"/>
                  <a:gd name="T33" fmla="*/ 174 h 228"/>
                  <a:gd name="T34" fmla="*/ 168 w 444"/>
                  <a:gd name="T35" fmla="*/ 180 h 228"/>
                  <a:gd name="T36" fmla="*/ 150 w 444"/>
                  <a:gd name="T37" fmla="*/ 168 h 228"/>
                  <a:gd name="T38" fmla="*/ 156 w 444"/>
                  <a:gd name="T39" fmla="*/ 42 h 228"/>
                  <a:gd name="T40" fmla="*/ 0 w 444"/>
                  <a:gd name="T41" fmla="*/ 36 h 228"/>
                  <a:gd name="T42" fmla="*/ 6 w 444"/>
                  <a:gd name="T43" fmla="*/ 0 h 228"/>
                  <a:gd name="T44" fmla="*/ 54 w 444"/>
                  <a:gd name="T45" fmla="*/ 6 h 228"/>
                  <a:gd name="T46" fmla="*/ 432 w 444"/>
                  <a:gd name="T47" fmla="*/ 12 h 228"/>
                  <a:gd name="T48" fmla="*/ 432 w 444"/>
                  <a:gd name="T49" fmla="*/ 36 h 228"/>
                  <a:gd name="T50" fmla="*/ 432 w 444"/>
                  <a:gd name="T51" fmla="*/ 48 h 228"/>
                  <a:gd name="T52" fmla="*/ 432 w 444"/>
                  <a:gd name="T53" fmla="*/ 54 h 228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444"/>
                  <a:gd name="T82" fmla="*/ 0 h 228"/>
                  <a:gd name="T83" fmla="*/ 444 w 444"/>
                  <a:gd name="T84" fmla="*/ 228 h 228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444" h="228">
                    <a:moveTo>
                      <a:pt x="432" y="48"/>
                    </a:moveTo>
                    <a:lnTo>
                      <a:pt x="444" y="120"/>
                    </a:lnTo>
                    <a:lnTo>
                      <a:pt x="438" y="228"/>
                    </a:lnTo>
                    <a:lnTo>
                      <a:pt x="402" y="210"/>
                    </a:lnTo>
                    <a:lnTo>
                      <a:pt x="342" y="228"/>
                    </a:lnTo>
                    <a:lnTo>
                      <a:pt x="324" y="216"/>
                    </a:lnTo>
                    <a:lnTo>
                      <a:pt x="312" y="216"/>
                    </a:lnTo>
                    <a:lnTo>
                      <a:pt x="312" y="210"/>
                    </a:lnTo>
                    <a:lnTo>
                      <a:pt x="300" y="228"/>
                    </a:lnTo>
                    <a:lnTo>
                      <a:pt x="294" y="216"/>
                    </a:lnTo>
                    <a:lnTo>
                      <a:pt x="288" y="222"/>
                    </a:lnTo>
                    <a:lnTo>
                      <a:pt x="270" y="210"/>
                    </a:lnTo>
                    <a:lnTo>
                      <a:pt x="258" y="216"/>
                    </a:lnTo>
                    <a:lnTo>
                      <a:pt x="246" y="198"/>
                    </a:lnTo>
                    <a:lnTo>
                      <a:pt x="228" y="204"/>
                    </a:lnTo>
                    <a:lnTo>
                      <a:pt x="192" y="192"/>
                    </a:lnTo>
                    <a:lnTo>
                      <a:pt x="186" y="174"/>
                    </a:lnTo>
                    <a:lnTo>
                      <a:pt x="168" y="180"/>
                    </a:lnTo>
                    <a:lnTo>
                      <a:pt x="150" y="168"/>
                    </a:lnTo>
                    <a:lnTo>
                      <a:pt x="156" y="42"/>
                    </a:lnTo>
                    <a:lnTo>
                      <a:pt x="0" y="36"/>
                    </a:lnTo>
                    <a:lnTo>
                      <a:pt x="6" y="0"/>
                    </a:lnTo>
                    <a:lnTo>
                      <a:pt x="54" y="6"/>
                    </a:lnTo>
                    <a:lnTo>
                      <a:pt x="432" y="12"/>
                    </a:lnTo>
                    <a:lnTo>
                      <a:pt x="432" y="36"/>
                    </a:lnTo>
                    <a:lnTo>
                      <a:pt x="432" y="48"/>
                    </a:lnTo>
                    <a:lnTo>
                      <a:pt x="432" y="5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71" name="Freeform 348"/>
              <p:cNvSpPr>
                <a:spLocks noChangeAspect="1"/>
              </p:cNvSpPr>
              <p:nvPr/>
            </p:nvSpPr>
            <p:spPr bwMode="auto">
              <a:xfrm>
                <a:off x="126" y="1614"/>
                <a:ext cx="402" cy="342"/>
              </a:xfrm>
              <a:custGeom>
                <a:avLst/>
                <a:gdLst>
                  <a:gd name="T0" fmla="*/ 186 w 402"/>
                  <a:gd name="T1" fmla="*/ 306 h 342"/>
                  <a:gd name="T2" fmla="*/ 0 w 402"/>
                  <a:gd name="T3" fmla="*/ 252 h 342"/>
                  <a:gd name="T4" fmla="*/ 0 w 402"/>
                  <a:gd name="T5" fmla="*/ 198 h 342"/>
                  <a:gd name="T6" fmla="*/ 30 w 402"/>
                  <a:gd name="T7" fmla="*/ 150 h 342"/>
                  <a:gd name="T8" fmla="*/ 78 w 402"/>
                  <a:gd name="T9" fmla="*/ 42 h 342"/>
                  <a:gd name="T10" fmla="*/ 84 w 402"/>
                  <a:gd name="T11" fmla="*/ 0 h 342"/>
                  <a:gd name="T12" fmla="*/ 108 w 402"/>
                  <a:gd name="T13" fmla="*/ 6 h 342"/>
                  <a:gd name="T14" fmla="*/ 126 w 402"/>
                  <a:gd name="T15" fmla="*/ 18 h 342"/>
                  <a:gd name="T16" fmla="*/ 126 w 402"/>
                  <a:gd name="T17" fmla="*/ 48 h 342"/>
                  <a:gd name="T18" fmla="*/ 144 w 402"/>
                  <a:gd name="T19" fmla="*/ 60 h 342"/>
                  <a:gd name="T20" fmla="*/ 168 w 402"/>
                  <a:gd name="T21" fmla="*/ 54 h 342"/>
                  <a:gd name="T22" fmla="*/ 198 w 402"/>
                  <a:gd name="T23" fmla="*/ 72 h 342"/>
                  <a:gd name="T24" fmla="*/ 300 w 402"/>
                  <a:gd name="T25" fmla="*/ 72 h 342"/>
                  <a:gd name="T26" fmla="*/ 384 w 402"/>
                  <a:gd name="T27" fmla="*/ 90 h 342"/>
                  <a:gd name="T28" fmla="*/ 402 w 402"/>
                  <a:gd name="T29" fmla="*/ 120 h 342"/>
                  <a:gd name="T30" fmla="*/ 348 w 402"/>
                  <a:gd name="T31" fmla="*/ 186 h 342"/>
                  <a:gd name="T32" fmla="*/ 360 w 402"/>
                  <a:gd name="T33" fmla="*/ 204 h 342"/>
                  <a:gd name="T34" fmla="*/ 324 w 402"/>
                  <a:gd name="T35" fmla="*/ 342 h 342"/>
                  <a:gd name="T36" fmla="*/ 216 w 402"/>
                  <a:gd name="T37" fmla="*/ 312 h 342"/>
                  <a:gd name="T38" fmla="*/ 186 w 402"/>
                  <a:gd name="T39" fmla="*/ 306 h 342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402"/>
                  <a:gd name="T61" fmla="*/ 0 h 342"/>
                  <a:gd name="T62" fmla="*/ 402 w 402"/>
                  <a:gd name="T63" fmla="*/ 342 h 342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402" h="342">
                    <a:moveTo>
                      <a:pt x="186" y="306"/>
                    </a:moveTo>
                    <a:lnTo>
                      <a:pt x="0" y="252"/>
                    </a:lnTo>
                    <a:lnTo>
                      <a:pt x="0" y="198"/>
                    </a:lnTo>
                    <a:lnTo>
                      <a:pt x="30" y="150"/>
                    </a:lnTo>
                    <a:lnTo>
                      <a:pt x="78" y="42"/>
                    </a:lnTo>
                    <a:lnTo>
                      <a:pt x="84" y="0"/>
                    </a:lnTo>
                    <a:lnTo>
                      <a:pt x="108" y="6"/>
                    </a:lnTo>
                    <a:lnTo>
                      <a:pt x="126" y="18"/>
                    </a:lnTo>
                    <a:lnTo>
                      <a:pt x="126" y="48"/>
                    </a:lnTo>
                    <a:lnTo>
                      <a:pt x="144" y="60"/>
                    </a:lnTo>
                    <a:lnTo>
                      <a:pt x="168" y="54"/>
                    </a:lnTo>
                    <a:lnTo>
                      <a:pt x="198" y="72"/>
                    </a:lnTo>
                    <a:lnTo>
                      <a:pt x="300" y="72"/>
                    </a:lnTo>
                    <a:lnTo>
                      <a:pt x="384" y="90"/>
                    </a:lnTo>
                    <a:lnTo>
                      <a:pt x="402" y="120"/>
                    </a:lnTo>
                    <a:lnTo>
                      <a:pt x="348" y="186"/>
                    </a:lnTo>
                    <a:lnTo>
                      <a:pt x="360" y="204"/>
                    </a:lnTo>
                    <a:lnTo>
                      <a:pt x="324" y="342"/>
                    </a:lnTo>
                    <a:lnTo>
                      <a:pt x="216" y="312"/>
                    </a:lnTo>
                    <a:lnTo>
                      <a:pt x="186" y="306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72" name="Freeform 349"/>
              <p:cNvSpPr>
                <a:spLocks noChangeAspect="1"/>
              </p:cNvSpPr>
              <p:nvPr/>
            </p:nvSpPr>
            <p:spPr bwMode="auto">
              <a:xfrm>
                <a:off x="126" y="1614"/>
                <a:ext cx="402" cy="342"/>
              </a:xfrm>
              <a:custGeom>
                <a:avLst/>
                <a:gdLst>
                  <a:gd name="T0" fmla="*/ 186 w 402"/>
                  <a:gd name="T1" fmla="*/ 306 h 342"/>
                  <a:gd name="T2" fmla="*/ 0 w 402"/>
                  <a:gd name="T3" fmla="*/ 252 h 342"/>
                  <a:gd name="T4" fmla="*/ 0 w 402"/>
                  <a:gd name="T5" fmla="*/ 198 h 342"/>
                  <a:gd name="T6" fmla="*/ 30 w 402"/>
                  <a:gd name="T7" fmla="*/ 150 h 342"/>
                  <a:gd name="T8" fmla="*/ 78 w 402"/>
                  <a:gd name="T9" fmla="*/ 42 h 342"/>
                  <a:gd name="T10" fmla="*/ 84 w 402"/>
                  <a:gd name="T11" fmla="*/ 0 h 342"/>
                  <a:gd name="T12" fmla="*/ 108 w 402"/>
                  <a:gd name="T13" fmla="*/ 6 h 342"/>
                  <a:gd name="T14" fmla="*/ 126 w 402"/>
                  <a:gd name="T15" fmla="*/ 18 h 342"/>
                  <a:gd name="T16" fmla="*/ 126 w 402"/>
                  <a:gd name="T17" fmla="*/ 48 h 342"/>
                  <a:gd name="T18" fmla="*/ 144 w 402"/>
                  <a:gd name="T19" fmla="*/ 60 h 342"/>
                  <a:gd name="T20" fmla="*/ 168 w 402"/>
                  <a:gd name="T21" fmla="*/ 54 h 342"/>
                  <a:gd name="T22" fmla="*/ 198 w 402"/>
                  <a:gd name="T23" fmla="*/ 72 h 342"/>
                  <a:gd name="T24" fmla="*/ 300 w 402"/>
                  <a:gd name="T25" fmla="*/ 72 h 342"/>
                  <a:gd name="T26" fmla="*/ 384 w 402"/>
                  <a:gd name="T27" fmla="*/ 90 h 342"/>
                  <a:gd name="T28" fmla="*/ 402 w 402"/>
                  <a:gd name="T29" fmla="*/ 120 h 342"/>
                  <a:gd name="T30" fmla="*/ 348 w 402"/>
                  <a:gd name="T31" fmla="*/ 186 h 342"/>
                  <a:gd name="T32" fmla="*/ 360 w 402"/>
                  <a:gd name="T33" fmla="*/ 204 h 342"/>
                  <a:gd name="T34" fmla="*/ 324 w 402"/>
                  <a:gd name="T35" fmla="*/ 342 h 342"/>
                  <a:gd name="T36" fmla="*/ 216 w 402"/>
                  <a:gd name="T37" fmla="*/ 312 h 342"/>
                  <a:gd name="T38" fmla="*/ 186 w 402"/>
                  <a:gd name="T39" fmla="*/ 306 h 342"/>
                  <a:gd name="T40" fmla="*/ 186 w 402"/>
                  <a:gd name="T41" fmla="*/ 312 h 342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w 402"/>
                  <a:gd name="T64" fmla="*/ 0 h 342"/>
                  <a:gd name="T65" fmla="*/ 402 w 402"/>
                  <a:gd name="T66" fmla="*/ 342 h 342"/>
                </a:gdLst>
                <a:ahLst/>
                <a:cxnLst>
                  <a:cxn ang="T42">
                    <a:pos x="T0" y="T1"/>
                  </a:cxn>
                  <a:cxn ang="T43">
                    <a:pos x="T2" y="T3"/>
                  </a:cxn>
                  <a:cxn ang="T44">
                    <a:pos x="T4" y="T5"/>
                  </a:cxn>
                  <a:cxn ang="T45">
                    <a:pos x="T6" y="T7"/>
                  </a:cxn>
                  <a:cxn ang="T46">
                    <a:pos x="T8" y="T9"/>
                  </a:cxn>
                  <a:cxn ang="T47">
                    <a:pos x="T10" y="T11"/>
                  </a:cxn>
                  <a:cxn ang="T48">
                    <a:pos x="T12" y="T13"/>
                  </a:cxn>
                  <a:cxn ang="T49">
                    <a:pos x="T14" y="T15"/>
                  </a:cxn>
                  <a:cxn ang="T50">
                    <a:pos x="T16" y="T17"/>
                  </a:cxn>
                  <a:cxn ang="T51">
                    <a:pos x="T18" y="T19"/>
                  </a:cxn>
                  <a:cxn ang="T52">
                    <a:pos x="T20" y="T21"/>
                  </a:cxn>
                  <a:cxn ang="T53">
                    <a:pos x="T22" y="T23"/>
                  </a:cxn>
                  <a:cxn ang="T54">
                    <a:pos x="T24" y="T25"/>
                  </a:cxn>
                  <a:cxn ang="T55">
                    <a:pos x="T26" y="T27"/>
                  </a:cxn>
                  <a:cxn ang="T56">
                    <a:pos x="T28" y="T29"/>
                  </a:cxn>
                  <a:cxn ang="T57">
                    <a:pos x="T30" y="T31"/>
                  </a:cxn>
                  <a:cxn ang="T58">
                    <a:pos x="T32" y="T33"/>
                  </a:cxn>
                  <a:cxn ang="T59">
                    <a:pos x="T34" y="T35"/>
                  </a:cxn>
                  <a:cxn ang="T60">
                    <a:pos x="T36" y="T37"/>
                  </a:cxn>
                  <a:cxn ang="T61">
                    <a:pos x="T38" y="T39"/>
                  </a:cxn>
                  <a:cxn ang="T62">
                    <a:pos x="T40" y="T41"/>
                  </a:cxn>
                </a:cxnLst>
                <a:rect l="T63" t="T64" r="T65" b="T66"/>
                <a:pathLst>
                  <a:path w="402" h="342">
                    <a:moveTo>
                      <a:pt x="186" y="306"/>
                    </a:moveTo>
                    <a:lnTo>
                      <a:pt x="0" y="252"/>
                    </a:lnTo>
                    <a:lnTo>
                      <a:pt x="0" y="198"/>
                    </a:lnTo>
                    <a:lnTo>
                      <a:pt x="30" y="150"/>
                    </a:lnTo>
                    <a:lnTo>
                      <a:pt x="78" y="42"/>
                    </a:lnTo>
                    <a:lnTo>
                      <a:pt x="84" y="0"/>
                    </a:lnTo>
                    <a:lnTo>
                      <a:pt x="108" y="6"/>
                    </a:lnTo>
                    <a:lnTo>
                      <a:pt x="126" y="18"/>
                    </a:lnTo>
                    <a:lnTo>
                      <a:pt x="126" y="48"/>
                    </a:lnTo>
                    <a:lnTo>
                      <a:pt x="144" y="60"/>
                    </a:lnTo>
                    <a:lnTo>
                      <a:pt x="168" y="54"/>
                    </a:lnTo>
                    <a:lnTo>
                      <a:pt x="198" y="72"/>
                    </a:lnTo>
                    <a:lnTo>
                      <a:pt x="300" y="72"/>
                    </a:lnTo>
                    <a:lnTo>
                      <a:pt x="384" y="90"/>
                    </a:lnTo>
                    <a:lnTo>
                      <a:pt x="402" y="120"/>
                    </a:lnTo>
                    <a:lnTo>
                      <a:pt x="348" y="186"/>
                    </a:lnTo>
                    <a:lnTo>
                      <a:pt x="360" y="204"/>
                    </a:lnTo>
                    <a:lnTo>
                      <a:pt x="324" y="342"/>
                    </a:lnTo>
                    <a:lnTo>
                      <a:pt x="216" y="312"/>
                    </a:lnTo>
                    <a:lnTo>
                      <a:pt x="186" y="306"/>
                    </a:lnTo>
                    <a:lnTo>
                      <a:pt x="186" y="3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73" name="Freeform 350"/>
              <p:cNvSpPr>
                <a:spLocks noChangeAspect="1"/>
              </p:cNvSpPr>
              <p:nvPr/>
            </p:nvSpPr>
            <p:spPr bwMode="auto">
              <a:xfrm>
                <a:off x="2172" y="1962"/>
                <a:ext cx="294" cy="186"/>
              </a:xfrm>
              <a:custGeom>
                <a:avLst/>
                <a:gdLst>
                  <a:gd name="T0" fmla="*/ 30 w 294"/>
                  <a:gd name="T1" fmla="*/ 24 h 186"/>
                  <a:gd name="T2" fmla="*/ 36 w 294"/>
                  <a:gd name="T3" fmla="*/ 36 h 186"/>
                  <a:gd name="T4" fmla="*/ 240 w 294"/>
                  <a:gd name="T5" fmla="*/ 0 h 186"/>
                  <a:gd name="T6" fmla="*/ 264 w 294"/>
                  <a:gd name="T7" fmla="*/ 24 h 186"/>
                  <a:gd name="T8" fmla="*/ 282 w 294"/>
                  <a:gd name="T9" fmla="*/ 30 h 186"/>
                  <a:gd name="T10" fmla="*/ 264 w 294"/>
                  <a:gd name="T11" fmla="*/ 60 h 186"/>
                  <a:gd name="T12" fmla="*/ 270 w 294"/>
                  <a:gd name="T13" fmla="*/ 84 h 186"/>
                  <a:gd name="T14" fmla="*/ 294 w 294"/>
                  <a:gd name="T15" fmla="*/ 108 h 186"/>
                  <a:gd name="T16" fmla="*/ 270 w 294"/>
                  <a:gd name="T17" fmla="*/ 138 h 186"/>
                  <a:gd name="T18" fmla="*/ 264 w 294"/>
                  <a:gd name="T19" fmla="*/ 138 h 186"/>
                  <a:gd name="T20" fmla="*/ 252 w 294"/>
                  <a:gd name="T21" fmla="*/ 144 h 186"/>
                  <a:gd name="T22" fmla="*/ 234 w 294"/>
                  <a:gd name="T23" fmla="*/ 150 h 186"/>
                  <a:gd name="T24" fmla="*/ 72 w 294"/>
                  <a:gd name="T25" fmla="*/ 180 h 186"/>
                  <a:gd name="T26" fmla="*/ 60 w 294"/>
                  <a:gd name="T27" fmla="*/ 180 h 186"/>
                  <a:gd name="T28" fmla="*/ 24 w 294"/>
                  <a:gd name="T29" fmla="*/ 186 h 186"/>
                  <a:gd name="T30" fmla="*/ 12 w 294"/>
                  <a:gd name="T31" fmla="*/ 132 h 186"/>
                  <a:gd name="T32" fmla="*/ 12 w 294"/>
                  <a:gd name="T33" fmla="*/ 114 h 186"/>
                  <a:gd name="T34" fmla="*/ 0 w 294"/>
                  <a:gd name="T35" fmla="*/ 48 h 186"/>
                  <a:gd name="T36" fmla="*/ 30 w 294"/>
                  <a:gd name="T37" fmla="*/ 24 h 18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294"/>
                  <a:gd name="T58" fmla="*/ 0 h 186"/>
                  <a:gd name="T59" fmla="*/ 294 w 294"/>
                  <a:gd name="T60" fmla="*/ 186 h 186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294" h="186">
                    <a:moveTo>
                      <a:pt x="30" y="24"/>
                    </a:moveTo>
                    <a:lnTo>
                      <a:pt x="36" y="36"/>
                    </a:lnTo>
                    <a:lnTo>
                      <a:pt x="240" y="0"/>
                    </a:lnTo>
                    <a:lnTo>
                      <a:pt x="264" y="24"/>
                    </a:lnTo>
                    <a:lnTo>
                      <a:pt x="282" y="30"/>
                    </a:lnTo>
                    <a:lnTo>
                      <a:pt x="264" y="60"/>
                    </a:lnTo>
                    <a:lnTo>
                      <a:pt x="270" y="84"/>
                    </a:lnTo>
                    <a:lnTo>
                      <a:pt x="294" y="108"/>
                    </a:lnTo>
                    <a:lnTo>
                      <a:pt x="270" y="138"/>
                    </a:lnTo>
                    <a:lnTo>
                      <a:pt x="264" y="138"/>
                    </a:lnTo>
                    <a:lnTo>
                      <a:pt x="252" y="144"/>
                    </a:lnTo>
                    <a:lnTo>
                      <a:pt x="234" y="150"/>
                    </a:lnTo>
                    <a:lnTo>
                      <a:pt x="72" y="180"/>
                    </a:lnTo>
                    <a:lnTo>
                      <a:pt x="60" y="180"/>
                    </a:lnTo>
                    <a:lnTo>
                      <a:pt x="24" y="186"/>
                    </a:lnTo>
                    <a:lnTo>
                      <a:pt x="12" y="132"/>
                    </a:lnTo>
                    <a:lnTo>
                      <a:pt x="12" y="114"/>
                    </a:lnTo>
                    <a:lnTo>
                      <a:pt x="0" y="48"/>
                    </a:lnTo>
                    <a:lnTo>
                      <a:pt x="30" y="2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74" name="Freeform 351"/>
              <p:cNvSpPr>
                <a:spLocks noChangeAspect="1"/>
              </p:cNvSpPr>
              <p:nvPr/>
            </p:nvSpPr>
            <p:spPr bwMode="auto">
              <a:xfrm>
                <a:off x="2172" y="1962"/>
                <a:ext cx="294" cy="186"/>
              </a:xfrm>
              <a:custGeom>
                <a:avLst/>
                <a:gdLst>
                  <a:gd name="T0" fmla="*/ 30 w 294"/>
                  <a:gd name="T1" fmla="*/ 24 h 186"/>
                  <a:gd name="T2" fmla="*/ 36 w 294"/>
                  <a:gd name="T3" fmla="*/ 36 h 186"/>
                  <a:gd name="T4" fmla="*/ 240 w 294"/>
                  <a:gd name="T5" fmla="*/ 0 h 186"/>
                  <a:gd name="T6" fmla="*/ 264 w 294"/>
                  <a:gd name="T7" fmla="*/ 24 h 186"/>
                  <a:gd name="T8" fmla="*/ 282 w 294"/>
                  <a:gd name="T9" fmla="*/ 30 h 186"/>
                  <a:gd name="T10" fmla="*/ 264 w 294"/>
                  <a:gd name="T11" fmla="*/ 60 h 186"/>
                  <a:gd name="T12" fmla="*/ 270 w 294"/>
                  <a:gd name="T13" fmla="*/ 84 h 186"/>
                  <a:gd name="T14" fmla="*/ 294 w 294"/>
                  <a:gd name="T15" fmla="*/ 108 h 186"/>
                  <a:gd name="T16" fmla="*/ 270 w 294"/>
                  <a:gd name="T17" fmla="*/ 138 h 186"/>
                  <a:gd name="T18" fmla="*/ 264 w 294"/>
                  <a:gd name="T19" fmla="*/ 138 h 186"/>
                  <a:gd name="T20" fmla="*/ 252 w 294"/>
                  <a:gd name="T21" fmla="*/ 144 h 186"/>
                  <a:gd name="T22" fmla="*/ 234 w 294"/>
                  <a:gd name="T23" fmla="*/ 150 h 186"/>
                  <a:gd name="T24" fmla="*/ 72 w 294"/>
                  <a:gd name="T25" fmla="*/ 180 h 186"/>
                  <a:gd name="T26" fmla="*/ 60 w 294"/>
                  <a:gd name="T27" fmla="*/ 180 h 186"/>
                  <a:gd name="T28" fmla="*/ 24 w 294"/>
                  <a:gd name="T29" fmla="*/ 186 h 186"/>
                  <a:gd name="T30" fmla="*/ 12 w 294"/>
                  <a:gd name="T31" fmla="*/ 132 h 186"/>
                  <a:gd name="T32" fmla="*/ 12 w 294"/>
                  <a:gd name="T33" fmla="*/ 114 h 186"/>
                  <a:gd name="T34" fmla="*/ 0 w 294"/>
                  <a:gd name="T35" fmla="*/ 48 h 186"/>
                  <a:gd name="T36" fmla="*/ 30 w 294"/>
                  <a:gd name="T37" fmla="*/ 24 h 186"/>
                  <a:gd name="T38" fmla="*/ 30 w 294"/>
                  <a:gd name="T39" fmla="*/ 30 h 18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294"/>
                  <a:gd name="T61" fmla="*/ 0 h 186"/>
                  <a:gd name="T62" fmla="*/ 294 w 294"/>
                  <a:gd name="T63" fmla="*/ 186 h 186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294" h="186">
                    <a:moveTo>
                      <a:pt x="30" y="24"/>
                    </a:moveTo>
                    <a:lnTo>
                      <a:pt x="36" y="36"/>
                    </a:lnTo>
                    <a:lnTo>
                      <a:pt x="240" y="0"/>
                    </a:lnTo>
                    <a:lnTo>
                      <a:pt x="264" y="24"/>
                    </a:lnTo>
                    <a:lnTo>
                      <a:pt x="282" y="30"/>
                    </a:lnTo>
                    <a:lnTo>
                      <a:pt x="264" y="60"/>
                    </a:lnTo>
                    <a:lnTo>
                      <a:pt x="270" y="84"/>
                    </a:lnTo>
                    <a:lnTo>
                      <a:pt x="294" y="108"/>
                    </a:lnTo>
                    <a:lnTo>
                      <a:pt x="270" y="138"/>
                    </a:lnTo>
                    <a:lnTo>
                      <a:pt x="264" y="138"/>
                    </a:lnTo>
                    <a:lnTo>
                      <a:pt x="252" y="144"/>
                    </a:lnTo>
                    <a:lnTo>
                      <a:pt x="234" y="150"/>
                    </a:lnTo>
                    <a:lnTo>
                      <a:pt x="72" y="180"/>
                    </a:lnTo>
                    <a:lnTo>
                      <a:pt x="60" y="180"/>
                    </a:lnTo>
                    <a:lnTo>
                      <a:pt x="24" y="186"/>
                    </a:lnTo>
                    <a:lnTo>
                      <a:pt x="12" y="132"/>
                    </a:lnTo>
                    <a:lnTo>
                      <a:pt x="12" y="114"/>
                    </a:lnTo>
                    <a:lnTo>
                      <a:pt x="0" y="48"/>
                    </a:lnTo>
                    <a:lnTo>
                      <a:pt x="30" y="24"/>
                    </a:lnTo>
                    <a:lnTo>
                      <a:pt x="30" y="3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75" name="Freeform 352"/>
              <p:cNvSpPr>
                <a:spLocks noChangeAspect="1"/>
              </p:cNvSpPr>
              <p:nvPr/>
            </p:nvSpPr>
            <p:spPr bwMode="auto">
              <a:xfrm>
                <a:off x="2580" y="1914"/>
                <a:ext cx="36" cy="48"/>
              </a:xfrm>
              <a:custGeom>
                <a:avLst/>
                <a:gdLst>
                  <a:gd name="T0" fmla="*/ 36 w 36"/>
                  <a:gd name="T1" fmla="*/ 30 h 48"/>
                  <a:gd name="T2" fmla="*/ 30 w 36"/>
                  <a:gd name="T3" fmla="*/ 36 h 48"/>
                  <a:gd name="T4" fmla="*/ 24 w 36"/>
                  <a:gd name="T5" fmla="*/ 24 h 48"/>
                  <a:gd name="T6" fmla="*/ 24 w 36"/>
                  <a:gd name="T7" fmla="*/ 42 h 48"/>
                  <a:gd name="T8" fmla="*/ 6 w 36"/>
                  <a:gd name="T9" fmla="*/ 48 h 48"/>
                  <a:gd name="T10" fmla="*/ 0 w 36"/>
                  <a:gd name="T11" fmla="*/ 6 h 48"/>
                  <a:gd name="T12" fmla="*/ 18 w 36"/>
                  <a:gd name="T13" fmla="*/ 0 h 48"/>
                  <a:gd name="T14" fmla="*/ 36 w 36"/>
                  <a:gd name="T15" fmla="*/ 24 h 48"/>
                  <a:gd name="T16" fmla="*/ 36 w 36"/>
                  <a:gd name="T17" fmla="*/ 30 h 48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36"/>
                  <a:gd name="T28" fmla="*/ 0 h 48"/>
                  <a:gd name="T29" fmla="*/ 36 w 36"/>
                  <a:gd name="T30" fmla="*/ 48 h 48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36" h="48">
                    <a:moveTo>
                      <a:pt x="36" y="30"/>
                    </a:moveTo>
                    <a:lnTo>
                      <a:pt x="30" y="36"/>
                    </a:lnTo>
                    <a:lnTo>
                      <a:pt x="24" y="24"/>
                    </a:lnTo>
                    <a:lnTo>
                      <a:pt x="24" y="42"/>
                    </a:lnTo>
                    <a:lnTo>
                      <a:pt x="6" y="48"/>
                    </a:lnTo>
                    <a:lnTo>
                      <a:pt x="0" y="6"/>
                    </a:lnTo>
                    <a:lnTo>
                      <a:pt x="18" y="0"/>
                    </a:lnTo>
                    <a:lnTo>
                      <a:pt x="36" y="24"/>
                    </a:lnTo>
                    <a:lnTo>
                      <a:pt x="36" y="3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76" name="Freeform 353"/>
              <p:cNvSpPr>
                <a:spLocks noChangeAspect="1"/>
              </p:cNvSpPr>
              <p:nvPr/>
            </p:nvSpPr>
            <p:spPr bwMode="auto">
              <a:xfrm>
                <a:off x="2580" y="1914"/>
                <a:ext cx="36" cy="48"/>
              </a:xfrm>
              <a:custGeom>
                <a:avLst/>
                <a:gdLst>
                  <a:gd name="T0" fmla="*/ 36 w 36"/>
                  <a:gd name="T1" fmla="*/ 30 h 48"/>
                  <a:gd name="T2" fmla="*/ 30 w 36"/>
                  <a:gd name="T3" fmla="*/ 36 h 48"/>
                  <a:gd name="T4" fmla="*/ 24 w 36"/>
                  <a:gd name="T5" fmla="*/ 24 h 48"/>
                  <a:gd name="T6" fmla="*/ 24 w 36"/>
                  <a:gd name="T7" fmla="*/ 42 h 48"/>
                  <a:gd name="T8" fmla="*/ 6 w 36"/>
                  <a:gd name="T9" fmla="*/ 48 h 48"/>
                  <a:gd name="T10" fmla="*/ 0 w 36"/>
                  <a:gd name="T11" fmla="*/ 6 h 48"/>
                  <a:gd name="T12" fmla="*/ 18 w 36"/>
                  <a:gd name="T13" fmla="*/ 0 h 48"/>
                  <a:gd name="T14" fmla="*/ 36 w 36"/>
                  <a:gd name="T15" fmla="*/ 24 h 48"/>
                  <a:gd name="T16" fmla="*/ 36 w 36"/>
                  <a:gd name="T17" fmla="*/ 30 h 48"/>
                  <a:gd name="T18" fmla="*/ 36 w 36"/>
                  <a:gd name="T19" fmla="*/ 36 h 4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6"/>
                  <a:gd name="T31" fmla="*/ 0 h 48"/>
                  <a:gd name="T32" fmla="*/ 36 w 36"/>
                  <a:gd name="T33" fmla="*/ 48 h 4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6" h="48">
                    <a:moveTo>
                      <a:pt x="36" y="30"/>
                    </a:moveTo>
                    <a:lnTo>
                      <a:pt x="30" y="36"/>
                    </a:lnTo>
                    <a:lnTo>
                      <a:pt x="24" y="24"/>
                    </a:lnTo>
                    <a:lnTo>
                      <a:pt x="24" y="42"/>
                    </a:lnTo>
                    <a:lnTo>
                      <a:pt x="6" y="48"/>
                    </a:lnTo>
                    <a:lnTo>
                      <a:pt x="0" y="6"/>
                    </a:lnTo>
                    <a:lnTo>
                      <a:pt x="18" y="0"/>
                    </a:lnTo>
                    <a:lnTo>
                      <a:pt x="36" y="24"/>
                    </a:lnTo>
                    <a:lnTo>
                      <a:pt x="36" y="30"/>
                    </a:lnTo>
                    <a:lnTo>
                      <a:pt x="36" y="3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77" name="Freeform 354"/>
              <p:cNvSpPr>
                <a:spLocks noChangeAspect="1"/>
              </p:cNvSpPr>
              <p:nvPr/>
            </p:nvSpPr>
            <p:spPr bwMode="auto">
              <a:xfrm>
                <a:off x="2100" y="2442"/>
                <a:ext cx="258" cy="198"/>
              </a:xfrm>
              <a:custGeom>
                <a:avLst/>
                <a:gdLst>
                  <a:gd name="T0" fmla="*/ 258 w 258"/>
                  <a:gd name="T1" fmla="*/ 60 h 198"/>
                  <a:gd name="T2" fmla="*/ 228 w 258"/>
                  <a:gd name="T3" fmla="*/ 102 h 198"/>
                  <a:gd name="T4" fmla="*/ 234 w 258"/>
                  <a:gd name="T5" fmla="*/ 114 h 198"/>
                  <a:gd name="T6" fmla="*/ 204 w 258"/>
                  <a:gd name="T7" fmla="*/ 144 h 198"/>
                  <a:gd name="T8" fmla="*/ 198 w 258"/>
                  <a:gd name="T9" fmla="*/ 138 h 198"/>
                  <a:gd name="T10" fmla="*/ 198 w 258"/>
                  <a:gd name="T11" fmla="*/ 150 h 198"/>
                  <a:gd name="T12" fmla="*/ 168 w 258"/>
                  <a:gd name="T13" fmla="*/ 168 h 198"/>
                  <a:gd name="T14" fmla="*/ 168 w 258"/>
                  <a:gd name="T15" fmla="*/ 180 h 198"/>
                  <a:gd name="T16" fmla="*/ 156 w 258"/>
                  <a:gd name="T17" fmla="*/ 174 h 198"/>
                  <a:gd name="T18" fmla="*/ 162 w 258"/>
                  <a:gd name="T19" fmla="*/ 186 h 198"/>
                  <a:gd name="T20" fmla="*/ 156 w 258"/>
                  <a:gd name="T21" fmla="*/ 198 h 198"/>
                  <a:gd name="T22" fmla="*/ 138 w 258"/>
                  <a:gd name="T23" fmla="*/ 192 h 198"/>
                  <a:gd name="T24" fmla="*/ 114 w 258"/>
                  <a:gd name="T25" fmla="*/ 144 h 198"/>
                  <a:gd name="T26" fmla="*/ 48 w 258"/>
                  <a:gd name="T27" fmla="*/ 90 h 198"/>
                  <a:gd name="T28" fmla="*/ 30 w 258"/>
                  <a:gd name="T29" fmla="*/ 60 h 198"/>
                  <a:gd name="T30" fmla="*/ 0 w 258"/>
                  <a:gd name="T31" fmla="*/ 48 h 198"/>
                  <a:gd name="T32" fmla="*/ 12 w 258"/>
                  <a:gd name="T33" fmla="*/ 30 h 198"/>
                  <a:gd name="T34" fmla="*/ 48 w 258"/>
                  <a:gd name="T35" fmla="*/ 12 h 198"/>
                  <a:gd name="T36" fmla="*/ 114 w 258"/>
                  <a:gd name="T37" fmla="*/ 0 h 198"/>
                  <a:gd name="T38" fmla="*/ 132 w 258"/>
                  <a:gd name="T39" fmla="*/ 24 h 198"/>
                  <a:gd name="T40" fmla="*/ 192 w 258"/>
                  <a:gd name="T41" fmla="*/ 12 h 198"/>
                  <a:gd name="T42" fmla="*/ 252 w 258"/>
                  <a:gd name="T43" fmla="*/ 60 h 198"/>
                  <a:gd name="T44" fmla="*/ 258 w 258"/>
                  <a:gd name="T45" fmla="*/ 60 h 198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258"/>
                  <a:gd name="T70" fmla="*/ 0 h 198"/>
                  <a:gd name="T71" fmla="*/ 258 w 258"/>
                  <a:gd name="T72" fmla="*/ 198 h 198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258" h="198">
                    <a:moveTo>
                      <a:pt x="258" y="60"/>
                    </a:moveTo>
                    <a:lnTo>
                      <a:pt x="228" y="102"/>
                    </a:lnTo>
                    <a:lnTo>
                      <a:pt x="234" y="114"/>
                    </a:lnTo>
                    <a:lnTo>
                      <a:pt x="204" y="144"/>
                    </a:lnTo>
                    <a:lnTo>
                      <a:pt x="198" y="138"/>
                    </a:lnTo>
                    <a:lnTo>
                      <a:pt x="198" y="150"/>
                    </a:lnTo>
                    <a:lnTo>
                      <a:pt x="168" y="168"/>
                    </a:lnTo>
                    <a:lnTo>
                      <a:pt x="168" y="180"/>
                    </a:lnTo>
                    <a:lnTo>
                      <a:pt x="156" y="174"/>
                    </a:lnTo>
                    <a:lnTo>
                      <a:pt x="162" y="186"/>
                    </a:lnTo>
                    <a:lnTo>
                      <a:pt x="156" y="198"/>
                    </a:lnTo>
                    <a:lnTo>
                      <a:pt x="138" y="192"/>
                    </a:lnTo>
                    <a:lnTo>
                      <a:pt x="114" y="144"/>
                    </a:lnTo>
                    <a:lnTo>
                      <a:pt x="48" y="90"/>
                    </a:lnTo>
                    <a:lnTo>
                      <a:pt x="30" y="60"/>
                    </a:lnTo>
                    <a:lnTo>
                      <a:pt x="0" y="48"/>
                    </a:lnTo>
                    <a:lnTo>
                      <a:pt x="12" y="30"/>
                    </a:lnTo>
                    <a:lnTo>
                      <a:pt x="48" y="12"/>
                    </a:lnTo>
                    <a:lnTo>
                      <a:pt x="114" y="0"/>
                    </a:lnTo>
                    <a:lnTo>
                      <a:pt x="132" y="24"/>
                    </a:lnTo>
                    <a:lnTo>
                      <a:pt x="192" y="12"/>
                    </a:lnTo>
                    <a:lnTo>
                      <a:pt x="252" y="60"/>
                    </a:lnTo>
                    <a:lnTo>
                      <a:pt x="258" y="60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78" name="Freeform 355"/>
              <p:cNvSpPr>
                <a:spLocks noChangeAspect="1"/>
              </p:cNvSpPr>
              <p:nvPr/>
            </p:nvSpPr>
            <p:spPr bwMode="auto">
              <a:xfrm>
                <a:off x="2100" y="2442"/>
                <a:ext cx="258" cy="198"/>
              </a:xfrm>
              <a:custGeom>
                <a:avLst/>
                <a:gdLst>
                  <a:gd name="T0" fmla="*/ 258 w 258"/>
                  <a:gd name="T1" fmla="*/ 60 h 198"/>
                  <a:gd name="T2" fmla="*/ 228 w 258"/>
                  <a:gd name="T3" fmla="*/ 102 h 198"/>
                  <a:gd name="T4" fmla="*/ 234 w 258"/>
                  <a:gd name="T5" fmla="*/ 114 h 198"/>
                  <a:gd name="T6" fmla="*/ 204 w 258"/>
                  <a:gd name="T7" fmla="*/ 144 h 198"/>
                  <a:gd name="T8" fmla="*/ 198 w 258"/>
                  <a:gd name="T9" fmla="*/ 138 h 198"/>
                  <a:gd name="T10" fmla="*/ 198 w 258"/>
                  <a:gd name="T11" fmla="*/ 150 h 198"/>
                  <a:gd name="T12" fmla="*/ 168 w 258"/>
                  <a:gd name="T13" fmla="*/ 168 h 198"/>
                  <a:gd name="T14" fmla="*/ 168 w 258"/>
                  <a:gd name="T15" fmla="*/ 180 h 198"/>
                  <a:gd name="T16" fmla="*/ 156 w 258"/>
                  <a:gd name="T17" fmla="*/ 174 h 198"/>
                  <a:gd name="T18" fmla="*/ 162 w 258"/>
                  <a:gd name="T19" fmla="*/ 186 h 198"/>
                  <a:gd name="T20" fmla="*/ 156 w 258"/>
                  <a:gd name="T21" fmla="*/ 198 h 198"/>
                  <a:gd name="T22" fmla="*/ 138 w 258"/>
                  <a:gd name="T23" fmla="*/ 192 h 198"/>
                  <a:gd name="T24" fmla="*/ 114 w 258"/>
                  <a:gd name="T25" fmla="*/ 144 h 198"/>
                  <a:gd name="T26" fmla="*/ 48 w 258"/>
                  <a:gd name="T27" fmla="*/ 90 h 198"/>
                  <a:gd name="T28" fmla="*/ 30 w 258"/>
                  <a:gd name="T29" fmla="*/ 60 h 198"/>
                  <a:gd name="T30" fmla="*/ 0 w 258"/>
                  <a:gd name="T31" fmla="*/ 48 h 198"/>
                  <a:gd name="T32" fmla="*/ 12 w 258"/>
                  <a:gd name="T33" fmla="*/ 30 h 198"/>
                  <a:gd name="T34" fmla="*/ 48 w 258"/>
                  <a:gd name="T35" fmla="*/ 12 h 198"/>
                  <a:gd name="T36" fmla="*/ 114 w 258"/>
                  <a:gd name="T37" fmla="*/ 0 h 198"/>
                  <a:gd name="T38" fmla="*/ 132 w 258"/>
                  <a:gd name="T39" fmla="*/ 24 h 198"/>
                  <a:gd name="T40" fmla="*/ 192 w 258"/>
                  <a:gd name="T41" fmla="*/ 12 h 198"/>
                  <a:gd name="T42" fmla="*/ 252 w 258"/>
                  <a:gd name="T43" fmla="*/ 60 h 198"/>
                  <a:gd name="T44" fmla="*/ 258 w 258"/>
                  <a:gd name="T45" fmla="*/ 60 h 198"/>
                  <a:gd name="T46" fmla="*/ 258 w 258"/>
                  <a:gd name="T47" fmla="*/ 66 h 198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w 258"/>
                  <a:gd name="T73" fmla="*/ 0 h 198"/>
                  <a:gd name="T74" fmla="*/ 258 w 258"/>
                  <a:gd name="T75" fmla="*/ 198 h 198"/>
                </a:gdLst>
                <a:ahLst/>
                <a:cxnLst>
                  <a:cxn ang="T48">
                    <a:pos x="T0" y="T1"/>
                  </a:cxn>
                  <a:cxn ang="T49">
                    <a:pos x="T2" y="T3"/>
                  </a:cxn>
                  <a:cxn ang="T50">
                    <a:pos x="T4" y="T5"/>
                  </a:cxn>
                  <a:cxn ang="T51">
                    <a:pos x="T6" y="T7"/>
                  </a:cxn>
                  <a:cxn ang="T52">
                    <a:pos x="T8" y="T9"/>
                  </a:cxn>
                  <a:cxn ang="T53">
                    <a:pos x="T10" y="T11"/>
                  </a:cxn>
                  <a:cxn ang="T54">
                    <a:pos x="T12" y="T13"/>
                  </a:cxn>
                  <a:cxn ang="T55">
                    <a:pos x="T14" y="T15"/>
                  </a:cxn>
                  <a:cxn ang="T56">
                    <a:pos x="T16" y="T17"/>
                  </a:cxn>
                  <a:cxn ang="T57">
                    <a:pos x="T18" y="T19"/>
                  </a:cxn>
                  <a:cxn ang="T58">
                    <a:pos x="T20" y="T21"/>
                  </a:cxn>
                  <a:cxn ang="T59">
                    <a:pos x="T22" y="T23"/>
                  </a:cxn>
                  <a:cxn ang="T60">
                    <a:pos x="T24" y="T25"/>
                  </a:cxn>
                  <a:cxn ang="T61">
                    <a:pos x="T26" y="T27"/>
                  </a:cxn>
                  <a:cxn ang="T62">
                    <a:pos x="T28" y="T29"/>
                  </a:cxn>
                  <a:cxn ang="T63">
                    <a:pos x="T30" y="T31"/>
                  </a:cxn>
                  <a:cxn ang="T64">
                    <a:pos x="T32" y="T33"/>
                  </a:cxn>
                  <a:cxn ang="T65">
                    <a:pos x="T34" y="T35"/>
                  </a:cxn>
                  <a:cxn ang="T66">
                    <a:pos x="T36" y="T37"/>
                  </a:cxn>
                  <a:cxn ang="T67">
                    <a:pos x="T38" y="T39"/>
                  </a:cxn>
                  <a:cxn ang="T68">
                    <a:pos x="T40" y="T41"/>
                  </a:cxn>
                  <a:cxn ang="T69">
                    <a:pos x="T42" y="T43"/>
                  </a:cxn>
                  <a:cxn ang="T70">
                    <a:pos x="T44" y="T45"/>
                  </a:cxn>
                  <a:cxn ang="T71">
                    <a:pos x="T46" y="T47"/>
                  </a:cxn>
                </a:cxnLst>
                <a:rect l="T72" t="T73" r="T74" b="T75"/>
                <a:pathLst>
                  <a:path w="258" h="198">
                    <a:moveTo>
                      <a:pt x="258" y="60"/>
                    </a:moveTo>
                    <a:lnTo>
                      <a:pt x="228" y="102"/>
                    </a:lnTo>
                    <a:lnTo>
                      <a:pt x="234" y="114"/>
                    </a:lnTo>
                    <a:lnTo>
                      <a:pt x="204" y="144"/>
                    </a:lnTo>
                    <a:lnTo>
                      <a:pt x="198" y="138"/>
                    </a:lnTo>
                    <a:lnTo>
                      <a:pt x="198" y="150"/>
                    </a:lnTo>
                    <a:lnTo>
                      <a:pt x="168" y="168"/>
                    </a:lnTo>
                    <a:lnTo>
                      <a:pt x="168" y="180"/>
                    </a:lnTo>
                    <a:lnTo>
                      <a:pt x="156" y="174"/>
                    </a:lnTo>
                    <a:lnTo>
                      <a:pt x="162" y="186"/>
                    </a:lnTo>
                    <a:lnTo>
                      <a:pt x="156" y="198"/>
                    </a:lnTo>
                    <a:lnTo>
                      <a:pt x="138" y="192"/>
                    </a:lnTo>
                    <a:lnTo>
                      <a:pt x="114" y="144"/>
                    </a:lnTo>
                    <a:lnTo>
                      <a:pt x="48" y="90"/>
                    </a:lnTo>
                    <a:lnTo>
                      <a:pt x="30" y="60"/>
                    </a:lnTo>
                    <a:lnTo>
                      <a:pt x="0" y="48"/>
                    </a:lnTo>
                    <a:lnTo>
                      <a:pt x="12" y="30"/>
                    </a:lnTo>
                    <a:lnTo>
                      <a:pt x="48" y="12"/>
                    </a:lnTo>
                    <a:lnTo>
                      <a:pt x="114" y="0"/>
                    </a:lnTo>
                    <a:lnTo>
                      <a:pt x="132" y="24"/>
                    </a:lnTo>
                    <a:lnTo>
                      <a:pt x="192" y="12"/>
                    </a:lnTo>
                    <a:lnTo>
                      <a:pt x="252" y="60"/>
                    </a:lnTo>
                    <a:lnTo>
                      <a:pt x="258" y="60"/>
                    </a:lnTo>
                    <a:lnTo>
                      <a:pt x="258" y="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79" name="Freeform 356"/>
              <p:cNvSpPr>
                <a:spLocks noChangeAspect="1"/>
              </p:cNvSpPr>
              <p:nvPr/>
            </p:nvSpPr>
            <p:spPr bwMode="auto">
              <a:xfrm>
                <a:off x="1062" y="1800"/>
                <a:ext cx="360" cy="234"/>
              </a:xfrm>
              <a:custGeom>
                <a:avLst/>
                <a:gdLst>
                  <a:gd name="T0" fmla="*/ 360 w 360"/>
                  <a:gd name="T1" fmla="*/ 168 h 234"/>
                  <a:gd name="T2" fmla="*/ 354 w 360"/>
                  <a:gd name="T3" fmla="*/ 174 h 234"/>
                  <a:gd name="T4" fmla="*/ 360 w 360"/>
                  <a:gd name="T5" fmla="*/ 192 h 234"/>
                  <a:gd name="T6" fmla="*/ 348 w 360"/>
                  <a:gd name="T7" fmla="*/ 216 h 234"/>
                  <a:gd name="T8" fmla="*/ 360 w 360"/>
                  <a:gd name="T9" fmla="*/ 234 h 234"/>
                  <a:gd name="T10" fmla="*/ 354 w 360"/>
                  <a:gd name="T11" fmla="*/ 234 h 234"/>
                  <a:gd name="T12" fmla="*/ 324 w 360"/>
                  <a:gd name="T13" fmla="*/ 210 h 234"/>
                  <a:gd name="T14" fmla="*/ 288 w 360"/>
                  <a:gd name="T15" fmla="*/ 216 h 234"/>
                  <a:gd name="T16" fmla="*/ 264 w 360"/>
                  <a:gd name="T17" fmla="*/ 198 h 234"/>
                  <a:gd name="T18" fmla="*/ 0 w 360"/>
                  <a:gd name="T19" fmla="*/ 186 h 234"/>
                  <a:gd name="T20" fmla="*/ 6 w 360"/>
                  <a:gd name="T21" fmla="*/ 156 h 234"/>
                  <a:gd name="T22" fmla="*/ 12 w 360"/>
                  <a:gd name="T23" fmla="*/ 54 h 234"/>
                  <a:gd name="T24" fmla="*/ 18 w 360"/>
                  <a:gd name="T25" fmla="*/ 0 h 234"/>
                  <a:gd name="T26" fmla="*/ 354 w 360"/>
                  <a:gd name="T27" fmla="*/ 12 h 234"/>
                  <a:gd name="T28" fmla="*/ 342 w 360"/>
                  <a:gd name="T29" fmla="*/ 30 h 234"/>
                  <a:gd name="T30" fmla="*/ 360 w 360"/>
                  <a:gd name="T31" fmla="*/ 54 h 234"/>
                  <a:gd name="T32" fmla="*/ 360 w 360"/>
                  <a:gd name="T33" fmla="*/ 144 h 234"/>
                  <a:gd name="T34" fmla="*/ 360 w 360"/>
                  <a:gd name="T35" fmla="*/ 168 h 234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360"/>
                  <a:gd name="T55" fmla="*/ 0 h 234"/>
                  <a:gd name="T56" fmla="*/ 360 w 360"/>
                  <a:gd name="T57" fmla="*/ 234 h 234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360" h="234">
                    <a:moveTo>
                      <a:pt x="360" y="168"/>
                    </a:moveTo>
                    <a:lnTo>
                      <a:pt x="354" y="174"/>
                    </a:lnTo>
                    <a:lnTo>
                      <a:pt x="360" y="192"/>
                    </a:lnTo>
                    <a:lnTo>
                      <a:pt x="348" y="216"/>
                    </a:lnTo>
                    <a:lnTo>
                      <a:pt x="360" y="234"/>
                    </a:lnTo>
                    <a:lnTo>
                      <a:pt x="354" y="234"/>
                    </a:lnTo>
                    <a:lnTo>
                      <a:pt x="324" y="210"/>
                    </a:lnTo>
                    <a:lnTo>
                      <a:pt x="288" y="216"/>
                    </a:lnTo>
                    <a:lnTo>
                      <a:pt x="264" y="198"/>
                    </a:lnTo>
                    <a:lnTo>
                      <a:pt x="0" y="186"/>
                    </a:lnTo>
                    <a:lnTo>
                      <a:pt x="6" y="156"/>
                    </a:lnTo>
                    <a:lnTo>
                      <a:pt x="12" y="54"/>
                    </a:lnTo>
                    <a:lnTo>
                      <a:pt x="18" y="0"/>
                    </a:lnTo>
                    <a:lnTo>
                      <a:pt x="354" y="12"/>
                    </a:lnTo>
                    <a:lnTo>
                      <a:pt x="342" y="30"/>
                    </a:lnTo>
                    <a:lnTo>
                      <a:pt x="360" y="54"/>
                    </a:lnTo>
                    <a:lnTo>
                      <a:pt x="360" y="144"/>
                    </a:lnTo>
                    <a:lnTo>
                      <a:pt x="360" y="168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80" name="Freeform 357"/>
              <p:cNvSpPr>
                <a:spLocks noChangeAspect="1"/>
              </p:cNvSpPr>
              <p:nvPr/>
            </p:nvSpPr>
            <p:spPr bwMode="auto">
              <a:xfrm>
                <a:off x="1062" y="1800"/>
                <a:ext cx="360" cy="234"/>
              </a:xfrm>
              <a:custGeom>
                <a:avLst/>
                <a:gdLst>
                  <a:gd name="T0" fmla="*/ 360 w 360"/>
                  <a:gd name="T1" fmla="*/ 168 h 234"/>
                  <a:gd name="T2" fmla="*/ 354 w 360"/>
                  <a:gd name="T3" fmla="*/ 174 h 234"/>
                  <a:gd name="T4" fmla="*/ 360 w 360"/>
                  <a:gd name="T5" fmla="*/ 192 h 234"/>
                  <a:gd name="T6" fmla="*/ 348 w 360"/>
                  <a:gd name="T7" fmla="*/ 216 h 234"/>
                  <a:gd name="T8" fmla="*/ 360 w 360"/>
                  <a:gd name="T9" fmla="*/ 234 h 234"/>
                  <a:gd name="T10" fmla="*/ 354 w 360"/>
                  <a:gd name="T11" fmla="*/ 234 h 234"/>
                  <a:gd name="T12" fmla="*/ 324 w 360"/>
                  <a:gd name="T13" fmla="*/ 210 h 234"/>
                  <a:gd name="T14" fmla="*/ 288 w 360"/>
                  <a:gd name="T15" fmla="*/ 216 h 234"/>
                  <a:gd name="T16" fmla="*/ 264 w 360"/>
                  <a:gd name="T17" fmla="*/ 198 h 234"/>
                  <a:gd name="T18" fmla="*/ 0 w 360"/>
                  <a:gd name="T19" fmla="*/ 186 h 234"/>
                  <a:gd name="T20" fmla="*/ 6 w 360"/>
                  <a:gd name="T21" fmla="*/ 156 h 234"/>
                  <a:gd name="T22" fmla="*/ 12 w 360"/>
                  <a:gd name="T23" fmla="*/ 54 h 234"/>
                  <a:gd name="T24" fmla="*/ 18 w 360"/>
                  <a:gd name="T25" fmla="*/ 0 h 234"/>
                  <a:gd name="T26" fmla="*/ 354 w 360"/>
                  <a:gd name="T27" fmla="*/ 12 h 234"/>
                  <a:gd name="T28" fmla="*/ 342 w 360"/>
                  <a:gd name="T29" fmla="*/ 30 h 234"/>
                  <a:gd name="T30" fmla="*/ 360 w 360"/>
                  <a:gd name="T31" fmla="*/ 54 h 234"/>
                  <a:gd name="T32" fmla="*/ 360 w 360"/>
                  <a:gd name="T33" fmla="*/ 144 h 234"/>
                  <a:gd name="T34" fmla="*/ 360 w 360"/>
                  <a:gd name="T35" fmla="*/ 168 h 234"/>
                  <a:gd name="T36" fmla="*/ 360 w 360"/>
                  <a:gd name="T37" fmla="*/ 174 h 234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360"/>
                  <a:gd name="T58" fmla="*/ 0 h 234"/>
                  <a:gd name="T59" fmla="*/ 360 w 360"/>
                  <a:gd name="T60" fmla="*/ 234 h 234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360" h="234">
                    <a:moveTo>
                      <a:pt x="360" y="168"/>
                    </a:moveTo>
                    <a:lnTo>
                      <a:pt x="354" y="174"/>
                    </a:lnTo>
                    <a:lnTo>
                      <a:pt x="360" y="192"/>
                    </a:lnTo>
                    <a:lnTo>
                      <a:pt x="348" y="216"/>
                    </a:lnTo>
                    <a:lnTo>
                      <a:pt x="360" y="234"/>
                    </a:lnTo>
                    <a:lnTo>
                      <a:pt x="354" y="234"/>
                    </a:lnTo>
                    <a:lnTo>
                      <a:pt x="324" y="210"/>
                    </a:lnTo>
                    <a:lnTo>
                      <a:pt x="288" y="216"/>
                    </a:lnTo>
                    <a:lnTo>
                      <a:pt x="264" y="198"/>
                    </a:lnTo>
                    <a:lnTo>
                      <a:pt x="0" y="186"/>
                    </a:lnTo>
                    <a:lnTo>
                      <a:pt x="6" y="156"/>
                    </a:lnTo>
                    <a:lnTo>
                      <a:pt x="12" y="54"/>
                    </a:lnTo>
                    <a:lnTo>
                      <a:pt x="18" y="0"/>
                    </a:lnTo>
                    <a:lnTo>
                      <a:pt x="354" y="12"/>
                    </a:lnTo>
                    <a:lnTo>
                      <a:pt x="342" y="30"/>
                    </a:lnTo>
                    <a:lnTo>
                      <a:pt x="360" y="54"/>
                    </a:lnTo>
                    <a:lnTo>
                      <a:pt x="360" y="144"/>
                    </a:lnTo>
                    <a:lnTo>
                      <a:pt x="360" y="168"/>
                    </a:lnTo>
                    <a:lnTo>
                      <a:pt x="360" y="17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81" name="Freeform 358"/>
              <p:cNvSpPr>
                <a:spLocks noChangeAspect="1"/>
              </p:cNvSpPr>
              <p:nvPr/>
            </p:nvSpPr>
            <p:spPr bwMode="auto">
              <a:xfrm>
                <a:off x="1740" y="2358"/>
                <a:ext cx="432" cy="150"/>
              </a:xfrm>
              <a:custGeom>
                <a:avLst/>
                <a:gdLst>
                  <a:gd name="T0" fmla="*/ 432 w 432"/>
                  <a:gd name="T1" fmla="*/ 0 h 150"/>
                  <a:gd name="T2" fmla="*/ 432 w 432"/>
                  <a:gd name="T3" fmla="*/ 18 h 150"/>
                  <a:gd name="T4" fmla="*/ 420 w 432"/>
                  <a:gd name="T5" fmla="*/ 30 h 150"/>
                  <a:gd name="T6" fmla="*/ 390 w 432"/>
                  <a:gd name="T7" fmla="*/ 48 h 150"/>
                  <a:gd name="T8" fmla="*/ 384 w 432"/>
                  <a:gd name="T9" fmla="*/ 42 h 150"/>
                  <a:gd name="T10" fmla="*/ 372 w 432"/>
                  <a:gd name="T11" fmla="*/ 60 h 150"/>
                  <a:gd name="T12" fmla="*/ 330 w 432"/>
                  <a:gd name="T13" fmla="*/ 84 h 150"/>
                  <a:gd name="T14" fmla="*/ 324 w 432"/>
                  <a:gd name="T15" fmla="*/ 102 h 150"/>
                  <a:gd name="T16" fmla="*/ 306 w 432"/>
                  <a:gd name="T17" fmla="*/ 102 h 150"/>
                  <a:gd name="T18" fmla="*/ 306 w 432"/>
                  <a:gd name="T19" fmla="*/ 120 h 150"/>
                  <a:gd name="T20" fmla="*/ 240 w 432"/>
                  <a:gd name="T21" fmla="*/ 132 h 150"/>
                  <a:gd name="T22" fmla="*/ 108 w 432"/>
                  <a:gd name="T23" fmla="*/ 138 h 150"/>
                  <a:gd name="T24" fmla="*/ 0 w 432"/>
                  <a:gd name="T25" fmla="*/ 150 h 150"/>
                  <a:gd name="T26" fmla="*/ 12 w 432"/>
                  <a:gd name="T27" fmla="*/ 138 h 150"/>
                  <a:gd name="T28" fmla="*/ 0 w 432"/>
                  <a:gd name="T29" fmla="*/ 120 h 150"/>
                  <a:gd name="T30" fmla="*/ 18 w 432"/>
                  <a:gd name="T31" fmla="*/ 114 h 150"/>
                  <a:gd name="T32" fmla="*/ 12 w 432"/>
                  <a:gd name="T33" fmla="*/ 102 h 150"/>
                  <a:gd name="T34" fmla="*/ 30 w 432"/>
                  <a:gd name="T35" fmla="*/ 84 h 150"/>
                  <a:gd name="T36" fmla="*/ 24 w 432"/>
                  <a:gd name="T37" fmla="*/ 84 h 150"/>
                  <a:gd name="T38" fmla="*/ 24 w 432"/>
                  <a:gd name="T39" fmla="*/ 78 h 150"/>
                  <a:gd name="T40" fmla="*/ 30 w 432"/>
                  <a:gd name="T41" fmla="*/ 42 h 150"/>
                  <a:gd name="T42" fmla="*/ 36 w 432"/>
                  <a:gd name="T43" fmla="*/ 48 h 150"/>
                  <a:gd name="T44" fmla="*/ 108 w 432"/>
                  <a:gd name="T45" fmla="*/ 42 h 150"/>
                  <a:gd name="T46" fmla="*/ 108 w 432"/>
                  <a:gd name="T47" fmla="*/ 30 h 150"/>
                  <a:gd name="T48" fmla="*/ 330 w 432"/>
                  <a:gd name="T49" fmla="*/ 12 h 150"/>
                  <a:gd name="T50" fmla="*/ 432 w 432"/>
                  <a:gd name="T51" fmla="*/ 0 h 150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432"/>
                  <a:gd name="T79" fmla="*/ 0 h 150"/>
                  <a:gd name="T80" fmla="*/ 432 w 432"/>
                  <a:gd name="T81" fmla="*/ 150 h 150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432" h="150">
                    <a:moveTo>
                      <a:pt x="432" y="0"/>
                    </a:moveTo>
                    <a:lnTo>
                      <a:pt x="432" y="18"/>
                    </a:lnTo>
                    <a:lnTo>
                      <a:pt x="420" y="30"/>
                    </a:lnTo>
                    <a:lnTo>
                      <a:pt x="390" y="48"/>
                    </a:lnTo>
                    <a:lnTo>
                      <a:pt x="384" y="42"/>
                    </a:lnTo>
                    <a:lnTo>
                      <a:pt x="372" y="60"/>
                    </a:lnTo>
                    <a:lnTo>
                      <a:pt x="330" y="84"/>
                    </a:lnTo>
                    <a:lnTo>
                      <a:pt x="324" y="102"/>
                    </a:lnTo>
                    <a:lnTo>
                      <a:pt x="306" y="102"/>
                    </a:lnTo>
                    <a:lnTo>
                      <a:pt x="306" y="120"/>
                    </a:lnTo>
                    <a:lnTo>
                      <a:pt x="240" y="132"/>
                    </a:lnTo>
                    <a:lnTo>
                      <a:pt x="108" y="138"/>
                    </a:lnTo>
                    <a:lnTo>
                      <a:pt x="0" y="150"/>
                    </a:lnTo>
                    <a:lnTo>
                      <a:pt x="12" y="138"/>
                    </a:lnTo>
                    <a:lnTo>
                      <a:pt x="0" y="120"/>
                    </a:lnTo>
                    <a:lnTo>
                      <a:pt x="18" y="114"/>
                    </a:lnTo>
                    <a:lnTo>
                      <a:pt x="12" y="102"/>
                    </a:lnTo>
                    <a:lnTo>
                      <a:pt x="30" y="84"/>
                    </a:lnTo>
                    <a:lnTo>
                      <a:pt x="24" y="84"/>
                    </a:lnTo>
                    <a:lnTo>
                      <a:pt x="24" y="78"/>
                    </a:lnTo>
                    <a:lnTo>
                      <a:pt x="30" y="42"/>
                    </a:lnTo>
                    <a:lnTo>
                      <a:pt x="36" y="48"/>
                    </a:lnTo>
                    <a:lnTo>
                      <a:pt x="108" y="42"/>
                    </a:lnTo>
                    <a:lnTo>
                      <a:pt x="108" y="30"/>
                    </a:lnTo>
                    <a:lnTo>
                      <a:pt x="330" y="12"/>
                    </a:lnTo>
                    <a:lnTo>
                      <a:pt x="432" y="0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82" name="Freeform 359"/>
              <p:cNvSpPr>
                <a:spLocks noChangeAspect="1"/>
              </p:cNvSpPr>
              <p:nvPr/>
            </p:nvSpPr>
            <p:spPr bwMode="auto">
              <a:xfrm>
                <a:off x="1740" y="2358"/>
                <a:ext cx="432" cy="150"/>
              </a:xfrm>
              <a:custGeom>
                <a:avLst/>
                <a:gdLst>
                  <a:gd name="T0" fmla="*/ 432 w 432"/>
                  <a:gd name="T1" fmla="*/ 0 h 150"/>
                  <a:gd name="T2" fmla="*/ 432 w 432"/>
                  <a:gd name="T3" fmla="*/ 18 h 150"/>
                  <a:gd name="T4" fmla="*/ 420 w 432"/>
                  <a:gd name="T5" fmla="*/ 30 h 150"/>
                  <a:gd name="T6" fmla="*/ 390 w 432"/>
                  <a:gd name="T7" fmla="*/ 48 h 150"/>
                  <a:gd name="T8" fmla="*/ 384 w 432"/>
                  <a:gd name="T9" fmla="*/ 42 h 150"/>
                  <a:gd name="T10" fmla="*/ 372 w 432"/>
                  <a:gd name="T11" fmla="*/ 60 h 150"/>
                  <a:gd name="T12" fmla="*/ 330 w 432"/>
                  <a:gd name="T13" fmla="*/ 84 h 150"/>
                  <a:gd name="T14" fmla="*/ 324 w 432"/>
                  <a:gd name="T15" fmla="*/ 102 h 150"/>
                  <a:gd name="T16" fmla="*/ 306 w 432"/>
                  <a:gd name="T17" fmla="*/ 102 h 150"/>
                  <a:gd name="T18" fmla="*/ 306 w 432"/>
                  <a:gd name="T19" fmla="*/ 120 h 150"/>
                  <a:gd name="T20" fmla="*/ 240 w 432"/>
                  <a:gd name="T21" fmla="*/ 132 h 150"/>
                  <a:gd name="T22" fmla="*/ 108 w 432"/>
                  <a:gd name="T23" fmla="*/ 138 h 150"/>
                  <a:gd name="T24" fmla="*/ 0 w 432"/>
                  <a:gd name="T25" fmla="*/ 150 h 150"/>
                  <a:gd name="T26" fmla="*/ 12 w 432"/>
                  <a:gd name="T27" fmla="*/ 138 h 150"/>
                  <a:gd name="T28" fmla="*/ 0 w 432"/>
                  <a:gd name="T29" fmla="*/ 120 h 150"/>
                  <a:gd name="T30" fmla="*/ 18 w 432"/>
                  <a:gd name="T31" fmla="*/ 114 h 150"/>
                  <a:gd name="T32" fmla="*/ 12 w 432"/>
                  <a:gd name="T33" fmla="*/ 102 h 150"/>
                  <a:gd name="T34" fmla="*/ 30 w 432"/>
                  <a:gd name="T35" fmla="*/ 84 h 150"/>
                  <a:gd name="T36" fmla="*/ 24 w 432"/>
                  <a:gd name="T37" fmla="*/ 84 h 150"/>
                  <a:gd name="T38" fmla="*/ 24 w 432"/>
                  <a:gd name="T39" fmla="*/ 78 h 150"/>
                  <a:gd name="T40" fmla="*/ 30 w 432"/>
                  <a:gd name="T41" fmla="*/ 42 h 150"/>
                  <a:gd name="T42" fmla="*/ 36 w 432"/>
                  <a:gd name="T43" fmla="*/ 48 h 150"/>
                  <a:gd name="T44" fmla="*/ 108 w 432"/>
                  <a:gd name="T45" fmla="*/ 42 h 150"/>
                  <a:gd name="T46" fmla="*/ 108 w 432"/>
                  <a:gd name="T47" fmla="*/ 30 h 150"/>
                  <a:gd name="T48" fmla="*/ 330 w 432"/>
                  <a:gd name="T49" fmla="*/ 12 h 150"/>
                  <a:gd name="T50" fmla="*/ 432 w 432"/>
                  <a:gd name="T51" fmla="*/ 0 h 150"/>
                  <a:gd name="T52" fmla="*/ 432 w 432"/>
                  <a:gd name="T53" fmla="*/ 6 h 150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432"/>
                  <a:gd name="T82" fmla="*/ 0 h 150"/>
                  <a:gd name="T83" fmla="*/ 432 w 432"/>
                  <a:gd name="T84" fmla="*/ 150 h 150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432" h="150">
                    <a:moveTo>
                      <a:pt x="432" y="0"/>
                    </a:moveTo>
                    <a:lnTo>
                      <a:pt x="432" y="18"/>
                    </a:lnTo>
                    <a:lnTo>
                      <a:pt x="420" y="30"/>
                    </a:lnTo>
                    <a:lnTo>
                      <a:pt x="390" y="48"/>
                    </a:lnTo>
                    <a:lnTo>
                      <a:pt x="384" y="42"/>
                    </a:lnTo>
                    <a:lnTo>
                      <a:pt x="372" y="60"/>
                    </a:lnTo>
                    <a:lnTo>
                      <a:pt x="330" y="84"/>
                    </a:lnTo>
                    <a:lnTo>
                      <a:pt x="324" y="102"/>
                    </a:lnTo>
                    <a:lnTo>
                      <a:pt x="306" y="102"/>
                    </a:lnTo>
                    <a:lnTo>
                      <a:pt x="306" y="120"/>
                    </a:lnTo>
                    <a:lnTo>
                      <a:pt x="240" y="132"/>
                    </a:lnTo>
                    <a:lnTo>
                      <a:pt x="108" y="138"/>
                    </a:lnTo>
                    <a:lnTo>
                      <a:pt x="0" y="150"/>
                    </a:lnTo>
                    <a:lnTo>
                      <a:pt x="12" y="138"/>
                    </a:lnTo>
                    <a:lnTo>
                      <a:pt x="0" y="120"/>
                    </a:lnTo>
                    <a:lnTo>
                      <a:pt x="18" y="114"/>
                    </a:lnTo>
                    <a:lnTo>
                      <a:pt x="12" y="102"/>
                    </a:lnTo>
                    <a:lnTo>
                      <a:pt x="30" y="84"/>
                    </a:lnTo>
                    <a:lnTo>
                      <a:pt x="24" y="84"/>
                    </a:lnTo>
                    <a:lnTo>
                      <a:pt x="24" y="78"/>
                    </a:lnTo>
                    <a:lnTo>
                      <a:pt x="30" y="42"/>
                    </a:lnTo>
                    <a:lnTo>
                      <a:pt x="36" y="48"/>
                    </a:lnTo>
                    <a:lnTo>
                      <a:pt x="108" y="42"/>
                    </a:lnTo>
                    <a:lnTo>
                      <a:pt x="108" y="30"/>
                    </a:lnTo>
                    <a:lnTo>
                      <a:pt x="330" y="12"/>
                    </a:lnTo>
                    <a:lnTo>
                      <a:pt x="432" y="0"/>
                    </a:lnTo>
                    <a:lnTo>
                      <a:pt x="432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83" name="Freeform 360"/>
              <p:cNvSpPr>
                <a:spLocks noChangeAspect="1"/>
              </p:cNvSpPr>
              <p:nvPr/>
            </p:nvSpPr>
            <p:spPr bwMode="auto">
              <a:xfrm>
                <a:off x="864" y="2406"/>
                <a:ext cx="714" cy="684"/>
              </a:xfrm>
              <a:custGeom>
                <a:avLst/>
                <a:gdLst>
                  <a:gd name="T0" fmla="*/ 678 w 714"/>
                  <a:gd name="T1" fmla="*/ 198 h 684"/>
                  <a:gd name="T2" fmla="*/ 684 w 714"/>
                  <a:gd name="T3" fmla="*/ 300 h 684"/>
                  <a:gd name="T4" fmla="*/ 702 w 714"/>
                  <a:gd name="T5" fmla="*/ 390 h 684"/>
                  <a:gd name="T6" fmla="*/ 690 w 714"/>
                  <a:gd name="T7" fmla="*/ 438 h 684"/>
                  <a:gd name="T8" fmla="*/ 642 w 714"/>
                  <a:gd name="T9" fmla="*/ 468 h 684"/>
                  <a:gd name="T10" fmla="*/ 642 w 714"/>
                  <a:gd name="T11" fmla="*/ 456 h 684"/>
                  <a:gd name="T12" fmla="*/ 636 w 714"/>
                  <a:gd name="T13" fmla="*/ 450 h 684"/>
                  <a:gd name="T14" fmla="*/ 636 w 714"/>
                  <a:gd name="T15" fmla="*/ 468 h 684"/>
                  <a:gd name="T16" fmla="*/ 618 w 714"/>
                  <a:gd name="T17" fmla="*/ 492 h 684"/>
                  <a:gd name="T18" fmla="*/ 588 w 714"/>
                  <a:gd name="T19" fmla="*/ 504 h 684"/>
                  <a:gd name="T20" fmla="*/ 564 w 714"/>
                  <a:gd name="T21" fmla="*/ 510 h 684"/>
                  <a:gd name="T22" fmla="*/ 552 w 714"/>
                  <a:gd name="T23" fmla="*/ 510 h 684"/>
                  <a:gd name="T24" fmla="*/ 540 w 714"/>
                  <a:gd name="T25" fmla="*/ 510 h 684"/>
                  <a:gd name="T26" fmla="*/ 552 w 714"/>
                  <a:gd name="T27" fmla="*/ 528 h 684"/>
                  <a:gd name="T28" fmla="*/ 528 w 714"/>
                  <a:gd name="T29" fmla="*/ 522 h 684"/>
                  <a:gd name="T30" fmla="*/ 522 w 714"/>
                  <a:gd name="T31" fmla="*/ 546 h 684"/>
                  <a:gd name="T32" fmla="*/ 504 w 714"/>
                  <a:gd name="T33" fmla="*/ 552 h 684"/>
                  <a:gd name="T34" fmla="*/ 498 w 714"/>
                  <a:gd name="T35" fmla="*/ 564 h 684"/>
                  <a:gd name="T36" fmla="*/ 504 w 714"/>
                  <a:gd name="T37" fmla="*/ 576 h 684"/>
                  <a:gd name="T38" fmla="*/ 486 w 714"/>
                  <a:gd name="T39" fmla="*/ 600 h 684"/>
                  <a:gd name="T40" fmla="*/ 480 w 714"/>
                  <a:gd name="T41" fmla="*/ 600 h 684"/>
                  <a:gd name="T42" fmla="*/ 474 w 714"/>
                  <a:gd name="T43" fmla="*/ 600 h 684"/>
                  <a:gd name="T44" fmla="*/ 486 w 714"/>
                  <a:gd name="T45" fmla="*/ 630 h 684"/>
                  <a:gd name="T46" fmla="*/ 450 w 714"/>
                  <a:gd name="T47" fmla="*/ 678 h 684"/>
                  <a:gd name="T48" fmla="*/ 378 w 714"/>
                  <a:gd name="T49" fmla="*/ 612 h 684"/>
                  <a:gd name="T50" fmla="*/ 336 w 714"/>
                  <a:gd name="T51" fmla="*/ 534 h 684"/>
                  <a:gd name="T52" fmla="*/ 276 w 714"/>
                  <a:gd name="T53" fmla="*/ 438 h 684"/>
                  <a:gd name="T54" fmla="*/ 204 w 714"/>
                  <a:gd name="T55" fmla="*/ 432 h 684"/>
                  <a:gd name="T56" fmla="*/ 174 w 714"/>
                  <a:gd name="T57" fmla="*/ 480 h 684"/>
                  <a:gd name="T58" fmla="*/ 102 w 714"/>
                  <a:gd name="T59" fmla="*/ 432 h 684"/>
                  <a:gd name="T60" fmla="*/ 6 w 714"/>
                  <a:gd name="T61" fmla="*/ 282 h 684"/>
                  <a:gd name="T62" fmla="*/ 192 w 714"/>
                  <a:gd name="T63" fmla="*/ 288 h 684"/>
                  <a:gd name="T64" fmla="*/ 372 w 714"/>
                  <a:gd name="T65" fmla="*/ 6 h 684"/>
                  <a:gd name="T66" fmla="*/ 384 w 714"/>
                  <a:gd name="T67" fmla="*/ 144 h 684"/>
                  <a:gd name="T68" fmla="*/ 408 w 714"/>
                  <a:gd name="T69" fmla="*/ 156 h 684"/>
                  <a:gd name="T70" fmla="*/ 462 w 714"/>
                  <a:gd name="T71" fmla="*/ 162 h 684"/>
                  <a:gd name="T72" fmla="*/ 486 w 714"/>
                  <a:gd name="T73" fmla="*/ 174 h 684"/>
                  <a:gd name="T74" fmla="*/ 510 w 714"/>
                  <a:gd name="T75" fmla="*/ 180 h 684"/>
                  <a:gd name="T76" fmla="*/ 528 w 714"/>
                  <a:gd name="T77" fmla="*/ 174 h 684"/>
                  <a:gd name="T78" fmla="*/ 540 w 714"/>
                  <a:gd name="T79" fmla="*/ 180 h 684"/>
                  <a:gd name="T80" fmla="*/ 618 w 714"/>
                  <a:gd name="T81" fmla="*/ 174 h 684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w 714"/>
                  <a:gd name="T124" fmla="*/ 0 h 684"/>
                  <a:gd name="T125" fmla="*/ 714 w 714"/>
                  <a:gd name="T126" fmla="*/ 684 h 684"/>
                </a:gdLst>
                <a:ahLst/>
                <a:cxnLst>
                  <a:cxn ang="T82">
                    <a:pos x="T0" y="T1"/>
                  </a:cxn>
                  <a:cxn ang="T83">
                    <a:pos x="T2" y="T3"/>
                  </a:cxn>
                  <a:cxn ang="T84">
                    <a:pos x="T4" y="T5"/>
                  </a:cxn>
                  <a:cxn ang="T85">
                    <a:pos x="T6" y="T7"/>
                  </a:cxn>
                  <a:cxn ang="T86">
                    <a:pos x="T8" y="T9"/>
                  </a:cxn>
                  <a:cxn ang="T87">
                    <a:pos x="T10" y="T11"/>
                  </a:cxn>
                  <a:cxn ang="T88">
                    <a:pos x="T12" y="T13"/>
                  </a:cxn>
                  <a:cxn ang="T89">
                    <a:pos x="T14" y="T15"/>
                  </a:cxn>
                  <a:cxn ang="T90">
                    <a:pos x="T16" y="T17"/>
                  </a:cxn>
                  <a:cxn ang="T91">
                    <a:pos x="T18" y="T19"/>
                  </a:cxn>
                  <a:cxn ang="T92">
                    <a:pos x="T20" y="T21"/>
                  </a:cxn>
                  <a:cxn ang="T93">
                    <a:pos x="T22" y="T23"/>
                  </a:cxn>
                  <a:cxn ang="T94">
                    <a:pos x="T24" y="T25"/>
                  </a:cxn>
                  <a:cxn ang="T95">
                    <a:pos x="T26" y="T27"/>
                  </a:cxn>
                  <a:cxn ang="T96">
                    <a:pos x="T28" y="T29"/>
                  </a:cxn>
                  <a:cxn ang="T97">
                    <a:pos x="T30" y="T31"/>
                  </a:cxn>
                  <a:cxn ang="T98">
                    <a:pos x="T32" y="T33"/>
                  </a:cxn>
                  <a:cxn ang="T99">
                    <a:pos x="T34" y="T35"/>
                  </a:cxn>
                  <a:cxn ang="T100">
                    <a:pos x="T36" y="T37"/>
                  </a:cxn>
                  <a:cxn ang="T101">
                    <a:pos x="T38" y="T39"/>
                  </a:cxn>
                  <a:cxn ang="T102">
                    <a:pos x="T40" y="T41"/>
                  </a:cxn>
                  <a:cxn ang="T103">
                    <a:pos x="T42" y="T43"/>
                  </a:cxn>
                  <a:cxn ang="T104">
                    <a:pos x="T44" y="T45"/>
                  </a:cxn>
                  <a:cxn ang="T105">
                    <a:pos x="T46" y="T47"/>
                  </a:cxn>
                  <a:cxn ang="T106">
                    <a:pos x="T48" y="T49"/>
                  </a:cxn>
                  <a:cxn ang="T107">
                    <a:pos x="T50" y="T51"/>
                  </a:cxn>
                  <a:cxn ang="T108">
                    <a:pos x="T52" y="T53"/>
                  </a:cxn>
                  <a:cxn ang="T109">
                    <a:pos x="T54" y="T55"/>
                  </a:cxn>
                  <a:cxn ang="T110">
                    <a:pos x="T56" y="T57"/>
                  </a:cxn>
                  <a:cxn ang="T111">
                    <a:pos x="T58" y="T59"/>
                  </a:cxn>
                  <a:cxn ang="T112">
                    <a:pos x="T60" y="T61"/>
                  </a:cxn>
                  <a:cxn ang="T113">
                    <a:pos x="T62" y="T63"/>
                  </a:cxn>
                  <a:cxn ang="T114">
                    <a:pos x="T64" y="T65"/>
                  </a:cxn>
                  <a:cxn ang="T115">
                    <a:pos x="T66" y="T67"/>
                  </a:cxn>
                  <a:cxn ang="T116">
                    <a:pos x="T68" y="T69"/>
                  </a:cxn>
                  <a:cxn ang="T117">
                    <a:pos x="T70" y="T71"/>
                  </a:cxn>
                  <a:cxn ang="T118">
                    <a:pos x="T72" y="T73"/>
                  </a:cxn>
                  <a:cxn ang="T119">
                    <a:pos x="T74" y="T75"/>
                  </a:cxn>
                  <a:cxn ang="T120">
                    <a:pos x="T76" y="T77"/>
                  </a:cxn>
                  <a:cxn ang="T121">
                    <a:pos x="T78" y="T79"/>
                  </a:cxn>
                  <a:cxn ang="T122">
                    <a:pos x="T80" y="T81"/>
                  </a:cxn>
                </a:cxnLst>
                <a:rect l="T123" t="T124" r="T125" b="T126"/>
                <a:pathLst>
                  <a:path w="714" h="684">
                    <a:moveTo>
                      <a:pt x="654" y="192"/>
                    </a:moveTo>
                    <a:lnTo>
                      <a:pt x="678" y="198"/>
                    </a:lnTo>
                    <a:lnTo>
                      <a:pt x="678" y="234"/>
                    </a:lnTo>
                    <a:lnTo>
                      <a:pt x="684" y="300"/>
                    </a:lnTo>
                    <a:lnTo>
                      <a:pt x="714" y="360"/>
                    </a:lnTo>
                    <a:lnTo>
                      <a:pt x="702" y="390"/>
                    </a:lnTo>
                    <a:lnTo>
                      <a:pt x="702" y="426"/>
                    </a:lnTo>
                    <a:lnTo>
                      <a:pt x="690" y="438"/>
                    </a:lnTo>
                    <a:lnTo>
                      <a:pt x="696" y="444"/>
                    </a:lnTo>
                    <a:lnTo>
                      <a:pt x="642" y="468"/>
                    </a:lnTo>
                    <a:lnTo>
                      <a:pt x="660" y="456"/>
                    </a:lnTo>
                    <a:lnTo>
                      <a:pt x="642" y="456"/>
                    </a:lnTo>
                    <a:lnTo>
                      <a:pt x="648" y="438"/>
                    </a:lnTo>
                    <a:lnTo>
                      <a:pt x="636" y="450"/>
                    </a:lnTo>
                    <a:lnTo>
                      <a:pt x="630" y="444"/>
                    </a:lnTo>
                    <a:lnTo>
                      <a:pt x="636" y="468"/>
                    </a:lnTo>
                    <a:lnTo>
                      <a:pt x="624" y="480"/>
                    </a:lnTo>
                    <a:lnTo>
                      <a:pt x="618" y="492"/>
                    </a:lnTo>
                    <a:lnTo>
                      <a:pt x="552" y="528"/>
                    </a:lnTo>
                    <a:lnTo>
                      <a:pt x="588" y="504"/>
                    </a:lnTo>
                    <a:lnTo>
                      <a:pt x="564" y="516"/>
                    </a:lnTo>
                    <a:lnTo>
                      <a:pt x="564" y="510"/>
                    </a:lnTo>
                    <a:lnTo>
                      <a:pt x="558" y="516"/>
                    </a:lnTo>
                    <a:lnTo>
                      <a:pt x="552" y="510"/>
                    </a:lnTo>
                    <a:lnTo>
                      <a:pt x="546" y="516"/>
                    </a:lnTo>
                    <a:lnTo>
                      <a:pt x="540" y="510"/>
                    </a:lnTo>
                    <a:lnTo>
                      <a:pt x="540" y="522"/>
                    </a:lnTo>
                    <a:lnTo>
                      <a:pt x="552" y="528"/>
                    </a:lnTo>
                    <a:lnTo>
                      <a:pt x="534" y="534"/>
                    </a:lnTo>
                    <a:lnTo>
                      <a:pt x="528" y="522"/>
                    </a:lnTo>
                    <a:lnTo>
                      <a:pt x="528" y="540"/>
                    </a:lnTo>
                    <a:lnTo>
                      <a:pt x="522" y="546"/>
                    </a:lnTo>
                    <a:lnTo>
                      <a:pt x="522" y="540"/>
                    </a:lnTo>
                    <a:lnTo>
                      <a:pt x="504" y="552"/>
                    </a:lnTo>
                    <a:lnTo>
                      <a:pt x="510" y="564"/>
                    </a:lnTo>
                    <a:lnTo>
                      <a:pt x="498" y="564"/>
                    </a:lnTo>
                    <a:lnTo>
                      <a:pt x="498" y="576"/>
                    </a:lnTo>
                    <a:lnTo>
                      <a:pt x="504" y="576"/>
                    </a:lnTo>
                    <a:lnTo>
                      <a:pt x="492" y="600"/>
                    </a:lnTo>
                    <a:lnTo>
                      <a:pt x="486" y="600"/>
                    </a:lnTo>
                    <a:lnTo>
                      <a:pt x="486" y="594"/>
                    </a:lnTo>
                    <a:lnTo>
                      <a:pt x="480" y="600"/>
                    </a:lnTo>
                    <a:lnTo>
                      <a:pt x="474" y="588"/>
                    </a:lnTo>
                    <a:lnTo>
                      <a:pt x="474" y="600"/>
                    </a:lnTo>
                    <a:lnTo>
                      <a:pt x="492" y="600"/>
                    </a:lnTo>
                    <a:lnTo>
                      <a:pt x="486" y="630"/>
                    </a:lnTo>
                    <a:lnTo>
                      <a:pt x="510" y="684"/>
                    </a:lnTo>
                    <a:lnTo>
                      <a:pt x="450" y="678"/>
                    </a:lnTo>
                    <a:lnTo>
                      <a:pt x="396" y="654"/>
                    </a:lnTo>
                    <a:lnTo>
                      <a:pt x="378" y="612"/>
                    </a:lnTo>
                    <a:lnTo>
                      <a:pt x="372" y="576"/>
                    </a:lnTo>
                    <a:lnTo>
                      <a:pt x="336" y="534"/>
                    </a:lnTo>
                    <a:lnTo>
                      <a:pt x="306" y="468"/>
                    </a:lnTo>
                    <a:lnTo>
                      <a:pt x="276" y="438"/>
                    </a:lnTo>
                    <a:lnTo>
                      <a:pt x="222" y="426"/>
                    </a:lnTo>
                    <a:lnTo>
                      <a:pt x="204" y="432"/>
                    </a:lnTo>
                    <a:lnTo>
                      <a:pt x="192" y="462"/>
                    </a:lnTo>
                    <a:lnTo>
                      <a:pt x="174" y="480"/>
                    </a:lnTo>
                    <a:lnTo>
                      <a:pt x="162" y="474"/>
                    </a:lnTo>
                    <a:lnTo>
                      <a:pt x="102" y="432"/>
                    </a:lnTo>
                    <a:lnTo>
                      <a:pt x="84" y="372"/>
                    </a:lnTo>
                    <a:lnTo>
                      <a:pt x="6" y="282"/>
                    </a:lnTo>
                    <a:lnTo>
                      <a:pt x="0" y="270"/>
                    </a:lnTo>
                    <a:lnTo>
                      <a:pt x="192" y="288"/>
                    </a:lnTo>
                    <a:lnTo>
                      <a:pt x="216" y="0"/>
                    </a:lnTo>
                    <a:lnTo>
                      <a:pt x="372" y="6"/>
                    </a:lnTo>
                    <a:lnTo>
                      <a:pt x="366" y="132"/>
                    </a:lnTo>
                    <a:lnTo>
                      <a:pt x="384" y="144"/>
                    </a:lnTo>
                    <a:lnTo>
                      <a:pt x="402" y="138"/>
                    </a:lnTo>
                    <a:lnTo>
                      <a:pt x="408" y="156"/>
                    </a:lnTo>
                    <a:lnTo>
                      <a:pt x="444" y="168"/>
                    </a:lnTo>
                    <a:lnTo>
                      <a:pt x="462" y="162"/>
                    </a:lnTo>
                    <a:lnTo>
                      <a:pt x="474" y="180"/>
                    </a:lnTo>
                    <a:lnTo>
                      <a:pt x="486" y="174"/>
                    </a:lnTo>
                    <a:lnTo>
                      <a:pt x="504" y="186"/>
                    </a:lnTo>
                    <a:lnTo>
                      <a:pt x="510" y="180"/>
                    </a:lnTo>
                    <a:lnTo>
                      <a:pt x="516" y="192"/>
                    </a:lnTo>
                    <a:lnTo>
                      <a:pt x="528" y="174"/>
                    </a:lnTo>
                    <a:lnTo>
                      <a:pt x="528" y="180"/>
                    </a:lnTo>
                    <a:lnTo>
                      <a:pt x="540" y="180"/>
                    </a:lnTo>
                    <a:lnTo>
                      <a:pt x="558" y="192"/>
                    </a:lnTo>
                    <a:lnTo>
                      <a:pt x="618" y="174"/>
                    </a:lnTo>
                    <a:lnTo>
                      <a:pt x="654" y="192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84" name="Freeform 361"/>
              <p:cNvSpPr>
                <a:spLocks noChangeAspect="1"/>
              </p:cNvSpPr>
              <p:nvPr/>
            </p:nvSpPr>
            <p:spPr bwMode="auto">
              <a:xfrm>
                <a:off x="864" y="2406"/>
                <a:ext cx="714" cy="684"/>
              </a:xfrm>
              <a:custGeom>
                <a:avLst/>
                <a:gdLst>
                  <a:gd name="T0" fmla="*/ 678 w 714"/>
                  <a:gd name="T1" fmla="*/ 198 h 684"/>
                  <a:gd name="T2" fmla="*/ 684 w 714"/>
                  <a:gd name="T3" fmla="*/ 300 h 684"/>
                  <a:gd name="T4" fmla="*/ 702 w 714"/>
                  <a:gd name="T5" fmla="*/ 390 h 684"/>
                  <a:gd name="T6" fmla="*/ 690 w 714"/>
                  <a:gd name="T7" fmla="*/ 438 h 684"/>
                  <a:gd name="T8" fmla="*/ 642 w 714"/>
                  <a:gd name="T9" fmla="*/ 468 h 684"/>
                  <a:gd name="T10" fmla="*/ 642 w 714"/>
                  <a:gd name="T11" fmla="*/ 456 h 684"/>
                  <a:gd name="T12" fmla="*/ 636 w 714"/>
                  <a:gd name="T13" fmla="*/ 450 h 684"/>
                  <a:gd name="T14" fmla="*/ 636 w 714"/>
                  <a:gd name="T15" fmla="*/ 468 h 684"/>
                  <a:gd name="T16" fmla="*/ 618 w 714"/>
                  <a:gd name="T17" fmla="*/ 492 h 684"/>
                  <a:gd name="T18" fmla="*/ 588 w 714"/>
                  <a:gd name="T19" fmla="*/ 504 h 684"/>
                  <a:gd name="T20" fmla="*/ 564 w 714"/>
                  <a:gd name="T21" fmla="*/ 510 h 684"/>
                  <a:gd name="T22" fmla="*/ 552 w 714"/>
                  <a:gd name="T23" fmla="*/ 510 h 684"/>
                  <a:gd name="T24" fmla="*/ 540 w 714"/>
                  <a:gd name="T25" fmla="*/ 510 h 684"/>
                  <a:gd name="T26" fmla="*/ 552 w 714"/>
                  <a:gd name="T27" fmla="*/ 528 h 684"/>
                  <a:gd name="T28" fmla="*/ 528 w 714"/>
                  <a:gd name="T29" fmla="*/ 522 h 684"/>
                  <a:gd name="T30" fmla="*/ 522 w 714"/>
                  <a:gd name="T31" fmla="*/ 546 h 684"/>
                  <a:gd name="T32" fmla="*/ 504 w 714"/>
                  <a:gd name="T33" fmla="*/ 552 h 684"/>
                  <a:gd name="T34" fmla="*/ 486 w 714"/>
                  <a:gd name="T35" fmla="*/ 564 h 684"/>
                  <a:gd name="T36" fmla="*/ 498 w 714"/>
                  <a:gd name="T37" fmla="*/ 576 h 684"/>
                  <a:gd name="T38" fmla="*/ 492 w 714"/>
                  <a:gd name="T39" fmla="*/ 600 h 684"/>
                  <a:gd name="T40" fmla="*/ 486 w 714"/>
                  <a:gd name="T41" fmla="*/ 594 h 684"/>
                  <a:gd name="T42" fmla="*/ 474 w 714"/>
                  <a:gd name="T43" fmla="*/ 588 h 684"/>
                  <a:gd name="T44" fmla="*/ 492 w 714"/>
                  <a:gd name="T45" fmla="*/ 600 h 684"/>
                  <a:gd name="T46" fmla="*/ 510 w 714"/>
                  <a:gd name="T47" fmla="*/ 684 h 684"/>
                  <a:gd name="T48" fmla="*/ 396 w 714"/>
                  <a:gd name="T49" fmla="*/ 654 h 684"/>
                  <a:gd name="T50" fmla="*/ 372 w 714"/>
                  <a:gd name="T51" fmla="*/ 576 h 684"/>
                  <a:gd name="T52" fmla="*/ 306 w 714"/>
                  <a:gd name="T53" fmla="*/ 468 h 684"/>
                  <a:gd name="T54" fmla="*/ 222 w 714"/>
                  <a:gd name="T55" fmla="*/ 426 h 684"/>
                  <a:gd name="T56" fmla="*/ 192 w 714"/>
                  <a:gd name="T57" fmla="*/ 462 h 684"/>
                  <a:gd name="T58" fmla="*/ 162 w 714"/>
                  <a:gd name="T59" fmla="*/ 474 h 684"/>
                  <a:gd name="T60" fmla="*/ 84 w 714"/>
                  <a:gd name="T61" fmla="*/ 372 h 684"/>
                  <a:gd name="T62" fmla="*/ 0 w 714"/>
                  <a:gd name="T63" fmla="*/ 270 h 684"/>
                  <a:gd name="T64" fmla="*/ 216 w 714"/>
                  <a:gd name="T65" fmla="*/ 0 h 684"/>
                  <a:gd name="T66" fmla="*/ 366 w 714"/>
                  <a:gd name="T67" fmla="*/ 132 h 684"/>
                  <a:gd name="T68" fmla="*/ 402 w 714"/>
                  <a:gd name="T69" fmla="*/ 138 h 684"/>
                  <a:gd name="T70" fmla="*/ 444 w 714"/>
                  <a:gd name="T71" fmla="*/ 168 h 684"/>
                  <a:gd name="T72" fmla="*/ 474 w 714"/>
                  <a:gd name="T73" fmla="*/ 180 h 684"/>
                  <a:gd name="T74" fmla="*/ 504 w 714"/>
                  <a:gd name="T75" fmla="*/ 186 h 684"/>
                  <a:gd name="T76" fmla="*/ 516 w 714"/>
                  <a:gd name="T77" fmla="*/ 192 h 684"/>
                  <a:gd name="T78" fmla="*/ 528 w 714"/>
                  <a:gd name="T79" fmla="*/ 180 h 684"/>
                  <a:gd name="T80" fmla="*/ 558 w 714"/>
                  <a:gd name="T81" fmla="*/ 192 h 684"/>
                  <a:gd name="T82" fmla="*/ 654 w 714"/>
                  <a:gd name="T83" fmla="*/ 192 h 684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714"/>
                  <a:gd name="T127" fmla="*/ 0 h 684"/>
                  <a:gd name="T128" fmla="*/ 714 w 714"/>
                  <a:gd name="T129" fmla="*/ 684 h 684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714" h="684">
                    <a:moveTo>
                      <a:pt x="654" y="192"/>
                    </a:moveTo>
                    <a:lnTo>
                      <a:pt x="678" y="198"/>
                    </a:lnTo>
                    <a:lnTo>
                      <a:pt x="678" y="234"/>
                    </a:lnTo>
                    <a:lnTo>
                      <a:pt x="684" y="300"/>
                    </a:lnTo>
                    <a:lnTo>
                      <a:pt x="714" y="360"/>
                    </a:lnTo>
                    <a:lnTo>
                      <a:pt x="702" y="390"/>
                    </a:lnTo>
                    <a:lnTo>
                      <a:pt x="702" y="426"/>
                    </a:lnTo>
                    <a:lnTo>
                      <a:pt x="690" y="438"/>
                    </a:lnTo>
                    <a:lnTo>
                      <a:pt x="696" y="444"/>
                    </a:lnTo>
                    <a:lnTo>
                      <a:pt x="642" y="468"/>
                    </a:lnTo>
                    <a:lnTo>
                      <a:pt x="660" y="456"/>
                    </a:lnTo>
                    <a:lnTo>
                      <a:pt x="642" y="456"/>
                    </a:lnTo>
                    <a:lnTo>
                      <a:pt x="648" y="438"/>
                    </a:lnTo>
                    <a:lnTo>
                      <a:pt x="636" y="450"/>
                    </a:lnTo>
                    <a:lnTo>
                      <a:pt x="630" y="444"/>
                    </a:lnTo>
                    <a:lnTo>
                      <a:pt x="636" y="468"/>
                    </a:lnTo>
                    <a:lnTo>
                      <a:pt x="624" y="480"/>
                    </a:lnTo>
                    <a:lnTo>
                      <a:pt x="618" y="492"/>
                    </a:lnTo>
                    <a:lnTo>
                      <a:pt x="552" y="528"/>
                    </a:lnTo>
                    <a:lnTo>
                      <a:pt x="588" y="504"/>
                    </a:lnTo>
                    <a:lnTo>
                      <a:pt x="564" y="516"/>
                    </a:lnTo>
                    <a:lnTo>
                      <a:pt x="564" y="510"/>
                    </a:lnTo>
                    <a:lnTo>
                      <a:pt x="558" y="516"/>
                    </a:lnTo>
                    <a:lnTo>
                      <a:pt x="552" y="510"/>
                    </a:lnTo>
                    <a:lnTo>
                      <a:pt x="546" y="516"/>
                    </a:lnTo>
                    <a:lnTo>
                      <a:pt x="540" y="510"/>
                    </a:lnTo>
                    <a:lnTo>
                      <a:pt x="540" y="522"/>
                    </a:lnTo>
                    <a:lnTo>
                      <a:pt x="552" y="528"/>
                    </a:lnTo>
                    <a:lnTo>
                      <a:pt x="534" y="534"/>
                    </a:lnTo>
                    <a:lnTo>
                      <a:pt x="528" y="522"/>
                    </a:lnTo>
                    <a:lnTo>
                      <a:pt x="528" y="540"/>
                    </a:lnTo>
                    <a:lnTo>
                      <a:pt x="522" y="546"/>
                    </a:lnTo>
                    <a:lnTo>
                      <a:pt x="522" y="540"/>
                    </a:lnTo>
                    <a:lnTo>
                      <a:pt x="504" y="552"/>
                    </a:lnTo>
                    <a:lnTo>
                      <a:pt x="510" y="564"/>
                    </a:lnTo>
                    <a:lnTo>
                      <a:pt x="486" y="564"/>
                    </a:lnTo>
                    <a:lnTo>
                      <a:pt x="498" y="564"/>
                    </a:lnTo>
                    <a:lnTo>
                      <a:pt x="498" y="576"/>
                    </a:lnTo>
                    <a:lnTo>
                      <a:pt x="504" y="576"/>
                    </a:lnTo>
                    <a:lnTo>
                      <a:pt x="492" y="600"/>
                    </a:lnTo>
                    <a:lnTo>
                      <a:pt x="486" y="600"/>
                    </a:lnTo>
                    <a:lnTo>
                      <a:pt x="486" y="594"/>
                    </a:lnTo>
                    <a:lnTo>
                      <a:pt x="480" y="600"/>
                    </a:lnTo>
                    <a:lnTo>
                      <a:pt x="474" y="588"/>
                    </a:lnTo>
                    <a:lnTo>
                      <a:pt x="474" y="600"/>
                    </a:lnTo>
                    <a:lnTo>
                      <a:pt x="492" y="600"/>
                    </a:lnTo>
                    <a:lnTo>
                      <a:pt x="486" y="630"/>
                    </a:lnTo>
                    <a:lnTo>
                      <a:pt x="510" y="684"/>
                    </a:lnTo>
                    <a:lnTo>
                      <a:pt x="450" y="678"/>
                    </a:lnTo>
                    <a:lnTo>
                      <a:pt x="396" y="654"/>
                    </a:lnTo>
                    <a:lnTo>
                      <a:pt x="378" y="612"/>
                    </a:lnTo>
                    <a:lnTo>
                      <a:pt x="372" y="576"/>
                    </a:lnTo>
                    <a:lnTo>
                      <a:pt x="336" y="534"/>
                    </a:lnTo>
                    <a:lnTo>
                      <a:pt x="306" y="468"/>
                    </a:lnTo>
                    <a:lnTo>
                      <a:pt x="276" y="438"/>
                    </a:lnTo>
                    <a:lnTo>
                      <a:pt x="222" y="426"/>
                    </a:lnTo>
                    <a:lnTo>
                      <a:pt x="204" y="432"/>
                    </a:lnTo>
                    <a:lnTo>
                      <a:pt x="192" y="462"/>
                    </a:lnTo>
                    <a:lnTo>
                      <a:pt x="174" y="480"/>
                    </a:lnTo>
                    <a:lnTo>
                      <a:pt x="162" y="474"/>
                    </a:lnTo>
                    <a:lnTo>
                      <a:pt x="102" y="432"/>
                    </a:lnTo>
                    <a:lnTo>
                      <a:pt x="84" y="372"/>
                    </a:lnTo>
                    <a:lnTo>
                      <a:pt x="6" y="282"/>
                    </a:lnTo>
                    <a:lnTo>
                      <a:pt x="0" y="270"/>
                    </a:lnTo>
                    <a:lnTo>
                      <a:pt x="192" y="288"/>
                    </a:lnTo>
                    <a:lnTo>
                      <a:pt x="216" y="0"/>
                    </a:lnTo>
                    <a:lnTo>
                      <a:pt x="372" y="6"/>
                    </a:lnTo>
                    <a:lnTo>
                      <a:pt x="366" y="132"/>
                    </a:lnTo>
                    <a:lnTo>
                      <a:pt x="384" y="144"/>
                    </a:lnTo>
                    <a:lnTo>
                      <a:pt x="402" y="138"/>
                    </a:lnTo>
                    <a:lnTo>
                      <a:pt x="408" y="156"/>
                    </a:lnTo>
                    <a:lnTo>
                      <a:pt x="444" y="168"/>
                    </a:lnTo>
                    <a:lnTo>
                      <a:pt x="462" y="162"/>
                    </a:lnTo>
                    <a:lnTo>
                      <a:pt x="474" y="180"/>
                    </a:lnTo>
                    <a:lnTo>
                      <a:pt x="486" y="174"/>
                    </a:lnTo>
                    <a:lnTo>
                      <a:pt x="504" y="186"/>
                    </a:lnTo>
                    <a:lnTo>
                      <a:pt x="510" y="180"/>
                    </a:lnTo>
                    <a:lnTo>
                      <a:pt x="516" y="192"/>
                    </a:lnTo>
                    <a:lnTo>
                      <a:pt x="528" y="174"/>
                    </a:lnTo>
                    <a:lnTo>
                      <a:pt x="528" y="180"/>
                    </a:lnTo>
                    <a:lnTo>
                      <a:pt x="540" y="180"/>
                    </a:lnTo>
                    <a:lnTo>
                      <a:pt x="558" y="192"/>
                    </a:lnTo>
                    <a:lnTo>
                      <a:pt x="618" y="174"/>
                    </a:lnTo>
                    <a:lnTo>
                      <a:pt x="654" y="192"/>
                    </a:lnTo>
                    <a:lnTo>
                      <a:pt x="654" y="19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85" name="Freeform 362"/>
              <p:cNvSpPr>
                <a:spLocks noChangeAspect="1"/>
              </p:cNvSpPr>
              <p:nvPr/>
            </p:nvSpPr>
            <p:spPr bwMode="auto">
              <a:xfrm>
                <a:off x="528" y="1980"/>
                <a:ext cx="288" cy="360"/>
              </a:xfrm>
              <a:custGeom>
                <a:avLst/>
                <a:gdLst>
                  <a:gd name="T0" fmla="*/ 252 w 288"/>
                  <a:gd name="T1" fmla="*/ 360 h 360"/>
                  <a:gd name="T2" fmla="*/ 0 w 288"/>
                  <a:gd name="T3" fmla="*/ 318 h 360"/>
                  <a:gd name="T4" fmla="*/ 60 w 288"/>
                  <a:gd name="T5" fmla="*/ 0 h 360"/>
                  <a:gd name="T6" fmla="*/ 108 w 288"/>
                  <a:gd name="T7" fmla="*/ 12 h 360"/>
                  <a:gd name="T8" fmla="*/ 204 w 288"/>
                  <a:gd name="T9" fmla="*/ 30 h 360"/>
                  <a:gd name="T10" fmla="*/ 192 w 288"/>
                  <a:gd name="T11" fmla="*/ 90 h 360"/>
                  <a:gd name="T12" fmla="*/ 288 w 288"/>
                  <a:gd name="T13" fmla="*/ 108 h 360"/>
                  <a:gd name="T14" fmla="*/ 258 w 288"/>
                  <a:gd name="T15" fmla="*/ 318 h 360"/>
                  <a:gd name="T16" fmla="*/ 252 w 288"/>
                  <a:gd name="T17" fmla="*/ 360 h 360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288"/>
                  <a:gd name="T28" fmla="*/ 0 h 360"/>
                  <a:gd name="T29" fmla="*/ 288 w 288"/>
                  <a:gd name="T30" fmla="*/ 360 h 360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288" h="360">
                    <a:moveTo>
                      <a:pt x="252" y="360"/>
                    </a:moveTo>
                    <a:lnTo>
                      <a:pt x="0" y="318"/>
                    </a:lnTo>
                    <a:lnTo>
                      <a:pt x="60" y="0"/>
                    </a:lnTo>
                    <a:lnTo>
                      <a:pt x="108" y="12"/>
                    </a:lnTo>
                    <a:lnTo>
                      <a:pt x="204" y="30"/>
                    </a:lnTo>
                    <a:lnTo>
                      <a:pt x="192" y="90"/>
                    </a:lnTo>
                    <a:lnTo>
                      <a:pt x="288" y="108"/>
                    </a:lnTo>
                    <a:lnTo>
                      <a:pt x="258" y="318"/>
                    </a:lnTo>
                    <a:lnTo>
                      <a:pt x="252" y="36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86" name="Freeform 363"/>
              <p:cNvSpPr>
                <a:spLocks noChangeAspect="1"/>
              </p:cNvSpPr>
              <p:nvPr/>
            </p:nvSpPr>
            <p:spPr bwMode="auto">
              <a:xfrm>
                <a:off x="528" y="1980"/>
                <a:ext cx="288" cy="366"/>
              </a:xfrm>
              <a:custGeom>
                <a:avLst/>
                <a:gdLst>
                  <a:gd name="T0" fmla="*/ 252 w 288"/>
                  <a:gd name="T1" fmla="*/ 360 h 366"/>
                  <a:gd name="T2" fmla="*/ 0 w 288"/>
                  <a:gd name="T3" fmla="*/ 318 h 366"/>
                  <a:gd name="T4" fmla="*/ 60 w 288"/>
                  <a:gd name="T5" fmla="*/ 0 h 366"/>
                  <a:gd name="T6" fmla="*/ 108 w 288"/>
                  <a:gd name="T7" fmla="*/ 12 h 366"/>
                  <a:gd name="T8" fmla="*/ 204 w 288"/>
                  <a:gd name="T9" fmla="*/ 30 h 366"/>
                  <a:gd name="T10" fmla="*/ 192 w 288"/>
                  <a:gd name="T11" fmla="*/ 90 h 366"/>
                  <a:gd name="T12" fmla="*/ 288 w 288"/>
                  <a:gd name="T13" fmla="*/ 108 h 366"/>
                  <a:gd name="T14" fmla="*/ 258 w 288"/>
                  <a:gd name="T15" fmla="*/ 318 h 366"/>
                  <a:gd name="T16" fmla="*/ 252 w 288"/>
                  <a:gd name="T17" fmla="*/ 360 h 366"/>
                  <a:gd name="T18" fmla="*/ 252 w 288"/>
                  <a:gd name="T19" fmla="*/ 366 h 36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288"/>
                  <a:gd name="T31" fmla="*/ 0 h 366"/>
                  <a:gd name="T32" fmla="*/ 288 w 288"/>
                  <a:gd name="T33" fmla="*/ 366 h 366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288" h="366">
                    <a:moveTo>
                      <a:pt x="252" y="360"/>
                    </a:moveTo>
                    <a:lnTo>
                      <a:pt x="0" y="318"/>
                    </a:lnTo>
                    <a:lnTo>
                      <a:pt x="60" y="0"/>
                    </a:lnTo>
                    <a:lnTo>
                      <a:pt x="108" y="12"/>
                    </a:lnTo>
                    <a:lnTo>
                      <a:pt x="204" y="30"/>
                    </a:lnTo>
                    <a:lnTo>
                      <a:pt x="192" y="90"/>
                    </a:lnTo>
                    <a:lnTo>
                      <a:pt x="288" y="108"/>
                    </a:lnTo>
                    <a:lnTo>
                      <a:pt x="258" y="318"/>
                    </a:lnTo>
                    <a:lnTo>
                      <a:pt x="252" y="360"/>
                    </a:lnTo>
                    <a:lnTo>
                      <a:pt x="252" y="3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87" name="Freeform 364"/>
              <p:cNvSpPr>
                <a:spLocks noChangeAspect="1"/>
              </p:cNvSpPr>
              <p:nvPr/>
            </p:nvSpPr>
            <p:spPr bwMode="auto">
              <a:xfrm>
                <a:off x="2460" y="1734"/>
                <a:ext cx="84" cy="156"/>
              </a:xfrm>
              <a:custGeom>
                <a:avLst/>
                <a:gdLst>
                  <a:gd name="T0" fmla="*/ 72 w 84"/>
                  <a:gd name="T1" fmla="*/ 150 h 156"/>
                  <a:gd name="T2" fmla="*/ 54 w 84"/>
                  <a:gd name="T3" fmla="*/ 156 h 156"/>
                  <a:gd name="T4" fmla="*/ 36 w 84"/>
                  <a:gd name="T5" fmla="*/ 156 h 156"/>
                  <a:gd name="T6" fmla="*/ 24 w 84"/>
                  <a:gd name="T7" fmla="*/ 108 h 156"/>
                  <a:gd name="T8" fmla="*/ 18 w 84"/>
                  <a:gd name="T9" fmla="*/ 108 h 156"/>
                  <a:gd name="T10" fmla="*/ 12 w 84"/>
                  <a:gd name="T11" fmla="*/ 78 h 156"/>
                  <a:gd name="T12" fmla="*/ 0 w 84"/>
                  <a:gd name="T13" fmla="*/ 18 h 156"/>
                  <a:gd name="T14" fmla="*/ 84 w 84"/>
                  <a:gd name="T15" fmla="*/ 0 h 156"/>
                  <a:gd name="T16" fmla="*/ 84 w 84"/>
                  <a:gd name="T17" fmla="*/ 30 h 156"/>
                  <a:gd name="T18" fmla="*/ 72 w 84"/>
                  <a:gd name="T19" fmla="*/ 48 h 156"/>
                  <a:gd name="T20" fmla="*/ 66 w 84"/>
                  <a:gd name="T21" fmla="*/ 96 h 156"/>
                  <a:gd name="T22" fmla="*/ 72 w 84"/>
                  <a:gd name="T23" fmla="*/ 150 h 15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84"/>
                  <a:gd name="T37" fmla="*/ 0 h 156"/>
                  <a:gd name="T38" fmla="*/ 84 w 84"/>
                  <a:gd name="T39" fmla="*/ 156 h 156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84" h="156">
                    <a:moveTo>
                      <a:pt x="72" y="150"/>
                    </a:moveTo>
                    <a:lnTo>
                      <a:pt x="54" y="156"/>
                    </a:lnTo>
                    <a:lnTo>
                      <a:pt x="36" y="156"/>
                    </a:lnTo>
                    <a:lnTo>
                      <a:pt x="24" y="108"/>
                    </a:lnTo>
                    <a:lnTo>
                      <a:pt x="18" y="108"/>
                    </a:lnTo>
                    <a:lnTo>
                      <a:pt x="12" y="78"/>
                    </a:lnTo>
                    <a:lnTo>
                      <a:pt x="0" y="18"/>
                    </a:lnTo>
                    <a:lnTo>
                      <a:pt x="84" y="0"/>
                    </a:lnTo>
                    <a:lnTo>
                      <a:pt x="84" y="30"/>
                    </a:lnTo>
                    <a:lnTo>
                      <a:pt x="72" y="48"/>
                    </a:lnTo>
                    <a:lnTo>
                      <a:pt x="66" y="96"/>
                    </a:lnTo>
                    <a:lnTo>
                      <a:pt x="72" y="15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88" name="Freeform 365"/>
              <p:cNvSpPr>
                <a:spLocks noChangeAspect="1"/>
              </p:cNvSpPr>
              <p:nvPr/>
            </p:nvSpPr>
            <p:spPr bwMode="auto">
              <a:xfrm>
                <a:off x="2460" y="1734"/>
                <a:ext cx="84" cy="156"/>
              </a:xfrm>
              <a:custGeom>
                <a:avLst/>
                <a:gdLst>
                  <a:gd name="T0" fmla="*/ 72 w 84"/>
                  <a:gd name="T1" fmla="*/ 150 h 156"/>
                  <a:gd name="T2" fmla="*/ 54 w 84"/>
                  <a:gd name="T3" fmla="*/ 156 h 156"/>
                  <a:gd name="T4" fmla="*/ 36 w 84"/>
                  <a:gd name="T5" fmla="*/ 156 h 156"/>
                  <a:gd name="T6" fmla="*/ 24 w 84"/>
                  <a:gd name="T7" fmla="*/ 108 h 156"/>
                  <a:gd name="T8" fmla="*/ 18 w 84"/>
                  <a:gd name="T9" fmla="*/ 108 h 156"/>
                  <a:gd name="T10" fmla="*/ 12 w 84"/>
                  <a:gd name="T11" fmla="*/ 78 h 156"/>
                  <a:gd name="T12" fmla="*/ 0 w 84"/>
                  <a:gd name="T13" fmla="*/ 18 h 156"/>
                  <a:gd name="T14" fmla="*/ 84 w 84"/>
                  <a:gd name="T15" fmla="*/ 0 h 156"/>
                  <a:gd name="T16" fmla="*/ 84 w 84"/>
                  <a:gd name="T17" fmla="*/ 30 h 156"/>
                  <a:gd name="T18" fmla="*/ 72 w 84"/>
                  <a:gd name="T19" fmla="*/ 48 h 156"/>
                  <a:gd name="T20" fmla="*/ 66 w 84"/>
                  <a:gd name="T21" fmla="*/ 96 h 156"/>
                  <a:gd name="T22" fmla="*/ 72 w 84"/>
                  <a:gd name="T23" fmla="*/ 150 h 156"/>
                  <a:gd name="T24" fmla="*/ 72 w 84"/>
                  <a:gd name="T25" fmla="*/ 156 h 15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84"/>
                  <a:gd name="T40" fmla="*/ 0 h 156"/>
                  <a:gd name="T41" fmla="*/ 84 w 84"/>
                  <a:gd name="T42" fmla="*/ 156 h 156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84" h="156">
                    <a:moveTo>
                      <a:pt x="72" y="150"/>
                    </a:moveTo>
                    <a:lnTo>
                      <a:pt x="54" y="156"/>
                    </a:lnTo>
                    <a:lnTo>
                      <a:pt x="36" y="156"/>
                    </a:lnTo>
                    <a:lnTo>
                      <a:pt x="24" y="108"/>
                    </a:lnTo>
                    <a:lnTo>
                      <a:pt x="18" y="108"/>
                    </a:lnTo>
                    <a:lnTo>
                      <a:pt x="12" y="78"/>
                    </a:lnTo>
                    <a:lnTo>
                      <a:pt x="0" y="18"/>
                    </a:lnTo>
                    <a:lnTo>
                      <a:pt x="84" y="0"/>
                    </a:lnTo>
                    <a:lnTo>
                      <a:pt x="84" y="30"/>
                    </a:lnTo>
                    <a:lnTo>
                      <a:pt x="72" y="48"/>
                    </a:lnTo>
                    <a:lnTo>
                      <a:pt x="66" y="96"/>
                    </a:lnTo>
                    <a:lnTo>
                      <a:pt x="72" y="150"/>
                    </a:lnTo>
                    <a:lnTo>
                      <a:pt x="72" y="15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89" name="Freeform 366"/>
              <p:cNvSpPr>
                <a:spLocks noChangeAspect="1"/>
              </p:cNvSpPr>
              <p:nvPr/>
            </p:nvSpPr>
            <p:spPr bwMode="auto">
              <a:xfrm>
                <a:off x="2472" y="2208"/>
                <a:ext cx="0" cy="12"/>
              </a:xfrm>
              <a:custGeom>
                <a:avLst/>
                <a:gdLst>
                  <a:gd name="T0" fmla="*/ 0 h 12"/>
                  <a:gd name="T1" fmla="*/ 12 h 12"/>
                  <a:gd name="T2" fmla="*/ 0 h 12"/>
                  <a:gd name="T3" fmla="*/ 6 h 12"/>
                  <a:gd name="T4" fmla="*/ 0 60000 65536"/>
                  <a:gd name="T5" fmla="*/ 0 60000 65536"/>
                  <a:gd name="T6" fmla="*/ 0 60000 65536"/>
                  <a:gd name="T7" fmla="*/ 0 60000 65536"/>
                  <a:gd name="T8" fmla="*/ 0 h 12"/>
                  <a:gd name="T9" fmla="*/ 12 h 12"/>
                </a:gdLst>
                <a:ahLst/>
                <a:cxnLst>
                  <a:cxn ang="T4">
                    <a:pos x="0" y="T0"/>
                  </a:cxn>
                  <a:cxn ang="T5">
                    <a:pos x="0" y="T1"/>
                  </a:cxn>
                  <a:cxn ang="T6">
                    <a:pos x="0" y="T2"/>
                  </a:cxn>
                  <a:cxn ang="T7">
                    <a:pos x="0" y="T3"/>
                  </a:cxn>
                </a:cxnLst>
                <a:rect l="0" t="T8" r="0" b="T9"/>
                <a:pathLst>
                  <a:path h="12">
                    <a:moveTo>
                      <a:pt x="0" y="0"/>
                    </a:moveTo>
                    <a:lnTo>
                      <a:pt x="0" y="12"/>
                    </a:lnTo>
                    <a:lnTo>
                      <a:pt x="0" y="0"/>
                    </a:lnTo>
                    <a:lnTo>
                      <a:pt x="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90" name="Freeform 367"/>
              <p:cNvSpPr>
                <a:spLocks noChangeAspect="1"/>
              </p:cNvSpPr>
              <p:nvPr/>
            </p:nvSpPr>
            <p:spPr bwMode="auto">
              <a:xfrm>
                <a:off x="2448" y="2208"/>
                <a:ext cx="18" cy="66"/>
              </a:xfrm>
              <a:custGeom>
                <a:avLst/>
                <a:gdLst>
                  <a:gd name="T0" fmla="*/ 18 w 18"/>
                  <a:gd name="T1" fmla="*/ 0 h 66"/>
                  <a:gd name="T2" fmla="*/ 6 w 18"/>
                  <a:gd name="T3" fmla="*/ 66 h 66"/>
                  <a:gd name="T4" fmla="*/ 0 w 18"/>
                  <a:gd name="T5" fmla="*/ 48 h 66"/>
                  <a:gd name="T6" fmla="*/ 6 w 18"/>
                  <a:gd name="T7" fmla="*/ 6 h 66"/>
                  <a:gd name="T8" fmla="*/ 18 w 18"/>
                  <a:gd name="T9" fmla="*/ 0 h 66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8"/>
                  <a:gd name="T16" fmla="*/ 0 h 66"/>
                  <a:gd name="T17" fmla="*/ 18 w 18"/>
                  <a:gd name="T18" fmla="*/ 66 h 66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8" h="66">
                    <a:moveTo>
                      <a:pt x="18" y="0"/>
                    </a:moveTo>
                    <a:lnTo>
                      <a:pt x="6" y="66"/>
                    </a:lnTo>
                    <a:lnTo>
                      <a:pt x="0" y="48"/>
                    </a:lnTo>
                    <a:lnTo>
                      <a:pt x="6" y="6"/>
                    </a:lnTo>
                    <a:lnTo>
                      <a:pt x="18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91" name="Freeform 368"/>
              <p:cNvSpPr>
                <a:spLocks noChangeAspect="1"/>
              </p:cNvSpPr>
              <p:nvPr/>
            </p:nvSpPr>
            <p:spPr bwMode="auto">
              <a:xfrm>
                <a:off x="2448" y="2208"/>
                <a:ext cx="18" cy="66"/>
              </a:xfrm>
              <a:custGeom>
                <a:avLst/>
                <a:gdLst>
                  <a:gd name="T0" fmla="*/ 18 w 18"/>
                  <a:gd name="T1" fmla="*/ 0 h 66"/>
                  <a:gd name="T2" fmla="*/ 6 w 18"/>
                  <a:gd name="T3" fmla="*/ 66 h 66"/>
                  <a:gd name="T4" fmla="*/ 0 w 18"/>
                  <a:gd name="T5" fmla="*/ 48 h 66"/>
                  <a:gd name="T6" fmla="*/ 6 w 18"/>
                  <a:gd name="T7" fmla="*/ 6 h 66"/>
                  <a:gd name="T8" fmla="*/ 18 w 18"/>
                  <a:gd name="T9" fmla="*/ 0 h 66"/>
                  <a:gd name="T10" fmla="*/ 18 w 18"/>
                  <a:gd name="T11" fmla="*/ 6 h 66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8"/>
                  <a:gd name="T19" fmla="*/ 0 h 66"/>
                  <a:gd name="T20" fmla="*/ 18 w 18"/>
                  <a:gd name="T21" fmla="*/ 66 h 66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8" h="66">
                    <a:moveTo>
                      <a:pt x="18" y="0"/>
                    </a:moveTo>
                    <a:lnTo>
                      <a:pt x="6" y="66"/>
                    </a:lnTo>
                    <a:lnTo>
                      <a:pt x="0" y="48"/>
                    </a:lnTo>
                    <a:lnTo>
                      <a:pt x="6" y="6"/>
                    </a:lnTo>
                    <a:lnTo>
                      <a:pt x="18" y="0"/>
                    </a:lnTo>
                    <a:lnTo>
                      <a:pt x="18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92" name="Freeform 369"/>
              <p:cNvSpPr>
                <a:spLocks noChangeAspect="1"/>
              </p:cNvSpPr>
              <p:nvPr/>
            </p:nvSpPr>
            <p:spPr bwMode="auto">
              <a:xfrm>
                <a:off x="2070" y="2148"/>
                <a:ext cx="390" cy="222"/>
              </a:xfrm>
              <a:custGeom>
                <a:avLst/>
                <a:gdLst>
                  <a:gd name="T0" fmla="*/ 390 w 390"/>
                  <a:gd name="T1" fmla="*/ 162 h 222"/>
                  <a:gd name="T2" fmla="*/ 384 w 390"/>
                  <a:gd name="T3" fmla="*/ 156 h 222"/>
                  <a:gd name="T4" fmla="*/ 390 w 390"/>
                  <a:gd name="T5" fmla="*/ 162 h 222"/>
                  <a:gd name="T6" fmla="*/ 384 w 390"/>
                  <a:gd name="T7" fmla="*/ 162 h 222"/>
                  <a:gd name="T8" fmla="*/ 102 w 390"/>
                  <a:gd name="T9" fmla="*/ 210 h 222"/>
                  <a:gd name="T10" fmla="*/ 0 w 390"/>
                  <a:gd name="T11" fmla="*/ 222 h 222"/>
                  <a:gd name="T12" fmla="*/ 24 w 390"/>
                  <a:gd name="T13" fmla="*/ 210 h 222"/>
                  <a:gd name="T14" fmla="*/ 78 w 390"/>
                  <a:gd name="T15" fmla="*/ 150 h 222"/>
                  <a:gd name="T16" fmla="*/ 84 w 390"/>
                  <a:gd name="T17" fmla="*/ 168 h 222"/>
                  <a:gd name="T18" fmla="*/ 96 w 390"/>
                  <a:gd name="T19" fmla="*/ 174 h 222"/>
                  <a:gd name="T20" fmla="*/ 156 w 390"/>
                  <a:gd name="T21" fmla="*/ 150 h 222"/>
                  <a:gd name="T22" fmla="*/ 162 w 390"/>
                  <a:gd name="T23" fmla="*/ 132 h 222"/>
                  <a:gd name="T24" fmla="*/ 156 w 390"/>
                  <a:gd name="T25" fmla="*/ 132 h 222"/>
                  <a:gd name="T26" fmla="*/ 180 w 390"/>
                  <a:gd name="T27" fmla="*/ 66 h 222"/>
                  <a:gd name="T28" fmla="*/ 198 w 390"/>
                  <a:gd name="T29" fmla="*/ 72 h 222"/>
                  <a:gd name="T30" fmla="*/ 204 w 390"/>
                  <a:gd name="T31" fmla="*/ 48 h 222"/>
                  <a:gd name="T32" fmla="*/ 216 w 390"/>
                  <a:gd name="T33" fmla="*/ 48 h 222"/>
                  <a:gd name="T34" fmla="*/ 234 w 390"/>
                  <a:gd name="T35" fmla="*/ 18 h 222"/>
                  <a:gd name="T36" fmla="*/ 234 w 390"/>
                  <a:gd name="T37" fmla="*/ 0 h 222"/>
                  <a:gd name="T38" fmla="*/ 264 w 390"/>
                  <a:gd name="T39" fmla="*/ 18 h 222"/>
                  <a:gd name="T40" fmla="*/ 264 w 390"/>
                  <a:gd name="T41" fmla="*/ 6 h 222"/>
                  <a:gd name="T42" fmla="*/ 300 w 390"/>
                  <a:gd name="T43" fmla="*/ 24 h 222"/>
                  <a:gd name="T44" fmla="*/ 306 w 390"/>
                  <a:gd name="T45" fmla="*/ 30 h 222"/>
                  <a:gd name="T46" fmla="*/ 294 w 390"/>
                  <a:gd name="T47" fmla="*/ 54 h 222"/>
                  <a:gd name="T48" fmla="*/ 300 w 390"/>
                  <a:gd name="T49" fmla="*/ 60 h 222"/>
                  <a:gd name="T50" fmla="*/ 306 w 390"/>
                  <a:gd name="T51" fmla="*/ 60 h 222"/>
                  <a:gd name="T52" fmla="*/ 318 w 390"/>
                  <a:gd name="T53" fmla="*/ 66 h 222"/>
                  <a:gd name="T54" fmla="*/ 354 w 390"/>
                  <a:gd name="T55" fmla="*/ 78 h 222"/>
                  <a:gd name="T56" fmla="*/ 354 w 390"/>
                  <a:gd name="T57" fmla="*/ 96 h 222"/>
                  <a:gd name="T58" fmla="*/ 318 w 390"/>
                  <a:gd name="T59" fmla="*/ 78 h 222"/>
                  <a:gd name="T60" fmla="*/ 342 w 390"/>
                  <a:gd name="T61" fmla="*/ 102 h 222"/>
                  <a:gd name="T62" fmla="*/ 360 w 390"/>
                  <a:gd name="T63" fmla="*/ 102 h 222"/>
                  <a:gd name="T64" fmla="*/ 348 w 390"/>
                  <a:gd name="T65" fmla="*/ 108 h 222"/>
                  <a:gd name="T66" fmla="*/ 360 w 390"/>
                  <a:gd name="T67" fmla="*/ 108 h 222"/>
                  <a:gd name="T68" fmla="*/ 360 w 390"/>
                  <a:gd name="T69" fmla="*/ 114 h 222"/>
                  <a:gd name="T70" fmla="*/ 354 w 390"/>
                  <a:gd name="T71" fmla="*/ 114 h 222"/>
                  <a:gd name="T72" fmla="*/ 354 w 390"/>
                  <a:gd name="T73" fmla="*/ 120 h 222"/>
                  <a:gd name="T74" fmla="*/ 330 w 390"/>
                  <a:gd name="T75" fmla="*/ 108 h 222"/>
                  <a:gd name="T76" fmla="*/ 366 w 390"/>
                  <a:gd name="T77" fmla="*/ 138 h 222"/>
                  <a:gd name="T78" fmla="*/ 360 w 390"/>
                  <a:gd name="T79" fmla="*/ 138 h 222"/>
                  <a:gd name="T80" fmla="*/ 330 w 390"/>
                  <a:gd name="T81" fmla="*/ 120 h 222"/>
                  <a:gd name="T82" fmla="*/ 330 w 390"/>
                  <a:gd name="T83" fmla="*/ 126 h 222"/>
                  <a:gd name="T84" fmla="*/ 342 w 390"/>
                  <a:gd name="T85" fmla="*/ 132 h 222"/>
                  <a:gd name="T86" fmla="*/ 360 w 390"/>
                  <a:gd name="T87" fmla="*/ 144 h 222"/>
                  <a:gd name="T88" fmla="*/ 384 w 390"/>
                  <a:gd name="T89" fmla="*/ 138 h 222"/>
                  <a:gd name="T90" fmla="*/ 390 w 390"/>
                  <a:gd name="T91" fmla="*/ 162 h 222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w 390"/>
                  <a:gd name="T139" fmla="*/ 0 h 222"/>
                  <a:gd name="T140" fmla="*/ 390 w 390"/>
                  <a:gd name="T141" fmla="*/ 222 h 222"/>
                </a:gdLst>
                <a:ahLst/>
                <a:cxnLst>
                  <a:cxn ang="T92">
                    <a:pos x="T0" y="T1"/>
                  </a:cxn>
                  <a:cxn ang="T93">
                    <a:pos x="T2" y="T3"/>
                  </a:cxn>
                  <a:cxn ang="T94">
                    <a:pos x="T4" y="T5"/>
                  </a:cxn>
                  <a:cxn ang="T95">
                    <a:pos x="T6" y="T7"/>
                  </a:cxn>
                  <a:cxn ang="T96">
                    <a:pos x="T8" y="T9"/>
                  </a:cxn>
                  <a:cxn ang="T97">
                    <a:pos x="T10" y="T11"/>
                  </a:cxn>
                  <a:cxn ang="T98">
                    <a:pos x="T12" y="T13"/>
                  </a:cxn>
                  <a:cxn ang="T99">
                    <a:pos x="T14" y="T15"/>
                  </a:cxn>
                  <a:cxn ang="T100">
                    <a:pos x="T16" y="T17"/>
                  </a:cxn>
                  <a:cxn ang="T101">
                    <a:pos x="T18" y="T19"/>
                  </a:cxn>
                  <a:cxn ang="T102">
                    <a:pos x="T20" y="T21"/>
                  </a:cxn>
                  <a:cxn ang="T103">
                    <a:pos x="T22" y="T23"/>
                  </a:cxn>
                  <a:cxn ang="T104">
                    <a:pos x="T24" y="T25"/>
                  </a:cxn>
                  <a:cxn ang="T105">
                    <a:pos x="T26" y="T27"/>
                  </a:cxn>
                  <a:cxn ang="T106">
                    <a:pos x="T28" y="T29"/>
                  </a:cxn>
                  <a:cxn ang="T107">
                    <a:pos x="T30" y="T31"/>
                  </a:cxn>
                  <a:cxn ang="T108">
                    <a:pos x="T32" y="T33"/>
                  </a:cxn>
                  <a:cxn ang="T109">
                    <a:pos x="T34" y="T35"/>
                  </a:cxn>
                  <a:cxn ang="T110">
                    <a:pos x="T36" y="T37"/>
                  </a:cxn>
                  <a:cxn ang="T111">
                    <a:pos x="T38" y="T39"/>
                  </a:cxn>
                  <a:cxn ang="T112">
                    <a:pos x="T40" y="T41"/>
                  </a:cxn>
                  <a:cxn ang="T113">
                    <a:pos x="T42" y="T43"/>
                  </a:cxn>
                  <a:cxn ang="T114">
                    <a:pos x="T44" y="T45"/>
                  </a:cxn>
                  <a:cxn ang="T115">
                    <a:pos x="T46" y="T47"/>
                  </a:cxn>
                  <a:cxn ang="T116">
                    <a:pos x="T48" y="T49"/>
                  </a:cxn>
                  <a:cxn ang="T117">
                    <a:pos x="T50" y="T51"/>
                  </a:cxn>
                  <a:cxn ang="T118">
                    <a:pos x="T52" y="T53"/>
                  </a:cxn>
                  <a:cxn ang="T119">
                    <a:pos x="T54" y="T55"/>
                  </a:cxn>
                  <a:cxn ang="T120">
                    <a:pos x="T56" y="T57"/>
                  </a:cxn>
                  <a:cxn ang="T121">
                    <a:pos x="T58" y="T59"/>
                  </a:cxn>
                  <a:cxn ang="T122">
                    <a:pos x="T60" y="T61"/>
                  </a:cxn>
                  <a:cxn ang="T123">
                    <a:pos x="T62" y="T63"/>
                  </a:cxn>
                  <a:cxn ang="T124">
                    <a:pos x="T64" y="T65"/>
                  </a:cxn>
                  <a:cxn ang="T125">
                    <a:pos x="T66" y="T67"/>
                  </a:cxn>
                  <a:cxn ang="T126">
                    <a:pos x="T68" y="T69"/>
                  </a:cxn>
                  <a:cxn ang="T127">
                    <a:pos x="T70" y="T71"/>
                  </a:cxn>
                  <a:cxn ang="T128">
                    <a:pos x="T72" y="T73"/>
                  </a:cxn>
                  <a:cxn ang="T129">
                    <a:pos x="T74" y="T75"/>
                  </a:cxn>
                  <a:cxn ang="T130">
                    <a:pos x="T76" y="T77"/>
                  </a:cxn>
                  <a:cxn ang="T131">
                    <a:pos x="T78" y="T79"/>
                  </a:cxn>
                  <a:cxn ang="T132">
                    <a:pos x="T80" y="T81"/>
                  </a:cxn>
                  <a:cxn ang="T133">
                    <a:pos x="T82" y="T83"/>
                  </a:cxn>
                  <a:cxn ang="T134">
                    <a:pos x="T84" y="T85"/>
                  </a:cxn>
                  <a:cxn ang="T135">
                    <a:pos x="T86" y="T87"/>
                  </a:cxn>
                  <a:cxn ang="T136">
                    <a:pos x="T88" y="T89"/>
                  </a:cxn>
                  <a:cxn ang="T137">
                    <a:pos x="T90" y="T91"/>
                  </a:cxn>
                </a:cxnLst>
                <a:rect l="T138" t="T139" r="T140" b="T141"/>
                <a:pathLst>
                  <a:path w="390" h="222">
                    <a:moveTo>
                      <a:pt x="390" y="162"/>
                    </a:moveTo>
                    <a:lnTo>
                      <a:pt x="384" y="156"/>
                    </a:lnTo>
                    <a:lnTo>
                      <a:pt x="390" y="162"/>
                    </a:lnTo>
                    <a:lnTo>
                      <a:pt x="384" y="162"/>
                    </a:lnTo>
                    <a:lnTo>
                      <a:pt x="102" y="210"/>
                    </a:lnTo>
                    <a:lnTo>
                      <a:pt x="0" y="222"/>
                    </a:lnTo>
                    <a:lnTo>
                      <a:pt x="24" y="210"/>
                    </a:lnTo>
                    <a:lnTo>
                      <a:pt x="78" y="150"/>
                    </a:lnTo>
                    <a:lnTo>
                      <a:pt x="84" y="168"/>
                    </a:lnTo>
                    <a:lnTo>
                      <a:pt x="96" y="174"/>
                    </a:lnTo>
                    <a:lnTo>
                      <a:pt x="156" y="150"/>
                    </a:lnTo>
                    <a:lnTo>
                      <a:pt x="162" y="132"/>
                    </a:lnTo>
                    <a:lnTo>
                      <a:pt x="156" y="132"/>
                    </a:lnTo>
                    <a:lnTo>
                      <a:pt x="180" y="66"/>
                    </a:lnTo>
                    <a:lnTo>
                      <a:pt x="198" y="72"/>
                    </a:lnTo>
                    <a:lnTo>
                      <a:pt x="204" y="48"/>
                    </a:lnTo>
                    <a:lnTo>
                      <a:pt x="216" y="48"/>
                    </a:lnTo>
                    <a:lnTo>
                      <a:pt x="234" y="18"/>
                    </a:lnTo>
                    <a:lnTo>
                      <a:pt x="234" y="0"/>
                    </a:lnTo>
                    <a:lnTo>
                      <a:pt x="264" y="18"/>
                    </a:lnTo>
                    <a:lnTo>
                      <a:pt x="264" y="6"/>
                    </a:lnTo>
                    <a:lnTo>
                      <a:pt x="300" y="24"/>
                    </a:lnTo>
                    <a:lnTo>
                      <a:pt x="306" y="30"/>
                    </a:lnTo>
                    <a:lnTo>
                      <a:pt x="294" y="54"/>
                    </a:lnTo>
                    <a:lnTo>
                      <a:pt x="300" y="60"/>
                    </a:lnTo>
                    <a:lnTo>
                      <a:pt x="306" y="60"/>
                    </a:lnTo>
                    <a:lnTo>
                      <a:pt x="318" y="66"/>
                    </a:lnTo>
                    <a:lnTo>
                      <a:pt x="354" y="78"/>
                    </a:lnTo>
                    <a:lnTo>
                      <a:pt x="354" y="96"/>
                    </a:lnTo>
                    <a:lnTo>
                      <a:pt x="318" y="78"/>
                    </a:lnTo>
                    <a:lnTo>
                      <a:pt x="342" y="102"/>
                    </a:lnTo>
                    <a:lnTo>
                      <a:pt x="360" y="102"/>
                    </a:lnTo>
                    <a:lnTo>
                      <a:pt x="348" y="108"/>
                    </a:lnTo>
                    <a:lnTo>
                      <a:pt x="360" y="108"/>
                    </a:lnTo>
                    <a:lnTo>
                      <a:pt x="360" y="114"/>
                    </a:lnTo>
                    <a:lnTo>
                      <a:pt x="354" y="114"/>
                    </a:lnTo>
                    <a:lnTo>
                      <a:pt x="354" y="120"/>
                    </a:lnTo>
                    <a:lnTo>
                      <a:pt x="330" y="108"/>
                    </a:lnTo>
                    <a:lnTo>
                      <a:pt x="366" y="138"/>
                    </a:lnTo>
                    <a:lnTo>
                      <a:pt x="360" y="138"/>
                    </a:lnTo>
                    <a:lnTo>
                      <a:pt x="330" y="120"/>
                    </a:lnTo>
                    <a:lnTo>
                      <a:pt x="330" y="126"/>
                    </a:lnTo>
                    <a:lnTo>
                      <a:pt x="342" y="132"/>
                    </a:lnTo>
                    <a:lnTo>
                      <a:pt x="360" y="144"/>
                    </a:lnTo>
                    <a:lnTo>
                      <a:pt x="384" y="138"/>
                    </a:lnTo>
                    <a:lnTo>
                      <a:pt x="390" y="16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93" name="Freeform 370"/>
              <p:cNvSpPr>
                <a:spLocks noChangeAspect="1"/>
              </p:cNvSpPr>
              <p:nvPr/>
            </p:nvSpPr>
            <p:spPr bwMode="auto">
              <a:xfrm>
                <a:off x="2070" y="2148"/>
                <a:ext cx="390" cy="222"/>
              </a:xfrm>
              <a:custGeom>
                <a:avLst/>
                <a:gdLst>
                  <a:gd name="T0" fmla="*/ 390 w 390"/>
                  <a:gd name="T1" fmla="*/ 162 h 222"/>
                  <a:gd name="T2" fmla="*/ 384 w 390"/>
                  <a:gd name="T3" fmla="*/ 156 h 222"/>
                  <a:gd name="T4" fmla="*/ 390 w 390"/>
                  <a:gd name="T5" fmla="*/ 162 h 222"/>
                  <a:gd name="T6" fmla="*/ 384 w 390"/>
                  <a:gd name="T7" fmla="*/ 162 h 222"/>
                  <a:gd name="T8" fmla="*/ 102 w 390"/>
                  <a:gd name="T9" fmla="*/ 210 h 222"/>
                  <a:gd name="T10" fmla="*/ 0 w 390"/>
                  <a:gd name="T11" fmla="*/ 222 h 222"/>
                  <a:gd name="T12" fmla="*/ 24 w 390"/>
                  <a:gd name="T13" fmla="*/ 210 h 222"/>
                  <a:gd name="T14" fmla="*/ 78 w 390"/>
                  <a:gd name="T15" fmla="*/ 150 h 222"/>
                  <a:gd name="T16" fmla="*/ 84 w 390"/>
                  <a:gd name="T17" fmla="*/ 168 h 222"/>
                  <a:gd name="T18" fmla="*/ 96 w 390"/>
                  <a:gd name="T19" fmla="*/ 174 h 222"/>
                  <a:gd name="T20" fmla="*/ 156 w 390"/>
                  <a:gd name="T21" fmla="*/ 150 h 222"/>
                  <a:gd name="T22" fmla="*/ 162 w 390"/>
                  <a:gd name="T23" fmla="*/ 132 h 222"/>
                  <a:gd name="T24" fmla="*/ 156 w 390"/>
                  <a:gd name="T25" fmla="*/ 132 h 222"/>
                  <a:gd name="T26" fmla="*/ 180 w 390"/>
                  <a:gd name="T27" fmla="*/ 66 h 222"/>
                  <a:gd name="T28" fmla="*/ 198 w 390"/>
                  <a:gd name="T29" fmla="*/ 72 h 222"/>
                  <a:gd name="T30" fmla="*/ 204 w 390"/>
                  <a:gd name="T31" fmla="*/ 48 h 222"/>
                  <a:gd name="T32" fmla="*/ 216 w 390"/>
                  <a:gd name="T33" fmla="*/ 48 h 222"/>
                  <a:gd name="T34" fmla="*/ 234 w 390"/>
                  <a:gd name="T35" fmla="*/ 18 h 222"/>
                  <a:gd name="T36" fmla="*/ 234 w 390"/>
                  <a:gd name="T37" fmla="*/ 0 h 222"/>
                  <a:gd name="T38" fmla="*/ 264 w 390"/>
                  <a:gd name="T39" fmla="*/ 18 h 222"/>
                  <a:gd name="T40" fmla="*/ 264 w 390"/>
                  <a:gd name="T41" fmla="*/ 6 h 222"/>
                  <a:gd name="T42" fmla="*/ 300 w 390"/>
                  <a:gd name="T43" fmla="*/ 24 h 222"/>
                  <a:gd name="T44" fmla="*/ 306 w 390"/>
                  <a:gd name="T45" fmla="*/ 30 h 222"/>
                  <a:gd name="T46" fmla="*/ 294 w 390"/>
                  <a:gd name="T47" fmla="*/ 54 h 222"/>
                  <a:gd name="T48" fmla="*/ 300 w 390"/>
                  <a:gd name="T49" fmla="*/ 60 h 222"/>
                  <a:gd name="T50" fmla="*/ 306 w 390"/>
                  <a:gd name="T51" fmla="*/ 60 h 222"/>
                  <a:gd name="T52" fmla="*/ 318 w 390"/>
                  <a:gd name="T53" fmla="*/ 66 h 222"/>
                  <a:gd name="T54" fmla="*/ 354 w 390"/>
                  <a:gd name="T55" fmla="*/ 78 h 222"/>
                  <a:gd name="T56" fmla="*/ 354 w 390"/>
                  <a:gd name="T57" fmla="*/ 96 h 222"/>
                  <a:gd name="T58" fmla="*/ 318 w 390"/>
                  <a:gd name="T59" fmla="*/ 78 h 222"/>
                  <a:gd name="T60" fmla="*/ 342 w 390"/>
                  <a:gd name="T61" fmla="*/ 102 h 222"/>
                  <a:gd name="T62" fmla="*/ 360 w 390"/>
                  <a:gd name="T63" fmla="*/ 102 h 222"/>
                  <a:gd name="T64" fmla="*/ 348 w 390"/>
                  <a:gd name="T65" fmla="*/ 108 h 222"/>
                  <a:gd name="T66" fmla="*/ 360 w 390"/>
                  <a:gd name="T67" fmla="*/ 108 h 222"/>
                  <a:gd name="T68" fmla="*/ 360 w 390"/>
                  <a:gd name="T69" fmla="*/ 114 h 222"/>
                  <a:gd name="T70" fmla="*/ 354 w 390"/>
                  <a:gd name="T71" fmla="*/ 114 h 222"/>
                  <a:gd name="T72" fmla="*/ 354 w 390"/>
                  <a:gd name="T73" fmla="*/ 120 h 222"/>
                  <a:gd name="T74" fmla="*/ 330 w 390"/>
                  <a:gd name="T75" fmla="*/ 108 h 222"/>
                  <a:gd name="T76" fmla="*/ 366 w 390"/>
                  <a:gd name="T77" fmla="*/ 138 h 222"/>
                  <a:gd name="T78" fmla="*/ 360 w 390"/>
                  <a:gd name="T79" fmla="*/ 138 h 222"/>
                  <a:gd name="T80" fmla="*/ 330 w 390"/>
                  <a:gd name="T81" fmla="*/ 120 h 222"/>
                  <a:gd name="T82" fmla="*/ 330 w 390"/>
                  <a:gd name="T83" fmla="*/ 126 h 222"/>
                  <a:gd name="T84" fmla="*/ 342 w 390"/>
                  <a:gd name="T85" fmla="*/ 132 h 222"/>
                  <a:gd name="T86" fmla="*/ 360 w 390"/>
                  <a:gd name="T87" fmla="*/ 144 h 222"/>
                  <a:gd name="T88" fmla="*/ 384 w 390"/>
                  <a:gd name="T89" fmla="*/ 138 h 222"/>
                  <a:gd name="T90" fmla="*/ 390 w 390"/>
                  <a:gd name="T91" fmla="*/ 162 h 222"/>
                  <a:gd name="T92" fmla="*/ 390 w 390"/>
                  <a:gd name="T93" fmla="*/ 168 h 222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w 390"/>
                  <a:gd name="T142" fmla="*/ 0 h 222"/>
                  <a:gd name="T143" fmla="*/ 390 w 390"/>
                  <a:gd name="T144" fmla="*/ 222 h 222"/>
                </a:gdLst>
                <a:ahLst/>
                <a:cxnLst>
                  <a:cxn ang="T94">
                    <a:pos x="T0" y="T1"/>
                  </a:cxn>
                  <a:cxn ang="T95">
                    <a:pos x="T2" y="T3"/>
                  </a:cxn>
                  <a:cxn ang="T96">
                    <a:pos x="T4" y="T5"/>
                  </a:cxn>
                  <a:cxn ang="T97">
                    <a:pos x="T6" y="T7"/>
                  </a:cxn>
                  <a:cxn ang="T98">
                    <a:pos x="T8" y="T9"/>
                  </a:cxn>
                  <a:cxn ang="T99">
                    <a:pos x="T10" y="T11"/>
                  </a:cxn>
                  <a:cxn ang="T100">
                    <a:pos x="T12" y="T13"/>
                  </a:cxn>
                  <a:cxn ang="T101">
                    <a:pos x="T14" y="T15"/>
                  </a:cxn>
                  <a:cxn ang="T102">
                    <a:pos x="T16" y="T17"/>
                  </a:cxn>
                  <a:cxn ang="T103">
                    <a:pos x="T18" y="T19"/>
                  </a:cxn>
                  <a:cxn ang="T104">
                    <a:pos x="T20" y="T21"/>
                  </a:cxn>
                  <a:cxn ang="T105">
                    <a:pos x="T22" y="T23"/>
                  </a:cxn>
                  <a:cxn ang="T106">
                    <a:pos x="T24" y="T25"/>
                  </a:cxn>
                  <a:cxn ang="T107">
                    <a:pos x="T26" y="T27"/>
                  </a:cxn>
                  <a:cxn ang="T108">
                    <a:pos x="T28" y="T29"/>
                  </a:cxn>
                  <a:cxn ang="T109">
                    <a:pos x="T30" y="T31"/>
                  </a:cxn>
                  <a:cxn ang="T110">
                    <a:pos x="T32" y="T33"/>
                  </a:cxn>
                  <a:cxn ang="T111">
                    <a:pos x="T34" y="T35"/>
                  </a:cxn>
                  <a:cxn ang="T112">
                    <a:pos x="T36" y="T37"/>
                  </a:cxn>
                  <a:cxn ang="T113">
                    <a:pos x="T38" y="T39"/>
                  </a:cxn>
                  <a:cxn ang="T114">
                    <a:pos x="T40" y="T41"/>
                  </a:cxn>
                  <a:cxn ang="T115">
                    <a:pos x="T42" y="T43"/>
                  </a:cxn>
                  <a:cxn ang="T116">
                    <a:pos x="T44" y="T45"/>
                  </a:cxn>
                  <a:cxn ang="T117">
                    <a:pos x="T46" y="T47"/>
                  </a:cxn>
                  <a:cxn ang="T118">
                    <a:pos x="T48" y="T49"/>
                  </a:cxn>
                  <a:cxn ang="T119">
                    <a:pos x="T50" y="T51"/>
                  </a:cxn>
                  <a:cxn ang="T120">
                    <a:pos x="T52" y="T53"/>
                  </a:cxn>
                  <a:cxn ang="T121">
                    <a:pos x="T54" y="T55"/>
                  </a:cxn>
                  <a:cxn ang="T122">
                    <a:pos x="T56" y="T57"/>
                  </a:cxn>
                  <a:cxn ang="T123">
                    <a:pos x="T58" y="T59"/>
                  </a:cxn>
                  <a:cxn ang="T124">
                    <a:pos x="T60" y="T61"/>
                  </a:cxn>
                  <a:cxn ang="T125">
                    <a:pos x="T62" y="T63"/>
                  </a:cxn>
                  <a:cxn ang="T126">
                    <a:pos x="T64" y="T65"/>
                  </a:cxn>
                  <a:cxn ang="T127">
                    <a:pos x="T66" y="T67"/>
                  </a:cxn>
                  <a:cxn ang="T128">
                    <a:pos x="T68" y="T69"/>
                  </a:cxn>
                  <a:cxn ang="T129">
                    <a:pos x="T70" y="T71"/>
                  </a:cxn>
                  <a:cxn ang="T130">
                    <a:pos x="T72" y="T73"/>
                  </a:cxn>
                  <a:cxn ang="T131">
                    <a:pos x="T74" y="T75"/>
                  </a:cxn>
                  <a:cxn ang="T132">
                    <a:pos x="T76" y="T77"/>
                  </a:cxn>
                  <a:cxn ang="T133">
                    <a:pos x="T78" y="T79"/>
                  </a:cxn>
                  <a:cxn ang="T134">
                    <a:pos x="T80" y="T81"/>
                  </a:cxn>
                  <a:cxn ang="T135">
                    <a:pos x="T82" y="T83"/>
                  </a:cxn>
                  <a:cxn ang="T136">
                    <a:pos x="T84" y="T85"/>
                  </a:cxn>
                  <a:cxn ang="T137">
                    <a:pos x="T86" y="T87"/>
                  </a:cxn>
                  <a:cxn ang="T138">
                    <a:pos x="T88" y="T89"/>
                  </a:cxn>
                  <a:cxn ang="T139">
                    <a:pos x="T90" y="T91"/>
                  </a:cxn>
                  <a:cxn ang="T140">
                    <a:pos x="T92" y="T93"/>
                  </a:cxn>
                </a:cxnLst>
                <a:rect l="T141" t="T142" r="T143" b="T144"/>
                <a:pathLst>
                  <a:path w="390" h="222">
                    <a:moveTo>
                      <a:pt x="390" y="162"/>
                    </a:moveTo>
                    <a:lnTo>
                      <a:pt x="384" y="156"/>
                    </a:lnTo>
                    <a:lnTo>
                      <a:pt x="390" y="162"/>
                    </a:lnTo>
                    <a:lnTo>
                      <a:pt x="384" y="162"/>
                    </a:lnTo>
                    <a:lnTo>
                      <a:pt x="102" y="210"/>
                    </a:lnTo>
                    <a:lnTo>
                      <a:pt x="0" y="222"/>
                    </a:lnTo>
                    <a:lnTo>
                      <a:pt x="24" y="210"/>
                    </a:lnTo>
                    <a:lnTo>
                      <a:pt x="78" y="150"/>
                    </a:lnTo>
                    <a:lnTo>
                      <a:pt x="84" y="168"/>
                    </a:lnTo>
                    <a:lnTo>
                      <a:pt x="96" y="174"/>
                    </a:lnTo>
                    <a:lnTo>
                      <a:pt x="156" y="150"/>
                    </a:lnTo>
                    <a:lnTo>
                      <a:pt x="162" y="132"/>
                    </a:lnTo>
                    <a:lnTo>
                      <a:pt x="156" y="132"/>
                    </a:lnTo>
                    <a:lnTo>
                      <a:pt x="180" y="66"/>
                    </a:lnTo>
                    <a:lnTo>
                      <a:pt x="198" y="72"/>
                    </a:lnTo>
                    <a:lnTo>
                      <a:pt x="204" y="48"/>
                    </a:lnTo>
                    <a:lnTo>
                      <a:pt x="216" y="48"/>
                    </a:lnTo>
                    <a:lnTo>
                      <a:pt x="234" y="18"/>
                    </a:lnTo>
                    <a:lnTo>
                      <a:pt x="234" y="0"/>
                    </a:lnTo>
                    <a:lnTo>
                      <a:pt x="264" y="18"/>
                    </a:lnTo>
                    <a:lnTo>
                      <a:pt x="264" y="6"/>
                    </a:lnTo>
                    <a:lnTo>
                      <a:pt x="300" y="24"/>
                    </a:lnTo>
                    <a:lnTo>
                      <a:pt x="306" y="30"/>
                    </a:lnTo>
                    <a:lnTo>
                      <a:pt x="294" y="54"/>
                    </a:lnTo>
                    <a:lnTo>
                      <a:pt x="300" y="60"/>
                    </a:lnTo>
                    <a:lnTo>
                      <a:pt x="306" y="60"/>
                    </a:lnTo>
                    <a:lnTo>
                      <a:pt x="318" y="66"/>
                    </a:lnTo>
                    <a:lnTo>
                      <a:pt x="354" y="78"/>
                    </a:lnTo>
                    <a:lnTo>
                      <a:pt x="354" y="96"/>
                    </a:lnTo>
                    <a:lnTo>
                      <a:pt x="318" y="78"/>
                    </a:lnTo>
                    <a:lnTo>
                      <a:pt x="342" y="102"/>
                    </a:lnTo>
                    <a:lnTo>
                      <a:pt x="360" y="102"/>
                    </a:lnTo>
                    <a:lnTo>
                      <a:pt x="348" y="108"/>
                    </a:lnTo>
                    <a:lnTo>
                      <a:pt x="360" y="108"/>
                    </a:lnTo>
                    <a:lnTo>
                      <a:pt x="360" y="114"/>
                    </a:lnTo>
                    <a:lnTo>
                      <a:pt x="354" y="114"/>
                    </a:lnTo>
                    <a:lnTo>
                      <a:pt x="354" y="120"/>
                    </a:lnTo>
                    <a:lnTo>
                      <a:pt x="330" y="108"/>
                    </a:lnTo>
                    <a:lnTo>
                      <a:pt x="366" y="138"/>
                    </a:lnTo>
                    <a:lnTo>
                      <a:pt x="360" y="138"/>
                    </a:lnTo>
                    <a:lnTo>
                      <a:pt x="330" y="120"/>
                    </a:lnTo>
                    <a:lnTo>
                      <a:pt x="330" y="126"/>
                    </a:lnTo>
                    <a:lnTo>
                      <a:pt x="342" y="132"/>
                    </a:lnTo>
                    <a:lnTo>
                      <a:pt x="360" y="144"/>
                    </a:lnTo>
                    <a:lnTo>
                      <a:pt x="384" y="138"/>
                    </a:lnTo>
                    <a:lnTo>
                      <a:pt x="390" y="162"/>
                    </a:lnTo>
                    <a:lnTo>
                      <a:pt x="390" y="16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94" name="Freeform 371"/>
              <p:cNvSpPr>
                <a:spLocks noChangeAspect="1"/>
              </p:cNvSpPr>
              <p:nvPr/>
            </p:nvSpPr>
            <p:spPr bwMode="auto">
              <a:xfrm>
                <a:off x="210" y="1458"/>
                <a:ext cx="342" cy="246"/>
              </a:xfrm>
              <a:custGeom>
                <a:avLst/>
                <a:gdLst>
                  <a:gd name="T0" fmla="*/ 24 w 342"/>
                  <a:gd name="T1" fmla="*/ 162 h 246"/>
                  <a:gd name="T2" fmla="*/ 0 w 342"/>
                  <a:gd name="T3" fmla="*/ 150 h 246"/>
                  <a:gd name="T4" fmla="*/ 6 w 342"/>
                  <a:gd name="T5" fmla="*/ 126 h 246"/>
                  <a:gd name="T6" fmla="*/ 6 w 342"/>
                  <a:gd name="T7" fmla="*/ 144 h 246"/>
                  <a:gd name="T8" fmla="*/ 18 w 342"/>
                  <a:gd name="T9" fmla="*/ 126 h 246"/>
                  <a:gd name="T10" fmla="*/ 6 w 342"/>
                  <a:gd name="T11" fmla="*/ 126 h 246"/>
                  <a:gd name="T12" fmla="*/ 12 w 342"/>
                  <a:gd name="T13" fmla="*/ 108 h 246"/>
                  <a:gd name="T14" fmla="*/ 12 w 342"/>
                  <a:gd name="T15" fmla="*/ 108 h 246"/>
                  <a:gd name="T16" fmla="*/ 12 w 342"/>
                  <a:gd name="T17" fmla="*/ 54 h 246"/>
                  <a:gd name="T18" fmla="*/ 6 w 342"/>
                  <a:gd name="T19" fmla="*/ 36 h 246"/>
                  <a:gd name="T20" fmla="*/ 12 w 342"/>
                  <a:gd name="T21" fmla="*/ 12 h 246"/>
                  <a:gd name="T22" fmla="*/ 42 w 342"/>
                  <a:gd name="T23" fmla="*/ 36 h 246"/>
                  <a:gd name="T24" fmla="*/ 72 w 342"/>
                  <a:gd name="T25" fmla="*/ 48 h 246"/>
                  <a:gd name="T26" fmla="*/ 84 w 342"/>
                  <a:gd name="T27" fmla="*/ 60 h 246"/>
                  <a:gd name="T28" fmla="*/ 84 w 342"/>
                  <a:gd name="T29" fmla="*/ 54 h 246"/>
                  <a:gd name="T30" fmla="*/ 90 w 342"/>
                  <a:gd name="T31" fmla="*/ 60 h 246"/>
                  <a:gd name="T32" fmla="*/ 90 w 342"/>
                  <a:gd name="T33" fmla="*/ 72 h 246"/>
                  <a:gd name="T34" fmla="*/ 78 w 342"/>
                  <a:gd name="T35" fmla="*/ 72 h 246"/>
                  <a:gd name="T36" fmla="*/ 60 w 342"/>
                  <a:gd name="T37" fmla="*/ 96 h 246"/>
                  <a:gd name="T38" fmla="*/ 60 w 342"/>
                  <a:gd name="T39" fmla="*/ 96 h 246"/>
                  <a:gd name="T40" fmla="*/ 90 w 342"/>
                  <a:gd name="T41" fmla="*/ 72 h 246"/>
                  <a:gd name="T42" fmla="*/ 90 w 342"/>
                  <a:gd name="T43" fmla="*/ 66 h 246"/>
                  <a:gd name="T44" fmla="*/ 96 w 342"/>
                  <a:gd name="T45" fmla="*/ 72 h 246"/>
                  <a:gd name="T46" fmla="*/ 96 w 342"/>
                  <a:gd name="T47" fmla="*/ 78 h 246"/>
                  <a:gd name="T48" fmla="*/ 84 w 342"/>
                  <a:gd name="T49" fmla="*/ 84 h 246"/>
                  <a:gd name="T50" fmla="*/ 90 w 342"/>
                  <a:gd name="T51" fmla="*/ 96 h 246"/>
                  <a:gd name="T52" fmla="*/ 84 w 342"/>
                  <a:gd name="T53" fmla="*/ 108 h 246"/>
                  <a:gd name="T54" fmla="*/ 84 w 342"/>
                  <a:gd name="T55" fmla="*/ 102 h 246"/>
                  <a:gd name="T56" fmla="*/ 72 w 342"/>
                  <a:gd name="T57" fmla="*/ 114 h 246"/>
                  <a:gd name="T58" fmla="*/ 72 w 342"/>
                  <a:gd name="T59" fmla="*/ 96 h 246"/>
                  <a:gd name="T60" fmla="*/ 60 w 342"/>
                  <a:gd name="T61" fmla="*/ 108 h 246"/>
                  <a:gd name="T62" fmla="*/ 66 w 342"/>
                  <a:gd name="T63" fmla="*/ 120 h 246"/>
                  <a:gd name="T64" fmla="*/ 96 w 342"/>
                  <a:gd name="T65" fmla="*/ 108 h 246"/>
                  <a:gd name="T66" fmla="*/ 96 w 342"/>
                  <a:gd name="T67" fmla="*/ 84 h 246"/>
                  <a:gd name="T68" fmla="*/ 108 w 342"/>
                  <a:gd name="T69" fmla="*/ 66 h 246"/>
                  <a:gd name="T70" fmla="*/ 96 w 342"/>
                  <a:gd name="T71" fmla="*/ 36 h 246"/>
                  <a:gd name="T72" fmla="*/ 108 w 342"/>
                  <a:gd name="T73" fmla="*/ 30 h 246"/>
                  <a:gd name="T74" fmla="*/ 102 w 342"/>
                  <a:gd name="T75" fmla="*/ 0 h 246"/>
                  <a:gd name="T76" fmla="*/ 342 w 342"/>
                  <a:gd name="T77" fmla="*/ 60 h 246"/>
                  <a:gd name="T78" fmla="*/ 300 w 342"/>
                  <a:gd name="T79" fmla="*/ 246 h 246"/>
                  <a:gd name="T80" fmla="*/ 216 w 342"/>
                  <a:gd name="T81" fmla="*/ 228 h 246"/>
                  <a:gd name="T82" fmla="*/ 114 w 342"/>
                  <a:gd name="T83" fmla="*/ 228 h 246"/>
                  <a:gd name="T84" fmla="*/ 84 w 342"/>
                  <a:gd name="T85" fmla="*/ 210 h 246"/>
                  <a:gd name="T86" fmla="*/ 60 w 342"/>
                  <a:gd name="T87" fmla="*/ 216 h 246"/>
                  <a:gd name="T88" fmla="*/ 42 w 342"/>
                  <a:gd name="T89" fmla="*/ 204 h 246"/>
                  <a:gd name="T90" fmla="*/ 42 w 342"/>
                  <a:gd name="T91" fmla="*/ 174 h 246"/>
                  <a:gd name="T92" fmla="*/ 24 w 342"/>
                  <a:gd name="T93" fmla="*/ 162 h 24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w 342"/>
                  <a:gd name="T142" fmla="*/ 0 h 246"/>
                  <a:gd name="T143" fmla="*/ 342 w 342"/>
                  <a:gd name="T144" fmla="*/ 246 h 246"/>
                </a:gdLst>
                <a:ahLst/>
                <a:cxnLst>
                  <a:cxn ang="T94">
                    <a:pos x="T0" y="T1"/>
                  </a:cxn>
                  <a:cxn ang="T95">
                    <a:pos x="T2" y="T3"/>
                  </a:cxn>
                  <a:cxn ang="T96">
                    <a:pos x="T4" y="T5"/>
                  </a:cxn>
                  <a:cxn ang="T97">
                    <a:pos x="T6" y="T7"/>
                  </a:cxn>
                  <a:cxn ang="T98">
                    <a:pos x="T8" y="T9"/>
                  </a:cxn>
                  <a:cxn ang="T99">
                    <a:pos x="T10" y="T11"/>
                  </a:cxn>
                  <a:cxn ang="T100">
                    <a:pos x="T12" y="T13"/>
                  </a:cxn>
                  <a:cxn ang="T101">
                    <a:pos x="T14" y="T15"/>
                  </a:cxn>
                  <a:cxn ang="T102">
                    <a:pos x="T16" y="T17"/>
                  </a:cxn>
                  <a:cxn ang="T103">
                    <a:pos x="T18" y="T19"/>
                  </a:cxn>
                  <a:cxn ang="T104">
                    <a:pos x="T20" y="T21"/>
                  </a:cxn>
                  <a:cxn ang="T105">
                    <a:pos x="T22" y="T23"/>
                  </a:cxn>
                  <a:cxn ang="T106">
                    <a:pos x="T24" y="T25"/>
                  </a:cxn>
                  <a:cxn ang="T107">
                    <a:pos x="T26" y="T27"/>
                  </a:cxn>
                  <a:cxn ang="T108">
                    <a:pos x="T28" y="T29"/>
                  </a:cxn>
                  <a:cxn ang="T109">
                    <a:pos x="T30" y="T31"/>
                  </a:cxn>
                  <a:cxn ang="T110">
                    <a:pos x="T32" y="T33"/>
                  </a:cxn>
                  <a:cxn ang="T111">
                    <a:pos x="T34" y="T35"/>
                  </a:cxn>
                  <a:cxn ang="T112">
                    <a:pos x="T36" y="T37"/>
                  </a:cxn>
                  <a:cxn ang="T113">
                    <a:pos x="T38" y="T39"/>
                  </a:cxn>
                  <a:cxn ang="T114">
                    <a:pos x="T40" y="T41"/>
                  </a:cxn>
                  <a:cxn ang="T115">
                    <a:pos x="T42" y="T43"/>
                  </a:cxn>
                  <a:cxn ang="T116">
                    <a:pos x="T44" y="T45"/>
                  </a:cxn>
                  <a:cxn ang="T117">
                    <a:pos x="T46" y="T47"/>
                  </a:cxn>
                  <a:cxn ang="T118">
                    <a:pos x="T48" y="T49"/>
                  </a:cxn>
                  <a:cxn ang="T119">
                    <a:pos x="T50" y="T51"/>
                  </a:cxn>
                  <a:cxn ang="T120">
                    <a:pos x="T52" y="T53"/>
                  </a:cxn>
                  <a:cxn ang="T121">
                    <a:pos x="T54" y="T55"/>
                  </a:cxn>
                  <a:cxn ang="T122">
                    <a:pos x="T56" y="T57"/>
                  </a:cxn>
                  <a:cxn ang="T123">
                    <a:pos x="T58" y="T59"/>
                  </a:cxn>
                  <a:cxn ang="T124">
                    <a:pos x="T60" y="T61"/>
                  </a:cxn>
                  <a:cxn ang="T125">
                    <a:pos x="T62" y="T63"/>
                  </a:cxn>
                  <a:cxn ang="T126">
                    <a:pos x="T64" y="T65"/>
                  </a:cxn>
                  <a:cxn ang="T127">
                    <a:pos x="T66" y="T67"/>
                  </a:cxn>
                  <a:cxn ang="T128">
                    <a:pos x="T68" y="T69"/>
                  </a:cxn>
                  <a:cxn ang="T129">
                    <a:pos x="T70" y="T71"/>
                  </a:cxn>
                  <a:cxn ang="T130">
                    <a:pos x="T72" y="T73"/>
                  </a:cxn>
                  <a:cxn ang="T131">
                    <a:pos x="T74" y="T75"/>
                  </a:cxn>
                  <a:cxn ang="T132">
                    <a:pos x="T76" y="T77"/>
                  </a:cxn>
                  <a:cxn ang="T133">
                    <a:pos x="T78" y="T79"/>
                  </a:cxn>
                  <a:cxn ang="T134">
                    <a:pos x="T80" y="T81"/>
                  </a:cxn>
                  <a:cxn ang="T135">
                    <a:pos x="T82" y="T83"/>
                  </a:cxn>
                  <a:cxn ang="T136">
                    <a:pos x="T84" y="T85"/>
                  </a:cxn>
                  <a:cxn ang="T137">
                    <a:pos x="T86" y="T87"/>
                  </a:cxn>
                  <a:cxn ang="T138">
                    <a:pos x="T88" y="T89"/>
                  </a:cxn>
                  <a:cxn ang="T139">
                    <a:pos x="T90" y="T91"/>
                  </a:cxn>
                  <a:cxn ang="T140">
                    <a:pos x="T92" y="T93"/>
                  </a:cxn>
                </a:cxnLst>
                <a:rect l="T141" t="T142" r="T143" b="T144"/>
                <a:pathLst>
                  <a:path w="342" h="246">
                    <a:moveTo>
                      <a:pt x="24" y="162"/>
                    </a:moveTo>
                    <a:lnTo>
                      <a:pt x="0" y="150"/>
                    </a:lnTo>
                    <a:lnTo>
                      <a:pt x="6" y="126"/>
                    </a:lnTo>
                    <a:lnTo>
                      <a:pt x="6" y="144"/>
                    </a:lnTo>
                    <a:lnTo>
                      <a:pt x="18" y="126"/>
                    </a:lnTo>
                    <a:lnTo>
                      <a:pt x="6" y="126"/>
                    </a:lnTo>
                    <a:lnTo>
                      <a:pt x="12" y="108"/>
                    </a:lnTo>
                    <a:lnTo>
                      <a:pt x="12" y="54"/>
                    </a:lnTo>
                    <a:lnTo>
                      <a:pt x="6" y="36"/>
                    </a:lnTo>
                    <a:lnTo>
                      <a:pt x="12" y="12"/>
                    </a:lnTo>
                    <a:lnTo>
                      <a:pt x="42" y="36"/>
                    </a:lnTo>
                    <a:lnTo>
                      <a:pt x="72" y="48"/>
                    </a:lnTo>
                    <a:lnTo>
                      <a:pt x="84" y="60"/>
                    </a:lnTo>
                    <a:lnTo>
                      <a:pt x="84" y="54"/>
                    </a:lnTo>
                    <a:lnTo>
                      <a:pt x="90" y="60"/>
                    </a:lnTo>
                    <a:lnTo>
                      <a:pt x="90" y="72"/>
                    </a:lnTo>
                    <a:lnTo>
                      <a:pt x="78" y="72"/>
                    </a:lnTo>
                    <a:lnTo>
                      <a:pt x="60" y="96"/>
                    </a:lnTo>
                    <a:lnTo>
                      <a:pt x="90" y="72"/>
                    </a:lnTo>
                    <a:lnTo>
                      <a:pt x="90" y="66"/>
                    </a:lnTo>
                    <a:lnTo>
                      <a:pt x="96" y="72"/>
                    </a:lnTo>
                    <a:lnTo>
                      <a:pt x="96" y="78"/>
                    </a:lnTo>
                    <a:lnTo>
                      <a:pt x="84" y="84"/>
                    </a:lnTo>
                    <a:lnTo>
                      <a:pt x="90" y="96"/>
                    </a:lnTo>
                    <a:lnTo>
                      <a:pt x="84" y="108"/>
                    </a:lnTo>
                    <a:lnTo>
                      <a:pt x="84" y="102"/>
                    </a:lnTo>
                    <a:lnTo>
                      <a:pt x="72" y="114"/>
                    </a:lnTo>
                    <a:lnTo>
                      <a:pt x="72" y="96"/>
                    </a:lnTo>
                    <a:lnTo>
                      <a:pt x="60" y="108"/>
                    </a:lnTo>
                    <a:lnTo>
                      <a:pt x="66" y="120"/>
                    </a:lnTo>
                    <a:lnTo>
                      <a:pt x="96" y="108"/>
                    </a:lnTo>
                    <a:lnTo>
                      <a:pt x="96" y="84"/>
                    </a:lnTo>
                    <a:lnTo>
                      <a:pt x="108" y="66"/>
                    </a:lnTo>
                    <a:lnTo>
                      <a:pt x="96" y="36"/>
                    </a:lnTo>
                    <a:lnTo>
                      <a:pt x="108" y="30"/>
                    </a:lnTo>
                    <a:lnTo>
                      <a:pt x="102" y="0"/>
                    </a:lnTo>
                    <a:lnTo>
                      <a:pt x="342" y="60"/>
                    </a:lnTo>
                    <a:lnTo>
                      <a:pt x="300" y="246"/>
                    </a:lnTo>
                    <a:lnTo>
                      <a:pt x="216" y="228"/>
                    </a:lnTo>
                    <a:lnTo>
                      <a:pt x="114" y="228"/>
                    </a:lnTo>
                    <a:lnTo>
                      <a:pt x="84" y="210"/>
                    </a:lnTo>
                    <a:lnTo>
                      <a:pt x="60" y="216"/>
                    </a:lnTo>
                    <a:lnTo>
                      <a:pt x="42" y="204"/>
                    </a:lnTo>
                    <a:lnTo>
                      <a:pt x="42" y="174"/>
                    </a:lnTo>
                    <a:lnTo>
                      <a:pt x="24" y="162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95" name="Freeform 372"/>
              <p:cNvSpPr>
                <a:spLocks noChangeAspect="1"/>
              </p:cNvSpPr>
              <p:nvPr/>
            </p:nvSpPr>
            <p:spPr bwMode="auto">
              <a:xfrm>
                <a:off x="210" y="1458"/>
                <a:ext cx="342" cy="246"/>
              </a:xfrm>
              <a:custGeom>
                <a:avLst/>
                <a:gdLst>
                  <a:gd name="T0" fmla="*/ 24 w 342"/>
                  <a:gd name="T1" fmla="*/ 162 h 246"/>
                  <a:gd name="T2" fmla="*/ 0 w 342"/>
                  <a:gd name="T3" fmla="*/ 150 h 246"/>
                  <a:gd name="T4" fmla="*/ 6 w 342"/>
                  <a:gd name="T5" fmla="*/ 126 h 246"/>
                  <a:gd name="T6" fmla="*/ 6 w 342"/>
                  <a:gd name="T7" fmla="*/ 144 h 246"/>
                  <a:gd name="T8" fmla="*/ 18 w 342"/>
                  <a:gd name="T9" fmla="*/ 126 h 246"/>
                  <a:gd name="T10" fmla="*/ 6 w 342"/>
                  <a:gd name="T11" fmla="*/ 126 h 246"/>
                  <a:gd name="T12" fmla="*/ 12 w 342"/>
                  <a:gd name="T13" fmla="*/ 108 h 246"/>
                  <a:gd name="T14" fmla="*/ 24 w 342"/>
                  <a:gd name="T15" fmla="*/ 108 h 246"/>
                  <a:gd name="T16" fmla="*/ 12 w 342"/>
                  <a:gd name="T17" fmla="*/ 108 h 246"/>
                  <a:gd name="T18" fmla="*/ 12 w 342"/>
                  <a:gd name="T19" fmla="*/ 54 h 246"/>
                  <a:gd name="T20" fmla="*/ 6 w 342"/>
                  <a:gd name="T21" fmla="*/ 36 h 246"/>
                  <a:gd name="T22" fmla="*/ 12 w 342"/>
                  <a:gd name="T23" fmla="*/ 12 h 246"/>
                  <a:gd name="T24" fmla="*/ 42 w 342"/>
                  <a:gd name="T25" fmla="*/ 36 h 246"/>
                  <a:gd name="T26" fmla="*/ 72 w 342"/>
                  <a:gd name="T27" fmla="*/ 48 h 246"/>
                  <a:gd name="T28" fmla="*/ 84 w 342"/>
                  <a:gd name="T29" fmla="*/ 60 h 246"/>
                  <a:gd name="T30" fmla="*/ 84 w 342"/>
                  <a:gd name="T31" fmla="*/ 54 h 246"/>
                  <a:gd name="T32" fmla="*/ 90 w 342"/>
                  <a:gd name="T33" fmla="*/ 60 h 246"/>
                  <a:gd name="T34" fmla="*/ 90 w 342"/>
                  <a:gd name="T35" fmla="*/ 72 h 246"/>
                  <a:gd name="T36" fmla="*/ 78 w 342"/>
                  <a:gd name="T37" fmla="*/ 72 h 246"/>
                  <a:gd name="T38" fmla="*/ 60 w 342"/>
                  <a:gd name="T39" fmla="*/ 96 h 246"/>
                  <a:gd name="T40" fmla="*/ 72 w 342"/>
                  <a:gd name="T41" fmla="*/ 96 h 246"/>
                  <a:gd name="T42" fmla="*/ 60 w 342"/>
                  <a:gd name="T43" fmla="*/ 96 h 246"/>
                  <a:gd name="T44" fmla="*/ 90 w 342"/>
                  <a:gd name="T45" fmla="*/ 72 h 246"/>
                  <a:gd name="T46" fmla="*/ 90 w 342"/>
                  <a:gd name="T47" fmla="*/ 66 h 246"/>
                  <a:gd name="T48" fmla="*/ 96 w 342"/>
                  <a:gd name="T49" fmla="*/ 72 h 246"/>
                  <a:gd name="T50" fmla="*/ 96 w 342"/>
                  <a:gd name="T51" fmla="*/ 78 h 246"/>
                  <a:gd name="T52" fmla="*/ 84 w 342"/>
                  <a:gd name="T53" fmla="*/ 84 h 246"/>
                  <a:gd name="T54" fmla="*/ 90 w 342"/>
                  <a:gd name="T55" fmla="*/ 96 h 246"/>
                  <a:gd name="T56" fmla="*/ 84 w 342"/>
                  <a:gd name="T57" fmla="*/ 108 h 246"/>
                  <a:gd name="T58" fmla="*/ 84 w 342"/>
                  <a:gd name="T59" fmla="*/ 102 h 246"/>
                  <a:gd name="T60" fmla="*/ 72 w 342"/>
                  <a:gd name="T61" fmla="*/ 114 h 246"/>
                  <a:gd name="T62" fmla="*/ 72 w 342"/>
                  <a:gd name="T63" fmla="*/ 96 h 246"/>
                  <a:gd name="T64" fmla="*/ 60 w 342"/>
                  <a:gd name="T65" fmla="*/ 108 h 246"/>
                  <a:gd name="T66" fmla="*/ 66 w 342"/>
                  <a:gd name="T67" fmla="*/ 120 h 246"/>
                  <a:gd name="T68" fmla="*/ 96 w 342"/>
                  <a:gd name="T69" fmla="*/ 108 h 246"/>
                  <a:gd name="T70" fmla="*/ 96 w 342"/>
                  <a:gd name="T71" fmla="*/ 84 h 246"/>
                  <a:gd name="T72" fmla="*/ 108 w 342"/>
                  <a:gd name="T73" fmla="*/ 66 h 246"/>
                  <a:gd name="T74" fmla="*/ 96 w 342"/>
                  <a:gd name="T75" fmla="*/ 36 h 246"/>
                  <a:gd name="T76" fmla="*/ 108 w 342"/>
                  <a:gd name="T77" fmla="*/ 30 h 246"/>
                  <a:gd name="T78" fmla="*/ 102 w 342"/>
                  <a:gd name="T79" fmla="*/ 0 h 246"/>
                  <a:gd name="T80" fmla="*/ 342 w 342"/>
                  <a:gd name="T81" fmla="*/ 60 h 246"/>
                  <a:gd name="T82" fmla="*/ 300 w 342"/>
                  <a:gd name="T83" fmla="*/ 246 h 246"/>
                  <a:gd name="T84" fmla="*/ 216 w 342"/>
                  <a:gd name="T85" fmla="*/ 228 h 246"/>
                  <a:gd name="T86" fmla="*/ 114 w 342"/>
                  <a:gd name="T87" fmla="*/ 228 h 246"/>
                  <a:gd name="T88" fmla="*/ 84 w 342"/>
                  <a:gd name="T89" fmla="*/ 210 h 246"/>
                  <a:gd name="T90" fmla="*/ 60 w 342"/>
                  <a:gd name="T91" fmla="*/ 216 h 246"/>
                  <a:gd name="T92" fmla="*/ 42 w 342"/>
                  <a:gd name="T93" fmla="*/ 204 h 246"/>
                  <a:gd name="T94" fmla="*/ 42 w 342"/>
                  <a:gd name="T95" fmla="*/ 174 h 246"/>
                  <a:gd name="T96" fmla="*/ 24 w 342"/>
                  <a:gd name="T97" fmla="*/ 162 h 246"/>
                  <a:gd name="T98" fmla="*/ 24 w 342"/>
                  <a:gd name="T99" fmla="*/ 168 h 24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w 342"/>
                  <a:gd name="T151" fmla="*/ 0 h 246"/>
                  <a:gd name="T152" fmla="*/ 342 w 342"/>
                  <a:gd name="T153" fmla="*/ 246 h 246"/>
                </a:gdLst>
                <a:ahLst/>
                <a:cxnLst>
                  <a:cxn ang="T100">
                    <a:pos x="T0" y="T1"/>
                  </a:cxn>
                  <a:cxn ang="T101">
                    <a:pos x="T2" y="T3"/>
                  </a:cxn>
                  <a:cxn ang="T102">
                    <a:pos x="T4" y="T5"/>
                  </a:cxn>
                  <a:cxn ang="T103">
                    <a:pos x="T6" y="T7"/>
                  </a:cxn>
                  <a:cxn ang="T104">
                    <a:pos x="T8" y="T9"/>
                  </a:cxn>
                  <a:cxn ang="T105">
                    <a:pos x="T10" y="T11"/>
                  </a:cxn>
                  <a:cxn ang="T106">
                    <a:pos x="T12" y="T13"/>
                  </a:cxn>
                  <a:cxn ang="T107">
                    <a:pos x="T14" y="T15"/>
                  </a:cxn>
                  <a:cxn ang="T108">
                    <a:pos x="T16" y="T17"/>
                  </a:cxn>
                  <a:cxn ang="T109">
                    <a:pos x="T18" y="T19"/>
                  </a:cxn>
                  <a:cxn ang="T110">
                    <a:pos x="T20" y="T21"/>
                  </a:cxn>
                  <a:cxn ang="T111">
                    <a:pos x="T22" y="T23"/>
                  </a:cxn>
                  <a:cxn ang="T112">
                    <a:pos x="T24" y="T25"/>
                  </a:cxn>
                  <a:cxn ang="T113">
                    <a:pos x="T26" y="T27"/>
                  </a:cxn>
                  <a:cxn ang="T114">
                    <a:pos x="T28" y="T29"/>
                  </a:cxn>
                  <a:cxn ang="T115">
                    <a:pos x="T30" y="T31"/>
                  </a:cxn>
                  <a:cxn ang="T116">
                    <a:pos x="T32" y="T33"/>
                  </a:cxn>
                  <a:cxn ang="T117">
                    <a:pos x="T34" y="T35"/>
                  </a:cxn>
                  <a:cxn ang="T118">
                    <a:pos x="T36" y="T37"/>
                  </a:cxn>
                  <a:cxn ang="T119">
                    <a:pos x="T38" y="T39"/>
                  </a:cxn>
                  <a:cxn ang="T120">
                    <a:pos x="T40" y="T41"/>
                  </a:cxn>
                  <a:cxn ang="T121">
                    <a:pos x="T42" y="T43"/>
                  </a:cxn>
                  <a:cxn ang="T122">
                    <a:pos x="T44" y="T45"/>
                  </a:cxn>
                  <a:cxn ang="T123">
                    <a:pos x="T46" y="T47"/>
                  </a:cxn>
                  <a:cxn ang="T124">
                    <a:pos x="T48" y="T49"/>
                  </a:cxn>
                  <a:cxn ang="T125">
                    <a:pos x="T50" y="T51"/>
                  </a:cxn>
                  <a:cxn ang="T126">
                    <a:pos x="T52" y="T53"/>
                  </a:cxn>
                  <a:cxn ang="T127">
                    <a:pos x="T54" y="T55"/>
                  </a:cxn>
                  <a:cxn ang="T128">
                    <a:pos x="T56" y="T57"/>
                  </a:cxn>
                  <a:cxn ang="T129">
                    <a:pos x="T58" y="T59"/>
                  </a:cxn>
                  <a:cxn ang="T130">
                    <a:pos x="T60" y="T61"/>
                  </a:cxn>
                  <a:cxn ang="T131">
                    <a:pos x="T62" y="T63"/>
                  </a:cxn>
                  <a:cxn ang="T132">
                    <a:pos x="T64" y="T65"/>
                  </a:cxn>
                  <a:cxn ang="T133">
                    <a:pos x="T66" y="T67"/>
                  </a:cxn>
                  <a:cxn ang="T134">
                    <a:pos x="T68" y="T69"/>
                  </a:cxn>
                  <a:cxn ang="T135">
                    <a:pos x="T70" y="T71"/>
                  </a:cxn>
                  <a:cxn ang="T136">
                    <a:pos x="T72" y="T73"/>
                  </a:cxn>
                  <a:cxn ang="T137">
                    <a:pos x="T74" y="T75"/>
                  </a:cxn>
                  <a:cxn ang="T138">
                    <a:pos x="T76" y="T77"/>
                  </a:cxn>
                  <a:cxn ang="T139">
                    <a:pos x="T78" y="T79"/>
                  </a:cxn>
                  <a:cxn ang="T140">
                    <a:pos x="T80" y="T81"/>
                  </a:cxn>
                  <a:cxn ang="T141">
                    <a:pos x="T82" y="T83"/>
                  </a:cxn>
                  <a:cxn ang="T142">
                    <a:pos x="T84" y="T85"/>
                  </a:cxn>
                  <a:cxn ang="T143">
                    <a:pos x="T86" y="T87"/>
                  </a:cxn>
                  <a:cxn ang="T144">
                    <a:pos x="T88" y="T89"/>
                  </a:cxn>
                  <a:cxn ang="T145">
                    <a:pos x="T90" y="T91"/>
                  </a:cxn>
                  <a:cxn ang="T146">
                    <a:pos x="T92" y="T93"/>
                  </a:cxn>
                  <a:cxn ang="T147">
                    <a:pos x="T94" y="T95"/>
                  </a:cxn>
                  <a:cxn ang="T148">
                    <a:pos x="T96" y="T97"/>
                  </a:cxn>
                  <a:cxn ang="T149">
                    <a:pos x="T98" y="T99"/>
                  </a:cxn>
                </a:cxnLst>
                <a:rect l="T150" t="T151" r="T152" b="T153"/>
                <a:pathLst>
                  <a:path w="342" h="246">
                    <a:moveTo>
                      <a:pt x="24" y="162"/>
                    </a:moveTo>
                    <a:lnTo>
                      <a:pt x="0" y="150"/>
                    </a:lnTo>
                    <a:lnTo>
                      <a:pt x="6" y="126"/>
                    </a:lnTo>
                    <a:lnTo>
                      <a:pt x="6" y="144"/>
                    </a:lnTo>
                    <a:lnTo>
                      <a:pt x="18" y="126"/>
                    </a:lnTo>
                    <a:lnTo>
                      <a:pt x="6" y="126"/>
                    </a:lnTo>
                    <a:lnTo>
                      <a:pt x="12" y="108"/>
                    </a:lnTo>
                    <a:lnTo>
                      <a:pt x="24" y="108"/>
                    </a:lnTo>
                    <a:lnTo>
                      <a:pt x="12" y="108"/>
                    </a:lnTo>
                    <a:lnTo>
                      <a:pt x="12" y="54"/>
                    </a:lnTo>
                    <a:lnTo>
                      <a:pt x="6" y="36"/>
                    </a:lnTo>
                    <a:lnTo>
                      <a:pt x="12" y="12"/>
                    </a:lnTo>
                    <a:lnTo>
                      <a:pt x="42" y="36"/>
                    </a:lnTo>
                    <a:lnTo>
                      <a:pt x="72" y="48"/>
                    </a:lnTo>
                    <a:lnTo>
                      <a:pt x="84" y="60"/>
                    </a:lnTo>
                    <a:lnTo>
                      <a:pt x="84" y="54"/>
                    </a:lnTo>
                    <a:lnTo>
                      <a:pt x="90" y="60"/>
                    </a:lnTo>
                    <a:lnTo>
                      <a:pt x="90" y="72"/>
                    </a:lnTo>
                    <a:lnTo>
                      <a:pt x="78" y="72"/>
                    </a:lnTo>
                    <a:lnTo>
                      <a:pt x="60" y="96"/>
                    </a:lnTo>
                    <a:lnTo>
                      <a:pt x="72" y="96"/>
                    </a:lnTo>
                    <a:lnTo>
                      <a:pt x="60" y="96"/>
                    </a:lnTo>
                    <a:lnTo>
                      <a:pt x="90" y="72"/>
                    </a:lnTo>
                    <a:lnTo>
                      <a:pt x="90" y="66"/>
                    </a:lnTo>
                    <a:lnTo>
                      <a:pt x="96" y="72"/>
                    </a:lnTo>
                    <a:lnTo>
                      <a:pt x="96" y="78"/>
                    </a:lnTo>
                    <a:lnTo>
                      <a:pt x="84" y="84"/>
                    </a:lnTo>
                    <a:lnTo>
                      <a:pt x="90" y="96"/>
                    </a:lnTo>
                    <a:lnTo>
                      <a:pt x="84" y="108"/>
                    </a:lnTo>
                    <a:lnTo>
                      <a:pt x="84" y="102"/>
                    </a:lnTo>
                    <a:lnTo>
                      <a:pt x="72" y="114"/>
                    </a:lnTo>
                    <a:lnTo>
                      <a:pt x="72" y="96"/>
                    </a:lnTo>
                    <a:lnTo>
                      <a:pt x="60" y="108"/>
                    </a:lnTo>
                    <a:lnTo>
                      <a:pt x="66" y="120"/>
                    </a:lnTo>
                    <a:lnTo>
                      <a:pt x="96" y="108"/>
                    </a:lnTo>
                    <a:lnTo>
                      <a:pt x="96" y="84"/>
                    </a:lnTo>
                    <a:lnTo>
                      <a:pt x="108" y="66"/>
                    </a:lnTo>
                    <a:lnTo>
                      <a:pt x="96" y="36"/>
                    </a:lnTo>
                    <a:lnTo>
                      <a:pt x="108" y="30"/>
                    </a:lnTo>
                    <a:lnTo>
                      <a:pt x="102" y="0"/>
                    </a:lnTo>
                    <a:lnTo>
                      <a:pt x="342" y="60"/>
                    </a:lnTo>
                    <a:lnTo>
                      <a:pt x="300" y="246"/>
                    </a:lnTo>
                    <a:lnTo>
                      <a:pt x="216" y="228"/>
                    </a:lnTo>
                    <a:lnTo>
                      <a:pt x="114" y="228"/>
                    </a:lnTo>
                    <a:lnTo>
                      <a:pt x="84" y="210"/>
                    </a:lnTo>
                    <a:lnTo>
                      <a:pt x="60" y="216"/>
                    </a:lnTo>
                    <a:lnTo>
                      <a:pt x="42" y="204"/>
                    </a:lnTo>
                    <a:lnTo>
                      <a:pt x="42" y="174"/>
                    </a:lnTo>
                    <a:lnTo>
                      <a:pt x="24" y="162"/>
                    </a:lnTo>
                    <a:lnTo>
                      <a:pt x="24" y="16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96" name="Freeform 373"/>
              <p:cNvSpPr>
                <a:spLocks noChangeAspect="1"/>
              </p:cNvSpPr>
              <p:nvPr/>
            </p:nvSpPr>
            <p:spPr bwMode="auto">
              <a:xfrm>
                <a:off x="2106" y="2094"/>
                <a:ext cx="228" cy="228"/>
              </a:xfrm>
              <a:custGeom>
                <a:avLst/>
                <a:gdLst>
                  <a:gd name="T0" fmla="*/ 138 w 228"/>
                  <a:gd name="T1" fmla="*/ 48 h 228"/>
                  <a:gd name="T2" fmla="*/ 144 w 228"/>
                  <a:gd name="T3" fmla="*/ 78 h 228"/>
                  <a:gd name="T4" fmla="*/ 174 w 228"/>
                  <a:gd name="T5" fmla="*/ 48 h 228"/>
                  <a:gd name="T6" fmla="*/ 192 w 228"/>
                  <a:gd name="T7" fmla="*/ 54 h 228"/>
                  <a:gd name="T8" fmla="*/ 204 w 228"/>
                  <a:gd name="T9" fmla="*/ 42 h 228"/>
                  <a:gd name="T10" fmla="*/ 222 w 228"/>
                  <a:gd name="T11" fmla="*/ 42 h 228"/>
                  <a:gd name="T12" fmla="*/ 228 w 228"/>
                  <a:gd name="T13" fmla="*/ 60 h 228"/>
                  <a:gd name="T14" fmla="*/ 228 w 228"/>
                  <a:gd name="T15" fmla="*/ 72 h 228"/>
                  <a:gd name="T16" fmla="*/ 198 w 228"/>
                  <a:gd name="T17" fmla="*/ 54 h 228"/>
                  <a:gd name="T18" fmla="*/ 198 w 228"/>
                  <a:gd name="T19" fmla="*/ 72 h 228"/>
                  <a:gd name="T20" fmla="*/ 180 w 228"/>
                  <a:gd name="T21" fmla="*/ 102 h 228"/>
                  <a:gd name="T22" fmla="*/ 168 w 228"/>
                  <a:gd name="T23" fmla="*/ 102 h 228"/>
                  <a:gd name="T24" fmla="*/ 162 w 228"/>
                  <a:gd name="T25" fmla="*/ 126 h 228"/>
                  <a:gd name="T26" fmla="*/ 144 w 228"/>
                  <a:gd name="T27" fmla="*/ 120 h 228"/>
                  <a:gd name="T28" fmla="*/ 120 w 228"/>
                  <a:gd name="T29" fmla="*/ 186 h 228"/>
                  <a:gd name="T30" fmla="*/ 126 w 228"/>
                  <a:gd name="T31" fmla="*/ 186 h 228"/>
                  <a:gd name="T32" fmla="*/ 120 w 228"/>
                  <a:gd name="T33" fmla="*/ 204 h 228"/>
                  <a:gd name="T34" fmla="*/ 60 w 228"/>
                  <a:gd name="T35" fmla="*/ 228 h 228"/>
                  <a:gd name="T36" fmla="*/ 48 w 228"/>
                  <a:gd name="T37" fmla="*/ 222 h 228"/>
                  <a:gd name="T38" fmla="*/ 42 w 228"/>
                  <a:gd name="T39" fmla="*/ 204 h 228"/>
                  <a:gd name="T40" fmla="*/ 12 w 228"/>
                  <a:gd name="T41" fmla="*/ 186 h 228"/>
                  <a:gd name="T42" fmla="*/ 0 w 228"/>
                  <a:gd name="T43" fmla="*/ 156 h 228"/>
                  <a:gd name="T44" fmla="*/ 18 w 228"/>
                  <a:gd name="T45" fmla="*/ 138 h 228"/>
                  <a:gd name="T46" fmla="*/ 24 w 228"/>
                  <a:gd name="T47" fmla="*/ 114 h 228"/>
                  <a:gd name="T48" fmla="*/ 36 w 228"/>
                  <a:gd name="T49" fmla="*/ 114 h 228"/>
                  <a:gd name="T50" fmla="*/ 36 w 228"/>
                  <a:gd name="T51" fmla="*/ 96 h 228"/>
                  <a:gd name="T52" fmla="*/ 72 w 228"/>
                  <a:gd name="T53" fmla="*/ 66 h 228"/>
                  <a:gd name="T54" fmla="*/ 78 w 228"/>
                  <a:gd name="T55" fmla="*/ 18 h 228"/>
                  <a:gd name="T56" fmla="*/ 72 w 228"/>
                  <a:gd name="T57" fmla="*/ 6 h 228"/>
                  <a:gd name="T58" fmla="*/ 78 w 228"/>
                  <a:gd name="T59" fmla="*/ 0 h 228"/>
                  <a:gd name="T60" fmla="*/ 90 w 228"/>
                  <a:gd name="T61" fmla="*/ 54 h 228"/>
                  <a:gd name="T62" fmla="*/ 126 w 228"/>
                  <a:gd name="T63" fmla="*/ 48 h 228"/>
                  <a:gd name="T64" fmla="*/ 138 w 228"/>
                  <a:gd name="T65" fmla="*/ 48 h 228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228"/>
                  <a:gd name="T100" fmla="*/ 0 h 228"/>
                  <a:gd name="T101" fmla="*/ 228 w 228"/>
                  <a:gd name="T102" fmla="*/ 228 h 228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228" h="228">
                    <a:moveTo>
                      <a:pt x="138" y="48"/>
                    </a:moveTo>
                    <a:lnTo>
                      <a:pt x="144" y="78"/>
                    </a:lnTo>
                    <a:lnTo>
                      <a:pt x="174" y="48"/>
                    </a:lnTo>
                    <a:lnTo>
                      <a:pt x="192" y="54"/>
                    </a:lnTo>
                    <a:lnTo>
                      <a:pt x="204" y="42"/>
                    </a:lnTo>
                    <a:lnTo>
                      <a:pt x="222" y="42"/>
                    </a:lnTo>
                    <a:lnTo>
                      <a:pt x="228" y="60"/>
                    </a:lnTo>
                    <a:lnTo>
                      <a:pt x="228" y="72"/>
                    </a:lnTo>
                    <a:lnTo>
                      <a:pt x="198" y="54"/>
                    </a:lnTo>
                    <a:lnTo>
                      <a:pt x="198" y="72"/>
                    </a:lnTo>
                    <a:lnTo>
                      <a:pt x="180" y="102"/>
                    </a:lnTo>
                    <a:lnTo>
                      <a:pt x="168" y="102"/>
                    </a:lnTo>
                    <a:lnTo>
                      <a:pt x="162" y="126"/>
                    </a:lnTo>
                    <a:lnTo>
                      <a:pt x="144" y="120"/>
                    </a:lnTo>
                    <a:lnTo>
                      <a:pt x="120" y="186"/>
                    </a:lnTo>
                    <a:lnTo>
                      <a:pt x="126" y="186"/>
                    </a:lnTo>
                    <a:lnTo>
                      <a:pt x="120" y="204"/>
                    </a:lnTo>
                    <a:lnTo>
                      <a:pt x="60" y="228"/>
                    </a:lnTo>
                    <a:lnTo>
                      <a:pt x="48" y="222"/>
                    </a:lnTo>
                    <a:lnTo>
                      <a:pt x="42" y="204"/>
                    </a:lnTo>
                    <a:lnTo>
                      <a:pt x="12" y="186"/>
                    </a:lnTo>
                    <a:lnTo>
                      <a:pt x="0" y="156"/>
                    </a:lnTo>
                    <a:lnTo>
                      <a:pt x="18" y="138"/>
                    </a:lnTo>
                    <a:lnTo>
                      <a:pt x="24" y="114"/>
                    </a:lnTo>
                    <a:lnTo>
                      <a:pt x="36" y="114"/>
                    </a:lnTo>
                    <a:lnTo>
                      <a:pt x="36" y="96"/>
                    </a:lnTo>
                    <a:lnTo>
                      <a:pt x="72" y="66"/>
                    </a:lnTo>
                    <a:lnTo>
                      <a:pt x="78" y="18"/>
                    </a:lnTo>
                    <a:lnTo>
                      <a:pt x="72" y="6"/>
                    </a:lnTo>
                    <a:lnTo>
                      <a:pt x="78" y="0"/>
                    </a:lnTo>
                    <a:lnTo>
                      <a:pt x="90" y="54"/>
                    </a:lnTo>
                    <a:lnTo>
                      <a:pt x="126" y="48"/>
                    </a:lnTo>
                    <a:lnTo>
                      <a:pt x="138" y="48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97" name="Freeform 374"/>
              <p:cNvSpPr>
                <a:spLocks noChangeAspect="1"/>
              </p:cNvSpPr>
              <p:nvPr/>
            </p:nvSpPr>
            <p:spPr bwMode="auto">
              <a:xfrm>
                <a:off x="2106" y="2094"/>
                <a:ext cx="228" cy="228"/>
              </a:xfrm>
              <a:custGeom>
                <a:avLst/>
                <a:gdLst>
                  <a:gd name="T0" fmla="*/ 138 w 228"/>
                  <a:gd name="T1" fmla="*/ 48 h 228"/>
                  <a:gd name="T2" fmla="*/ 144 w 228"/>
                  <a:gd name="T3" fmla="*/ 78 h 228"/>
                  <a:gd name="T4" fmla="*/ 174 w 228"/>
                  <a:gd name="T5" fmla="*/ 48 h 228"/>
                  <a:gd name="T6" fmla="*/ 192 w 228"/>
                  <a:gd name="T7" fmla="*/ 54 h 228"/>
                  <a:gd name="T8" fmla="*/ 204 w 228"/>
                  <a:gd name="T9" fmla="*/ 42 h 228"/>
                  <a:gd name="T10" fmla="*/ 222 w 228"/>
                  <a:gd name="T11" fmla="*/ 42 h 228"/>
                  <a:gd name="T12" fmla="*/ 228 w 228"/>
                  <a:gd name="T13" fmla="*/ 60 h 228"/>
                  <a:gd name="T14" fmla="*/ 228 w 228"/>
                  <a:gd name="T15" fmla="*/ 72 h 228"/>
                  <a:gd name="T16" fmla="*/ 198 w 228"/>
                  <a:gd name="T17" fmla="*/ 54 h 228"/>
                  <a:gd name="T18" fmla="*/ 198 w 228"/>
                  <a:gd name="T19" fmla="*/ 72 h 228"/>
                  <a:gd name="T20" fmla="*/ 180 w 228"/>
                  <a:gd name="T21" fmla="*/ 102 h 228"/>
                  <a:gd name="T22" fmla="*/ 168 w 228"/>
                  <a:gd name="T23" fmla="*/ 102 h 228"/>
                  <a:gd name="T24" fmla="*/ 162 w 228"/>
                  <a:gd name="T25" fmla="*/ 126 h 228"/>
                  <a:gd name="T26" fmla="*/ 144 w 228"/>
                  <a:gd name="T27" fmla="*/ 120 h 228"/>
                  <a:gd name="T28" fmla="*/ 120 w 228"/>
                  <a:gd name="T29" fmla="*/ 186 h 228"/>
                  <a:gd name="T30" fmla="*/ 126 w 228"/>
                  <a:gd name="T31" fmla="*/ 186 h 228"/>
                  <a:gd name="T32" fmla="*/ 120 w 228"/>
                  <a:gd name="T33" fmla="*/ 204 h 228"/>
                  <a:gd name="T34" fmla="*/ 60 w 228"/>
                  <a:gd name="T35" fmla="*/ 228 h 228"/>
                  <a:gd name="T36" fmla="*/ 48 w 228"/>
                  <a:gd name="T37" fmla="*/ 222 h 228"/>
                  <a:gd name="T38" fmla="*/ 42 w 228"/>
                  <a:gd name="T39" fmla="*/ 204 h 228"/>
                  <a:gd name="T40" fmla="*/ 12 w 228"/>
                  <a:gd name="T41" fmla="*/ 186 h 228"/>
                  <a:gd name="T42" fmla="*/ 0 w 228"/>
                  <a:gd name="T43" fmla="*/ 156 h 228"/>
                  <a:gd name="T44" fmla="*/ 18 w 228"/>
                  <a:gd name="T45" fmla="*/ 138 h 228"/>
                  <a:gd name="T46" fmla="*/ 24 w 228"/>
                  <a:gd name="T47" fmla="*/ 114 h 228"/>
                  <a:gd name="T48" fmla="*/ 36 w 228"/>
                  <a:gd name="T49" fmla="*/ 114 h 228"/>
                  <a:gd name="T50" fmla="*/ 36 w 228"/>
                  <a:gd name="T51" fmla="*/ 96 h 228"/>
                  <a:gd name="T52" fmla="*/ 72 w 228"/>
                  <a:gd name="T53" fmla="*/ 66 h 228"/>
                  <a:gd name="T54" fmla="*/ 78 w 228"/>
                  <a:gd name="T55" fmla="*/ 18 h 228"/>
                  <a:gd name="T56" fmla="*/ 72 w 228"/>
                  <a:gd name="T57" fmla="*/ 6 h 228"/>
                  <a:gd name="T58" fmla="*/ 78 w 228"/>
                  <a:gd name="T59" fmla="*/ 0 h 228"/>
                  <a:gd name="T60" fmla="*/ 90 w 228"/>
                  <a:gd name="T61" fmla="*/ 54 h 228"/>
                  <a:gd name="T62" fmla="*/ 126 w 228"/>
                  <a:gd name="T63" fmla="*/ 48 h 228"/>
                  <a:gd name="T64" fmla="*/ 138 w 228"/>
                  <a:gd name="T65" fmla="*/ 48 h 228"/>
                  <a:gd name="T66" fmla="*/ 138 w 228"/>
                  <a:gd name="T67" fmla="*/ 54 h 228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w 228"/>
                  <a:gd name="T103" fmla="*/ 0 h 228"/>
                  <a:gd name="T104" fmla="*/ 228 w 228"/>
                  <a:gd name="T105" fmla="*/ 228 h 228"/>
                </a:gdLst>
                <a:ahLst/>
                <a:cxnLst>
                  <a:cxn ang="T68">
                    <a:pos x="T0" y="T1"/>
                  </a:cxn>
                  <a:cxn ang="T69">
                    <a:pos x="T2" y="T3"/>
                  </a:cxn>
                  <a:cxn ang="T70">
                    <a:pos x="T4" y="T5"/>
                  </a:cxn>
                  <a:cxn ang="T71">
                    <a:pos x="T6" y="T7"/>
                  </a:cxn>
                  <a:cxn ang="T72">
                    <a:pos x="T8" y="T9"/>
                  </a:cxn>
                  <a:cxn ang="T73">
                    <a:pos x="T10" y="T11"/>
                  </a:cxn>
                  <a:cxn ang="T74">
                    <a:pos x="T12" y="T13"/>
                  </a:cxn>
                  <a:cxn ang="T75">
                    <a:pos x="T14" y="T15"/>
                  </a:cxn>
                  <a:cxn ang="T76">
                    <a:pos x="T16" y="T17"/>
                  </a:cxn>
                  <a:cxn ang="T77">
                    <a:pos x="T18" y="T19"/>
                  </a:cxn>
                  <a:cxn ang="T78">
                    <a:pos x="T20" y="T21"/>
                  </a:cxn>
                  <a:cxn ang="T79">
                    <a:pos x="T22" y="T23"/>
                  </a:cxn>
                  <a:cxn ang="T80">
                    <a:pos x="T24" y="T25"/>
                  </a:cxn>
                  <a:cxn ang="T81">
                    <a:pos x="T26" y="T27"/>
                  </a:cxn>
                  <a:cxn ang="T82">
                    <a:pos x="T28" y="T29"/>
                  </a:cxn>
                  <a:cxn ang="T83">
                    <a:pos x="T30" y="T31"/>
                  </a:cxn>
                  <a:cxn ang="T84">
                    <a:pos x="T32" y="T33"/>
                  </a:cxn>
                  <a:cxn ang="T85">
                    <a:pos x="T34" y="T35"/>
                  </a:cxn>
                  <a:cxn ang="T86">
                    <a:pos x="T36" y="T37"/>
                  </a:cxn>
                  <a:cxn ang="T87">
                    <a:pos x="T38" y="T39"/>
                  </a:cxn>
                  <a:cxn ang="T88">
                    <a:pos x="T40" y="T41"/>
                  </a:cxn>
                  <a:cxn ang="T89">
                    <a:pos x="T42" y="T43"/>
                  </a:cxn>
                  <a:cxn ang="T90">
                    <a:pos x="T44" y="T45"/>
                  </a:cxn>
                  <a:cxn ang="T91">
                    <a:pos x="T46" y="T47"/>
                  </a:cxn>
                  <a:cxn ang="T92">
                    <a:pos x="T48" y="T49"/>
                  </a:cxn>
                  <a:cxn ang="T93">
                    <a:pos x="T50" y="T51"/>
                  </a:cxn>
                  <a:cxn ang="T94">
                    <a:pos x="T52" y="T53"/>
                  </a:cxn>
                  <a:cxn ang="T95">
                    <a:pos x="T54" y="T55"/>
                  </a:cxn>
                  <a:cxn ang="T96">
                    <a:pos x="T56" y="T57"/>
                  </a:cxn>
                  <a:cxn ang="T97">
                    <a:pos x="T58" y="T59"/>
                  </a:cxn>
                  <a:cxn ang="T98">
                    <a:pos x="T60" y="T61"/>
                  </a:cxn>
                  <a:cxn ang="T99">
                    <a:pos x="T62" y="T63"/>
                  </a:cxn>
                  <a:cxn ang="T100">
                    <a:pos x="T64" y="T65"/>
                  </a:cxn>
                  <a:cxn ang="T101">
                    <a:pos x="T66" y="T67"/>
                  </a:cxn>
                </a:cxnLst>
                <a:rect l="T102" t="T103" r="T104" b="T105"/>
                <a:pathLst>
                  <a:path w="228" h="228">
                    <a:moveTo>
                      <a:pt x="138" y="48"/>
                    </a:moveTo>
                    <a:lnTo>
                      <a:pt x="144" y="78"/>
                    </a:lnTo>
                    <a:lnTo>
                      <a:pt x="174" y="48"/>
                    </a:lnTo>
                    <a:lnTo>
                      <a:pt x="192" y="54"/>
                    </a:lnTo>
                    <a:lnTo>
                      <a:pt x="204" y="42"/>
                    </a:lnTo>
                    <a:lnTo>
                      <a:pt x="222" y="42"/>
                    </a:lnTo>
                    <a:lnTo>
                      <a:pt x="228" y="60"/>
                    </a:lnTo>
                    <a:lnTo>
                      <a:pt x="228" y="72"/>
                    </a:lnTo>
                    <a:lnTo>
                      <a:pt x="198" y="54"/>
                    </a:lnTo>
                    <a:lnTo>
                      <a:pt x="198" y="72"/>
                    </a:lnTo>
                    <a:lnTo>
                      <a:pt x="180" y="102"/>
                    </a:lnTo>
                    <a:lnTo>
                      <a:pt x="168" y="102"/>
                    </a:lnTo>
                    <a:lnTo>
                      <a:pt x="162" y="126"/>
                    </a:lnTo>
                    <a:lnTo>
                      <a:pt x="144" y="120"/>
                    </a:lnTo>
                    <a:lnTo>
                      <a:pt x="120" y="186"/>
                    </a:lnTo>
                    <a:lnTo>
                      <a:pt x="126" y="186"/>
                    </a:lnTo>
                    <a:lnTo>
                      <a:pt x="120" y="204"/>
                    </a:lnTo>
                    <a:lnTo>
                      <a:pt x="60" y="228"/>
                    </a:lnTo>
                    <a:lnTo>
                      <a:pt x="48" y="222"/>
                    </a:lnTo>
                    <a:lnTo>
                      <a:pt x="42" y="204"/>
                    </a:lnTo>
                    <a:lnTo>
                      <a:pt x="12" y="186"/>
                    </a:lnTo>
                    <a:lnTo>
                      <a:pt x="0" y="156"/>
                    </a:lnTo>
                    <a:lnTo>
                      <a:pt x="18" y="138"/>
                    </a:lnTo>
                    <a:lnTo>
                      <a:pt x="24" y="114"/>
                    </a:lnTo>
                    <a:lnTo>
                      <a:pt x="36" y="114"/>
                    </a:lnTo>
                    <a:lnTo>
                      <a:pt x="36" y="96"/>
                    </a:lnTo>
                    <a:lnTo>
                      <a:pt x="72" y="66"/>
                    </a:lnTo>
                    <a:lnTo>
                      <a:pt x="78" y="18"/>
                    </a:lnTo>
                    <a:lnTo>
                      <a:pt x="72" y="6"/>
                    </a:lnTo>
                    <a:lnTo>
                      <a:pt x="78" y="0"/>
                    </a:lnTo>
                    <a:lnTo>
                      <a:pt x="90" y="54"/>
                    </a:lnTo>
                    <a:lnTo>
                      <a:pt x="126" y="48"/>
                    </a:lnTo>
                    <a:lnTo>
                      <a:pt x="138" y="48"/>
                    </a:lnTo>
                    <a:lnTo>
                      <a:pt x="138" y="5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98" name="Freeform 375"/>
              <p:cNvSpPr>
                <a:spLocks noChangeAspect="1"/>
              </p:cNvSpPr>
              <p:nvPr/>
            </p:nvSpPr>
            <p:spPr bwMode="auto">
              <a:xfrm>
                <a:off x="1578" y="1746"/>
                <a:ext cx="270" cy="282"/>
              </a:xfrm>
              <a:custGeom>
                <a:avLst/>
                <a:gdLst>
                  <a:gd name="T0" fmla="*/ 114 w 270"/>
                  <a:gd name="T1" fmla="*/ 282 h 282"/>
                  <a:gd name="T2" fmla="*/ 96 w 270"/>
                  <a:gd name="T3" fmla="*/ 264 h 282"/>
                  <a:gd name="T4" fmla="*/ 90 w 270"/>
                  <a:gd name="T5" fmla="*/ 246 h 282"/>
                  <a:gd name="T6" fmla="*/ 96 w 270"/>
                  <a:gd name="T7" fmla="*/ 234 h 282"/>
                  <a:gd name="T8" fmla="*/ 84 w 270"/>
                  <a:gd name="T9" fmla="*/ 216 h 282"/>
                  <a:gd name="T10" fmla="*/ 78 w 270"/>
                  <a:gd name="T11" fmla="*/ 186 h 282"/>
                  <a:gd name="T12" fmla="*/ 12 w 270"/>
                  <a:gd name="T13" fmla="*/ 138 h 282"/>
                  <a:gd name="T14" fmla="*/ 12 w 270"/>
                  <a:gd name="T15" fmla="*/ 96 h 282"/>
                  <a:gd name="T16" fmla="*/ 0 w 270"/>
                  <a:gd name="T17" fmla="*/ 84 h 282"/>
                  <a:gd name="T18" fmla="*/ 12 w 270"/>
                  <a:gd name="T19" fmla="*/ 66 h 282"/>
                  <a:gd name="T20" fmla="*/ 30 w 270"/>
                  <a:gd name="T21" fmla="*/ 54 h 282"/>
                  <a:gd name="T22" fmla="*/ 30 w 270"/>
                  <a:gd name="T23" fmla="*/ 18 h 282"/>
                  <a:gd name="T24" fmla="*/ 36 w 270"/>
                  <a:gd name="T25" fmla="*/ 12 h 282"/>
                  <a:gd name="T26" fmla="*/ 48 w 270"/>
                  <a:gd name="T27" fmla="*/ 18 h 282"/>
                  <a:gd name="T28" fmla="*/ 90 w 270"/>
                  <a:gd name="T29" fmla="*/ 0 h 282"/>
                  <a:gd name="T30" fmla="*/ 90 w 270"/>
                  <a:gd name="T31" fmla="*/ 18 h 282"/>
                  <a:gd name="T32" fmla="*/ 114 w 270"/>
                  <a:gd name="T33" fmla="*/ 24 h 282"/>
                  <a:gd name="T34" fmla="*/ 126 w 270"/>
                  <a:gd name="T35" fmla="*/ 36 h 282"/>
                  <a:gd name="T36" fmla="*/ 216 w 270"/>
                  <a:gd name="T37" fmla="*/ 54 h 282"/>
                  <a:gd name="T38" fmla="*/ 234 w 270"/>
                  <a:gd name="T39" fmla="*/ 66 h 282"/>
                  <a:gd name="T40" fmla="*/ 228 w 270"/>
                  <a:gd name="T41" fmla="*/ 90 h 282"/>
                  <a:gd name="T42" fmla="*/ 240 w 270"/>
                  <a:gd name="T43" fmla="*/ 90 h 282"/>
                  <a:gd name="T44" fmla="*/ 234 w 270"/>
                  <a:gd name="T45" fmla="*/ 102 h 282"/>
                  <a:gd name="T46" fmla="*/ 246 w 270"/>
                  <a:gd name="T47" fmla="*/ 102 h 282"/>
                  <a:gd name="T48" fmla="*/ 228 w 270"/>
                  <a:gd name="T49" fmla="*/ 132 h 282"/>
                  <a:gd name="T50" fmla="*/ 234 w 270"/>
                  <a:gd name="T51" fmla="*/ 144 h 282"/>
                  <a:gd name="T52" fmla="*/ 270 w 270"/>
                  <a:gd name="T53" fmla="*/ 90 h 282"/>
                  <a:gd name="T54" fmla="*/ 246 w 270"/>
                  <a:gd name="T55" fmla="*/ 174 h 282"/>
                  <a:gd name="T56" fmla="*/ 240 w 270"/>
                  <a:gd name="T57" fmla="*/ 222 h 282"/>
                  <a:gd name="T58" fmla="*/ 252 w 270"/>
                  <a:gd name="T59" fmla="*/ 270 h 282"/>
                  <a:gd name="T60" fmla="*/ 126 w 270"/>
                  <a:gd name="T61" fmla="*/ 276 h 282"/>
                  <a:gd name="T62" fmla="*/ 114 w 270"/>
                  <a:gd name="T63" fmla="*/ 282 h 282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270"/>
                  <a:gd name="T97" fmla="*/ 0 h 282"/>
                  <a:gd name="T98" fmla="*/ 270 w 270"/>
                  <a:gd name="T99" fmla="*/ 282 h 282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270" h="282">
                    <a:moveTo>
                      <a:pt x="114" y="282"/>
                    </a:moveTo>
                    <a:lnTo>
                      <a:pt x="96" y="264"/>
                    </a:lnTo>
                    <a:lnTo>
                      <a:pt x="90" y="246"/>
                    </a:lnTo>
                    <a:lnTo>
                      <a:pt x="96" y="234"/>
                    </a:lnTo>
                    <a:lnTo>
                      <a:pt x="84" y="216"/>
                    </a:lnTo>
                    <a:lnTo>
                      <a:pt x="78" y="186"/>
                    </a:lnTo>
                    <a:lnTo>
                      <a:pt x="12" y="138"/>
                    </a:lnTo>
                    <a:lnTo>
                      <a:pt x="12" y="96"/>
                    </a:lnTo>
                    <a:lnTo>
                      <a:pt x="0" y="84"/>
                    </a:lnTo>
                    <a:lnTo>
                      <a:pt x="12" y="66"/>
                    </a:lnTo>
                    <a:lnTo>
                      <a:pt x="30" y="54"/>
                    </a:lnTo>
                    <a:lnTo>
                      <a:pt x="30" y="18"/>
                    </a:lnTo>
                    <a:lnTo>
                      <a:pt x="36" y="12"/>
                    </a:lnTo>
                    <a:lnTo>
                      <a:pt x="48" y="18"/>
                    </a:lnTo>
                    <a:lnTo>
                      <a:pt x="90" y="0"/>
                    </a:lnTo>
                    <a:lnTo>
                      <a:pt x="90" y="18"/>
                    </a:lnTo>
                    <a:lnTo>
                      <a:pt x="114" y="24"/>
                    </a:lnTo>
                    <a:lnTo>
                      <a:pt x="126" y="36"/>
                    </a:lnTo>
                    <a:lnTo>
                      <a:pt x="216" y="54"/>
                    </a:lnTo>
                    <a:lnTo>
                      <a:pt x="234" y="66"/>
                    </a:lnTo>
                    <a:lnTo>
                      <a:pt x="228" y="90"/>
                    </a:lnTo>
                    <a:lnTo>
                      <a:pt x="240" y="90"/>
                    </a:lnTo>
                    <a:lnTo>
                      <a:pt x="234" y="102"/>
                    </a:lnTo>
                    <a:lnTo>
                      <a:pt x="246" y="102"/>
                    </a:lnTo>
                    <a:lnTo>
                      <a:pt x="228" y="132"/>
                    </a:lnTo>
                    <a:lnTo>
                      <a:pt x="234" y="144"/>
                    </a:lnTo>
                    <a:lnTo>
                      <a:pt x="270" y="90"/>
                    </a:lnTo>
                    <a:lnTo>
                      <a:pt x="246" y="174"/>
                    </a:lnTo>
                    <a:lnTo>
                      <a:pt x="240" y="222"/>
                    </a:lnTo>
                    <a:lnTo>
                      <a:pt x="252" y="270"/>
                    </a:lnTo>
                    <a:lnTo>
                      <a:pt x="126" y="276"/>
                    </a:lnTo>
                    <a:lnTo>
                      <a:pt x="114" y="282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999" name="Freeform 376"/>
              <p:cNvSpPr>
                <a:spLocks noChangeAspect="1"/>
              </p:cNvSpPr>
              <p:nvPr/>
            </p:nvSpPr>
            <p:spPr bwMode="auto">
              <a:xfrm>
                <a:off x="1578" y="1746"/>
                <a:ext cx="270" cy="288"/>
              </a:xfrm>
              <a:custGeom>
                <a:avLst/>
                <a:gdLst>
                  <a:gd name="T0" fmla="*/ 114 w 270"/>
                  <a:gd name="T1" fmla="*/ 282 h 288"/>
                  <a:gd name="T2" fmla="*/ 96 w 270"/>
                  <a:gd name="T3" fmla="*/ 264 h 288"/>
                  <a:gd name="T4" fmla="*/ 90 w 270"/>
                  <a:gd name="T5" fmla="*/ 246 h 288"/>
                  <a:gd name="T6" fmla="*/ 96 w 270"/>
                  <a:gd name="T7" fmla="*/ 234 h 288"/>
                  <a:gd name="T8" fmla="*/ 84 w 270"/>
                  <a:gd name="T9" fmla="*/ 216 h 288"/>
                  <a:gd name="T10" fmla="*/ 78 w 270"/>
                  <a:gd name="T11" fmla="*/ 186 h 288"/>
                  <a:gd name="T12" fmla="*/ 12 w 270"/>
                  <a:gd name="T13" fmla="*/ 138 h 288"/>
                  <a:gd name="T14" fmla="*/ 12 w 270"/>
                  <a:gd name="T15" fmla="*/ 96 h 288"/>
                  <a:gd name="T16" fmla="*/ 0 w 270"/>
                  <a:gd name="T17" fmla="*/ 84 h 288"/>
                  <a:gd name="T18" fmla="*/ 12 w 270"/>
                  <a:gd name="T19" fmla="*/ 66 h 288"/>
                  <a:gd name="T20" fmla="*/ 30 w 270"/>
                  <a:gd name="T21" fmla="*/ 54 h 288"/>
                  <a:gd name="T22" fmla="*/ 30 w 270"/>
                  <a:gd name="T23" fmla="*/ 18 h 288"/>
                  <a:gd name="T24" fmla="*/ 36 w 270"/>
                  <a:gd name="T25" fmla="*/ 12 h 288"/>
                  <a:gd name="T26" fmla="*/ 48 w 270"/>
                  <a:gd name="T27" fmla="*/ 18 h 288"/>
                  <a:gd name="T28" fmla="*/ 90 w 270"/>
                  <a:gd name="T29" fmla="*/ 0 h 288"/>
                  <a:gd name="T30" fmla="*/ 90 w 270"/>
                  <a:gd name="T31" fmla="*/ 18 h 288"/>
                  <a:gd name="T32" fmla="*/ 114 w 270"/>
                  <a:gd name="T33" fmla="*/ 24 h 288"/>
                  <a:gd name="T34" fmla="*/ 126 w 270"/>
                  <a:gd name="T35" fmla="*/ 36 h 288"/>
                  <a:gd name="T36" fmla="*/ 216 w 270"/>
                  <a:gd name="T37" fmla="*/ 54 h 288"/>
                  <a:gd name="T38" fmla="*/ 234 w 270"/>
                  <a:gd name="T39" fmla="*/ 66 h 288"/>
                  <a:gd name="T40" fmla="*/ 228 w 270"/>
                  <a:gd name="T41" fmla="*/ 90 h 288"/>
                  <a:gd name="T42" fmla="*/ 240 w 270"/>
                  <a:gd name="T43" fmla="*/ 90 h 288"/>
                  <a:gd name="T44" fmla="*/ 234 w 270"/>
                  <a:gd name="T45" fmla="*/ 102 h 288"/>
                  <a:gd name="T46" fmla="*/ 246 w 270"/>
                  <a:gd name="T47" fmla="*/ 102 h 288"/>
                  <a:gd name="T48" fmla="*/ 228 w 270"/>
                  <a:gd name="T49" fmla="*/ 132 h 288"/>
                  <a:gd name="T50" fmla="*/ 234 w 270"/>
                  <a:gd name="T51" fmla="*/ 144 h 288"/>
                  <a:gd name="T52" fmla="*/ 270 w 270"/>
                  <a:gd name="T53" fmla="*/ 90 h 288"/>
                  <a:gd name="T54" fmla="*/ 246 w 270"/>
                  <a:gd name="T55" fmla="*/ 174 h 288"/>
                  <a:gd name="T56" fmla="*/ 240 w 270"/>
                  <a:gd name="T57" fmla="*/ 222 h 288"/>
                  <a:gd name="T58" fmla="*/ 252 w 270"/>
                  <a:gd name="T59" fmla="*/ 270 h 288"/>
                  <a:gd name="T60" fmla="*/ 126 w 270"/>
                  <a:gd name="T61" fmla="*/ 276 h 288"/>
                  <a:gd name="T62" fmla="*/ 114 w 270"/>
                  <a:gd name="T63" fmla="*/ 282 h 288"/>
                  <a:gd name="T64" fmla="*/ 114 w 270"/>
                  <a:gd name="T65" fmla="*/ 288 h 288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270"/>
                  <a:gd name="T100" fmla="*/ 0 h 288"/>
                  <a:gd name="T101" fmla="*/ 270 w 270"/>
                  <a:gd name="T102" fmla="*/ 288 h 288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270" h="288">
                    <a:moveTo>
                      <a:pt x="114" y="282"/>
                    </a:moveTo>
                    <a:lnTo>
                      <a:pt x="96" y="264"/>
                    </a:lnTo>
                    <a:lnTo>
                      <a:pt x="90" y="246"/>
                    </a:lnTo>
                    <a:lnTo>
                      <a:pt x="96" y="234"/>
                    </a:lnTo>
                    <a:lnTo>
                      <a:pt x="84" y="216"/>
                    </a:lnTo>
                    <a:lnTo>
                      <a:pt x="78" y="186"/>
                    </a:lnTo>
                    <a:lnTo>
                      <a:pt x="12" y="138"/>
                    </a:lnTo>
                    <a:lnTo>
                      <a:pt x="12" y="96"/>
                    </a:lnTo>
                    <a:lnTo>
                      <a:pt x="0" y="84"/>
                    </a:lnTo>
                    <a:lnTo>
                      <a:pt x="12" y="66"/>
                    </a:lnTo>
                    <a:lnTo>
                      <a:pt x="30" y="54"/>
                    </a:lnTo>
                    <a:lnTo>
                      <a:pt x="30" y="18"/>
                    </a:lnTo>
                    <a:lnTo>
                      <a:pt x="36" y="12"/>
                    </a:lnTo>
                    <a:lnTo>
                      <a:pt x="48" y="18"/>
                    </a:lnTo>
                    <a:lnTo>
                      <a:pt x="90" y="0"/>
                    </a:lnTo>
                    <a:lnTo>
                      <a:pt x="90" y="18"/>
                    </a:lnTo>
                    <a:lnTo>
                      <a:pt x="114" y="24"/>
                    </a:lnTo>
                    <a:lnTo>
                      <a:pt x="126" y="36"/>
                    </a:lnTo>
                    <a:lnTo>
                      <a:pt x="216" y="54"/>
                    </a:lnTo>
                    <a:lnTo>
                      <a:pt x="234" y="66"/>
                    </a:lnTo>
                    <a:lnTo>
                      <a:pt x="228" y="90"/>
                    </a:lnTo>
                    <a:lnTo>
                      <a:pt x="240" y="90"/>
                    </a:lnTo>
                    <a:lnTo>
                      <a:pt x="234" y="102"/>
                    </a:lnTo>
                    <a:lnTo>
                      <a:pt x="246" y="102"/>
                    </a:lnTo>
                    <a:lnTo>
                      <a:pt x="228" y="132"/>
                    </a:lnTo>
                    <a:lnTo>
                      <a:pt x="234" y="144"/>
                    </a:lnTo>
                    <a:lnTo>
                      <a:pt x="270" y="90"/>
                    </a:lnTo>
                    <a:lnTo>
                      <a:pt x="246" y="174"/>
                    </a:lnTo>
                    <a:lnTo>
                      <a:pt x="240" y="222"/>
                    </a:lnTo>
                    <a:lnTo>
                      <a:pt x="252" y="270"/>
                    </a:lnTo>
                    <a:lnTo>
                      <a:pt x="126" y="276"/>
                    </a:lnTo>
                    <a:lnTo>
                      <a:pt x="114" y="282"/>
                    </a:lnTo>
                    <a:lnTo>
                      <a:pt x="114" y="28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00" name="Freeform 377"/>
              <p:cNvSpPr>
                <a:spLocks noChangeAspect="1"/>
              </p:cNvSpPr>
              <p:nvPr/>
            </p:nvSpPr>
            <p:spPr bwMode="auto">
              <a:xfrm>
                <a:off x="720" y="1818"/>
                <a:ext cx="354" cy="294"/>
              </a:xfrm>
              <a:custGeom>
                <a:avLst/>
                <a:gdLst>
                  <a:gd name="T0" fmla="*/ 342 w 354"/>
                  <a:gd name="T1" fmla="*/ 168 h 294"/>
                  <a:gd name="T2" fmla="*/ 336 w 354"/>
                  <a:gd name="T3" fmla="*/ 294 h 294"/>
                  <a:gd name="T4" fmla="*/ 96 w 354"/>
                  <a:gd name="T5" fmla="*/ 270 h 294"/>
                  <a:gd name="T6" fmla="*/ 0 w 354"/>
                  <a:gd name="T7" fmla="*/ 252 h 294"/>
                  <a:gd name="T8" fmla="*/ 12 w 354"/>
                  <a:gd name="T9" fmla="*/ 192 h 294"/>
                  <a:gd name="T10" fmla="*/ 36 w 354"/>
                  <a:gd name="T11" fmla="*/ 30 h 294"/>
                  <a:gd name="T12" fmla="*/ 42 w 354"/>
                  <a:gd name="T13" fmla="*/ 0 h 294"/>
                  <a:gd name="T14" fmla="*/ 354 w 354"/>
                  <a:gd name="T15" fmla="*/ 36 h 294"/>
                  <a:gd name="T16" fmla="*/ 348 w 354"/>
                  <a:gd name="T17" fmla="*/ 138 h 294"/>
                  <a:gd name="T18" fmla="*/ 342 w 354"/>
                  <a:gd name="T19" fmla="*/ 168 h 294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54"/>
                  <a:gd name="T31" fmla="*/ 0 h 294"/>
                  <a:gd name="T32" fmla="*/ 354 w 354"/>
                  <a:gd name="T33" fmla="*/ 294 h 294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54" h="294">
                    <a:moveTo>
                      <a:pt x="342" y="168"/>
                    </a:moveTo>
                    <a:lnTo>
                      <a:pt x="336" y="294"/>
                    </a:lnTo>
                    <a:lnTo>
                      <a:pt x="96" y="270"/>
                    </a:lnTo>
                    <a:lnTo>
                      <a:pt x="0" y="252"/>
                    </a:lnTo>
                    <a:lnTo>
                      <a:pt x="12" y="192"/>
                    </a:lnTo>
                    <a:lnTo>
                      <a:pt x="36" y="30"/>
                    </a:lnTo>
                    <a:lnTo>
                      <a:pt x="42" y="0"/>
                    </a:lnTo>
                    <a:lnTo>
                      <a:pt x="354" y="36"/>
                    </a:lnTo>
                    <a:lnTo>
                      <a:pt x="348" y="138"/>
                    </a:lnTo>
                    <a:lnTo>
                      <a:pt x="342" y="16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20001" name="Freeform 378"/>
              <p:cNvSpPr>
                <a:spLocks noChangeAspect="1"/>
              </p:cNvSpPr>
              <p:nvPr/>
            </p:nvSpPr>
            <p:spPr bwMode="auto">
              <a:xfrm>
                <a:off x="720" y="1818"/>
                <a:ext cx="354" cy="294"/>
              </a:xfrm>
              <a:custGeom>
                <a:avLst/>
                <a:gdLst>
                  <a:gd name="T0" fmla="*/ 342 w 354"/>
                  <a:gd name="T1" fmla="*/ 168 h 294"/>
                  <a:gd name="T2" fmla="*/ 336 w 354"/>
                  <a:gd name="T3" fmla="*/ 294 h 294"/>
                  <a:gd name="T4" fmla="*/ 96 w 354"/>
                  <a:gd name="T5" fmla="*/ 270 h 294"/>
                  <a:gd name="T6" fmla="*/ 0 w 354"/>
                  <a:gd name="T7" fmla="*/ 252 h 294"/>
                  <a:gd name="T8" fmla="*/ 12 w 354"/>
                  <a:gd name="T9" fmla="*/ 192 h 294"/>
                  <a:gd name="T10" fmla="*/ 36 w 354"/>
                  <a:gd name="T11" fmla="*/ 30 h 294"/>
                  <a:gd name="T12" fmla="*/ 42 w 354"/>
                  <a:gd name="T13" fmla="*/ 0 h 294"/>
                  <a:gd name="T14" fmla="*/ 354 w 354"/>
                  <a:gd name="T15" fmla="*/ 36 h 294"/>
                  <a:gd name="T16" fmla="*/ 348 w 354"/>
                  <a:gd name="T17" fmla="*/ 138 h 294"/>
                  <a:gd name="T18" fmla="*/ 342 w 354"/>
                  <a:gd name="T19" fmla="*/ 168 h 294"/>
                  <a:gd name="T20" fmla="*/ 342 w 354"/>
                  <a:gd name="T21" fmla="*/ 174 h 29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54"/>
                  <a:gd name="T34" fmla="*/ 0 h 294"/>
                  <a:gd name="T35" fmla="*/ 354 w 354"/>
                  <a:gd name="T36" fmla="*/ 294 h 29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54" h="294">
                    <a:moveTo>
                      <a:pt x="342" y="168"/>
                    </a:moveTo>
                    <a:lnTo>
                      <a:pt x="336" y="294"/>
                    </a:lnTo>
                    <a:lnTo>
                      <a:pt x="96" y="270"/>
                    </a:lnTo>
                    <a:lnTo>
                      <a:pt x="0" y="252"/>
                    </a:lnTo>
                    <a:lnTo>
                      <a:pt x="12" y="192"/>
                    </a:lnTo>
                    <a:lnTo>
                      <a:pt x="36" y="30"/>
                    </a:lnTo>
                    <a:lnTo>
                      <a:pt x="42" y="0"/>
                    </a:lnTo>
                    <a:lnTo>
                      <a:pt x="354" y="36"/>
                    </a:lnTo>
                    <a:lnTo>
                      <a:pt x="348" y="138"/>
                    </a:lnTo>
                    <a:lnTo>
                      <a:pt x="342" y="168"/>
                    </a:lnTo>
                    <a:lnTo>
                      <a:pt x="342" y="17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19879" name="Rectangle 379"/>
            <p:cNvSpPr>
              <a:spLocks noChangeArrowheads="1"/>
            </p:cNvSpPr>
            <p:nvPr/>
          </p:nvSpPr>
          <p:spPr bwMode="auto">
            <a:xfrm>
              <a:off x="2618" y="912"/>
              <a:ext cx="576" cy="24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anchor="ctr"/>
            <a:lstStyle/>
            <a:p>
              <a:pPr algn="ctr"/>
              <a:r>
                <a:rPr lang="en-US" sz="1600" b="1" dirty="0"/>
                <a:t>2000</a:t>
              </a:r>
            </a:p>
          </p:txBody>
        </p:sp>
      </p:grpSp>
      <p:grpSp>
        <p:nvGrpSpPr>
          <p:cNvPr id="8" name="Group 380"/>
          <p:cNvGrpSpPr>
            <a:grpSpLocks/>
          </p:cNvGrpSpPr>
          <p:nvPr/>
        </p:nvGrpSpPr>
        <p:grpSpPr bwMode="auto">
          <a:xfrm>
            <a:off x="3581400" y="3962400"/>
            <a:ext cx="2130425" cy="1962150"/>
            <a:chOff x="2256" y="2592"/>
            <a:chExt cx="1342" cy="1236"/>
          </a:xfrm>
        </p:grpSpPr>
        <p:grpSp>
          <p:nvGrpSpPr>
            <p:cNvPr id="19753" name="Group 381"/>
            <p:cNvGrpSpPr>
              <a:grpSpLocks noChangeAspect="1"/>
            </p:cNvGrpSpPr>
            <p:nvPr/>
          </p:nvGrpSpPr>
          <p:grpSpPr bwMode="auto">
            <a:xfrm>
              <a:off x="2256" y="2637"/>
              <a:ext cx="1342" cy="1191"/>
              <a:chOff x="1179" y="774"/>
              <a:chExt cx="3408" cy="2730"/>
            </a:xfrm>
          </p:grpSpPr>
          <p:sp>
            <p:nvSpPr>
              <p:cNvPr id="19755" name="AutoShape 382"/>
              <p:cNvSpPr>
                <a:spLocks noChangeAspect="1" noChangeArrowheads="1"/>
              </p:cNvSpPr>
              <p:nvPr/>
            </p:nvSpPr>
            <p:spPr bwMode="auto">
              <a:xfrm>
                <a:off x="1179" y="774"/>
                <a:ext cx="3402" cy="2724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56" name="Rectangle 383"/>
              <p:cNvSpPr>
                <a:spLocks noChangeAspect="1" noChangeArrowheads="1"/>
              </p:cNvSpPr>
              <p:nvPr/>
            </p:nvSpPr>
            <p:spPr bwMode="auto">
              <a:xfrm>
                <a:off x="1179" y="774"/>
                <a:ext cx="3408" cy="2730"/>
              </a:xfrm>
              <a:prstGeom prst="rect">
                <a:avLst/>
              </a:prstGeom>
              <a:solidFill>
                <a:srgbClr val="FFFFFF">
                  <a:alpha val="0"/>
                </a:srgbClr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57" name="Rectangle 384"/>
              <p:cNvSpPr>
                <a:spLocks noChangeAspect="1" noChangeArrowheads="1"/>
              </p:cNvSpPr>
              <p:nvPr/>
            </p:nvSpPr>
            <p:spPr bwMode="auto">
              <a:xfrm>
                <a:off x="1215" y="816"/>
                <a:ext cx="3336" cy="2646"/>
              </a:xfrm>
              <a:prstGeom prst="rect">
                <a:avLst/>
              </a:prstGeom>
              <a:solidFill>
                <a:srgbClr val="FFFFFF">
                  <a:alpha val="0"/>
                </a:srgbClr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58" name="Freeform 385"/>
              <p:cNvSpPr>
                <a:spLocks noChangeAspect="1"/>
              </p:cNvSpPr>
              <p:nvPr/>
            </p:nvSpPr>
            <p:spPr bwMode="auto">
              <a:xfrm>
                <a:off x="3411" y="2394"/>
                <a:ext cx="234" cy="378"/>
              </a:xfrm>
              <a:custGeom>
                <a:avLst/>
                <a:gdLst>
                  <a:gd name="T0" fmla="*/ 234 w 234"/>
                  <a:gd name="T1" fmla="*/ 300 h 378"/>
                  <a:gd name="T2" fmla="*/ 60 w 234"/>
                  <a:gd name="T3" fmla="*/ 318 h 378"/>
                  <a:gd name="T4" fmla="*/ 60 w 234"/>
                  <a:gd name="T5" fmla="*/ 330 h 378"/>
                  <a:gd name="T6" fmla="*/ 78 w 234"/>
                  <a:gd name="T7" fmla="*/ 348 h 378"/>
                  <a:gd name="T8" fmla="*/ 78 w 234"/>
                  <a:gd name="T9" fmla="*/ 366 h 378"/>
                  <a:gd name="T10" fmla="*/ 42 w 234"/>
                  <a:gd name="T11" fmla="*/ 378 h 378"/>
                  <a:gd name="T12" fmla="*/ 54 w 234"/>
                  <a:gd name="T13" fmla="*/ 372 h 378"/>
                  <a:gd name="T14" fmla="*/ 36 w 234"/>
                  <a:gd name="T15" fmla="*/ 336 h 378"/>
                  <a:gd name="T16" fmla="*/ 30 w 234"/>
                  <a:gd name="T17" fmla="*/ 372 h 378"/>
                  <a:gd name="T18" fmla="*/ 12 w 234"/>
                  <a:gd name="T19" fmla="*/ 372 h 378"/>
                  <a:gd name="T20" fmla="*/ 12 w 234"/>
                  <a:gd name="T21" fmla="*/ 342 h 378"/>
                  <a:gd name="T22" fmla="*/ 0 w 234"/>
                  <a:gd name="T23" fmla="*/ 258 h 378"/>
                  <a:gd name="T24" fmla="*/ 0 w 234"/>
                  <a:gd name="T25" fmla="*/ 12 h 378"/>
                  <a:gd name="T26" fmla="*/ 162 w 234"/>
                  <a:gd name="T27" fmla="*/ 0 h 378"/>
                  <a:gd name="T28" fmla="*/ 204 w 234"/>
                  <a:gd name="T29" fmla="*/ 162 h 378"/>
                  <a:gd name="T30" fmla="*/ 228 w 234"/>
                  <a:gd name="T31" fmla="*/ 204 h 378"/>
                  <a:gd name="T32" fmla="*/ 216 w 234"/>
                  <a:gd name="T33" fmla="*/ 234 h 378"/>
                  <a:gd name="T34" fmla="*/ 234 w 234"/>
                  <a:gd name="T35" fmla="*/ 300 h 378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234"/>
                  <a:gd name="T55" fmla="*/ 0 h 378"/>
                  <a:gd name="T56" fmla="*/ 234 w 234"/>
                  <a:gd name="T57" fmla="*/ 378 h 378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234" h="378">
                    <a:moveTo>
                      <a:pt x="234" y="300"/>
                    </a:moveTo>
                    <a:lnTo>
                      <a:pt x="60" y="318"/>
                    </a:lnTo>
                    <a:lnTo>
                      <a:pt x="60" y="330"/>
                    </a:lnTo>
                    <a:lnTo>
                      <a:pt x="78" y="348"/>
                    </a:lnTo>
                    <a:lnTo>
                      <a:pt x="78" y="366"/>
                    </a:lnTo>
                    <a:lnTo>
                      <a:pt x="42" y="378"/>
                    </a:lnTo>
                    <a:lnTo>
                      <a:pt x="54" y="372"/>
                    </a:lnTo>
                    <a:lnTo>
                      <a:pt x="36" y="336"/>
                    </a:lnTo>
                    <a:lnTo>
                      <a:pt x="30" y="372"/>
                    </a:lnTo>
                    <a:lnTo>
                      <a:pt x="12" y="372"/>
                    </a:lnTo>
                    <a:lnTo>
                      <a:pt x="12" y="342"/>
                    </a:lnTo>
                    <a:lnTo>
                      <a:pt x="0" y="258"/>
                    </a:lnTo>
                    <a:lnTo>
                      <a:pt x="0" y="12"/>
                    </a:lnTo>
                    <a:lnTo>
                      <a:pt x="162" y="0"/>
                    </a:lnTo>
                    <a:lnTo>
                      <a:pt x="204" y="162"/>
                    </a:lnTo>
                    <a:lnTo>
                      <a:pt x="228" y="204"/>
                    </a:lnTo>
                    <a:lnTo>
                      <a:pt x="216" y="234"/>
                    </a:lnTo>
                    <a:lnTo>
                      <a:pt x="234" y="30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59" name="Freeform 386"/>
              <p:cNvSpPr>
                <a:spLocks noChangeAspect="1"/>
              </p:cNvSpPr>
              <p:nvPr/>
            </p:nvSpPr>
            <p:spPr bwMode="auto">
              <a:xfrm>
                <a:off x="3411" y="2394"/>
                <a:ext cx="234" cy="378"/>
              </a:xfrm>
              <a:custGeom>
                <a:avLst/>
                <a:gdLst>
                  <a:gd name="T0" fmla="*/ 234 w 234"/>
                  <a:gd name="T1" fmla="*/ 300 h 378"/>
                  <a:gd name="T2" fmla="*/ 60 w 234"/>
                  <a:gd name="T3" fmla="*/ 318 h 378"/>
                  <a:gd name="T4" fmla="*/ 60 w 234"/>
                  <a:gd name="T5" fmla="*/ 330 h 378"/>
                  <a:gd name="T6" fmla="*/ 78 w 234"/>
                  <a:gd name="T7" fmla="*/ 348 h 378"/>
                  <a:gd name="T8" fmla="*/ 78 w 234"/>
                  <a:gd name="T9" fmla="*/ 366 h 378"/>
                  <a:gd name="T10" fmla="*/ 42 w 234"/>
                  <a:gd name="T11" fmla="*/ 378 h 378"/>
                  <a:gd name="T12" fmla="*/ 54 w 234"/>
                  <a:gd name="T13" fmla="*/ 372 h 378"/>
                  <a:gd name="T14" fmla="*/ 36 w 234"/>
                  <a:gd name="T15" fmla="*/ 336 h 378"/>
                  <a:gd name="T16" fmla="*/ 30 w 234"/>
                  <a:gd name="T17" fmla="*/ 372 h 378"/>
                  <a:gd name="T18" fmla="*/ 12 w 234"/>
                  <a:gd name="T19" fmla="*/ 372 h 378"/>
                  <a:gd name="T20" fmla="*/ 12 w 234"/>
                  <a:gd name="T21" fmla="*/ 342 h 378"/>
                  <a:gd name="T22" fmla="*/ 0 w 234"/>
                  <a:gd name="T23" fmla="*/ 258 h 378"/>
                  <a:gd name="T24" fmla="*/ 0 w 234"/>
                  <a:gd name="T25" fmla="*/ 12 h 378"/>
                  <a:gd name="T26" fmla="*/ 162 w 234"/>
                  <a:gd name="T27" fmla="*/ 0 h 378"/>
                  <a:gd name="T28" fmla="*/ 204 w 234"/>
                  <a:gd name="T29" fmla="*/ 162 h 378"/>
                  <a:gd name="T30" fmla="*/ 228 w 234"/>
                  <a:gd name="T31" fmla="*/ 204 h 378"/>
                  <a:gd name="T32" fmla="*/ 216 w 234"/>
                  <a:gd name="T33" fmla="*/ 234 h 378"/>
                  <a:gd name="T34" fmla="*/ 234 w 234"/>
                  <a:gd name="T35" fmla="*/ 300 h 378"/>
                  <a:gd name="T36" fmla="*/ 234 w 234"/>
                  <a:gd name="T37" fmla="*/ 306 h 378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234"/>
                  <a:gd name="T58" fmla="*/ 0 h 378"/>
                  <a:gd name="T59" fmla="*/ 234 w 234"/>
                  <a:gd name="T60" fmla="*/ 378 h 378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234" h="378">
                    <a:moveTo>
                      <a:pt x="234" y="300"/>
                    </a:moveTo>
                    <a:lnTo>
                      <a:pt x="60" y="318"/>
                    </a:lnTo>
                    <a:lnTo>
                      <a:pt x="60" y="330"/>
                    </a:lnTo>
                    <a:lnTo>
                      <a:pt x="78" y="348"/>
                    </a:lnTo>
                    <a:lnTo>
                      <a:pt x="78" y="366"/>
                    </a:lnTo>
                    <a:lnTo>
                      <a:pt x="42" y="378"/>
                    </a:lnTo>
                    <a:lnTo>
                      <a:pt x="54" y="372"/>
                    </a:lnTo>
                    <a:lnTo>
                      <a:pt x="36" y="336"/>
                    </a:lnTo>
                    <a:lnTo>
                      <a:pt x="30" y="372"/>
                    </a:lnTo>
                    <a:lnTo>
                      <a:pt x="12" y="372"/>
                    </a:lnTo>
                    <a:lnTo>
                      <a:pt x="12" y="342"/>
                    </a:lnTo>
                    <a:lnTo>
                      <a:pt x="0" y="258"/>
                    </a:lnTo>
                    <a:lnTo>
                      <a:pt x="0" y="12"/>
                    </a:lnTo>
                    <a:lnTo>
                      <a:pt x="162" y="0"/>
                    </a:lnTo>
                    <a:lnTo>
                      <a:pt x="204" y="162"/>
                    </a:lnTo>
                    <a:lnTo>
                      <a:pt x="228" y="204"/>
                    </a:lnTo>
                    <a:lnTo>
                      <a:pt x="216" y="234"/>
                    </a:lnTo>
                    <a:lnTo>
                      <a:pt x="234" y="300"/>
                    </a:lnTo>
                    <a:lnTo>
                      <a:pt x="234" y="30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60" name="Freeform 387"/>
              <p:cNvSpPr>
                <a:spLocks noChangeAspect="1"/>
              </p:cNvSpPr>
              <p:nvPr/>
            </p:nvSpPr>
            <p:spPr bwMode="auto">
              <a:xfrm>
                <a:off x="1263" y="2562"/>
                <a:ext cx="648" cy="570"/>
              </a:xfrm>
              <a:custGeom>
                <a:avLst/>
                <a:gdLst>
                  <a:gd name="T0" fmla="*/ 6 w 648"/>
                  <a:gd name="T1" fmla="*/ 324 h 570"/>
                  <a:gd name="T2" fmla="*/ 6 w 648"/>
                  <a:gd name="T3" fmla="*/ 330 h 570"/>
                  <a:gd name="T4" fmla="*/ 42 w 648"/>
                  <a:gd name="T5" fmla="*/ 360 h 570"/>
                  <a:gd name="T6" fmla="*/ 30 w 648"/>
                  <a:gd name="T7" fmla="*/ 396 h 570"/>
                  <a:gd name="T8" fmla="*/ 72 w 648"/>
                  <a:gd name="T9" fmla="*/ 366 h 570"/>
                  <a:gd name="T10" fmla="*/ 48 w 648"/>
                  <a:gd name="T11" fmla="*/ 444 h 570"/>
                  <a:gd name="T12" fmla="*/ 102 w 648"/>
                  <a:gd name="T13" fmla="*/ 462 h 570"/>
                  <a:gd name="T14" fmla="*/ 120 w 648"/>
                  <a:gd name="T15" fmla="*/ 456 h 570"/>
                  <a:gd name="T16" fmla="*/ 114 w 648"/>
                  <a:gd name="T17" fmla="*/ 504 h 570"/>
                  <a:gd name="T18" fmla="*/ 66 w 648"/>
                  <a:gd name="T19" fmla="*/ 546 h 570"/>
                  <a:gd name="T20" fmla="*/ 0 w 648"/>
                  <a:gd name="T21" fmla="*/ 570 h 570"/>
                  <a:gd name="T22" fmla="*/ 78 w 648"/>
                  <a:gd name="T23" fmla="*/ 546 h 570"/>
                  <a:gd name="T24" fmla="*/ 96 w 648"/>
                  <a:gd name="T25" fmla="*/ 546 h 570"/>
                  <a:gd name="T26" fmla="*/ 114 w 648"/>
                  <a:gd name="T27" fmla="*/ 534 h 570"/>
                  <a:gd name="T28" fmla="*/ 204 w 648"/>
                  <a:gd name="T29" fmla="*/ 456 h 570"/>
                  <a:gd name="T30" fmla="*/ 252 w 648"/>
                  <a:gd name="T31" fmla="*/ 372 h 570"/>
                  <a:gd name="T32" fmla="*/ 252 w 648"/>
                  <a:gd name="T33" fmla="*/ 372 h 570"/>
                  <a:gd name="T34" fmla="*/ 264 w 648"/>
                  <a:gd name="T35" fmla="*/ 378 h 570"/>
                  <a:gd name="T36" fmla="*/ 240 w 648"/>
                  <a:gd name="T37" fmla="*/ 390 h 570"/>
                  <a:gd name="T38" fmla="*/ 246 w 648"/>
                  <a:gd name="T39" fmla="*/ 426 h 570"/>
                  <a:gd name="T40" fmla="*/ 258 w 648"/>
                  <a:gd name="T41" fmla="*/ 438 h 570"/>
                  <a:gd name="T42" fmla="*/ 288 w 648"/>
                  <a:gd name="T43" fmla="*/ 420 h 570"/>
                  <a:gd name="T44" fmla="*/ 300 w 648"/>
                  <a:gd name="T45" fmla="*/ 384 h 570"/>
                  <a:gd name="T46" fmla="*/ 318 w 648"/>
                  <a:gd name="T47" fmla="*/ 390 h 570"/>
                  <a:gd name="T48" fmla="*/ 426 w 648"/>
                  <a:gd name="T49" fmla="*/ 414 h 570"/>
                  <a:gd name="T50" fmla="*/ 450 w 648"/>
                  <a:gd name="T51" fmla="*/ 408 h 570"/>
                  <a:gd name="T52" fmla="*/ 462 w 648"/>
                  <a:gd name="T53" fmla="*/ 432 h 570"/>
                  <a:gd name="T54" fmla="*/ 468 w 648"/>
                  <a:gd name="T55" fmla="*/ 438 h 570"/>
                  <a:gd name="T56" fmla="*/ 510 w 648"/>
                  <a:gd name="T57" fmla="*/ 450 h 570"/>
                  <a:gd name="T58" fmla="*/ 528 w 648"/>
                  <a:gd name="T59" fmla="*/ 450 h 570"/>
                  <a:gd name="T60" fmla="*/ 534 w 648"/>
                  <a:gd name="T61" fmla="*/ 444 h 570"/>
                  <a:gd name="T62" fmla="*/ 606 w 648"/>
                  <a:gd name="T63" fmla="*/ 504 h 570"/>
                  <a:gd name="T64" fmla="*/ 618 w 648"/>
                  <a:gd name="T65" fmla="*/ 510 h 570"/>
                  <a:gd name="T66" fmla="*/ 648 w 648"/>
                  <a:gd name="T67" fmla="*/ 540 h 570"/>
                  <a:gd name="T68" fmla="*/ 600 w 648"/>
                  <a:gd name="T69" fmla="*/ 498 h 570"/>
                  <a:gd name="T70" fmla="*/ 480 w 648"/>
                  <a:gd name="T71" fmla="*/ 438 h 570"/>
                  <a:gd name="T72" fmla="*/ 456 w 648"/>
                  <a:gd name="T73" fmla="*/ 414 h 570"/>
                  <a:gd name="T74" fmla="*/ 414 w 648"/>
                  <a:gd name="T75" fmla="*/ 396 h 570"/>
                  <a:gd name="T76" fmla="*/ 252 w 648"/>
                  <a:gd name="T77" fmla="*/ 36 h 570"/>
                  <a:gd name="T78" fmla="*/ 210 w 648"/>
                  <a:gd name="T79" fmla="*/ 24 h 570"/>
                  <a:gd name="T80" fmla="*/ 60 w 648"/>
                  <a:gd name="T81" fmla="*/ 84 h 570"/>
                  <a:gd name="T82" fmla="*/ 114 w 648"/>
                  <a:gd name="T83" fmla="*/ 144 h 570"/>
                  <a:gd name="T84" fmla="*/ 108 w 648"/>
                  <a:gd name="T85" fmla="*/ 156 h 570"/>
                  <a:gd name="T86" fmla="*/ 102 w 648"/>
                  <a:gd name="T87" fmla="*/ 180 h 570"/>
                  <a:gd name="T88" fmla="*/ 84 w 648"/>
                  <a:gd name="T89" fmla="*/ 156 h 570"/>
                  <a:gd name="T90" fmla="*/ 18 w 648"/>
                  <a:gd name="T91" fmla="*/ 168 h 570"/>
                  <a:gd name="T92" fmla="*/ 30 w 648"/>
                  <a:gd name="T93" fmla="*/ 192 h 570"/>
                  <a:gd name="T94" fmla="*/ 78 w 648"/>
                  <a:gd name="T95" fmla="*/ 228 h 570"/>
                  <a:gd name="T96" fmla="*/ 114 w 648"/>
                  <a:gd name="T97" fmla="*/ 228 h 570"/>
                  <a:gd name="T98" fmla="*/ 102 w 648"/>
                  <a:gd name="T99" fmla="*/ 270 h 570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w 648"/>
                  <a:gd name="T151" fmla="*/ 0 h 570"/>
                  <a:gd name="T152" fmla="*/ 648 w 648"/>
                  <a:gd name="T153" fmla="*/ 570 h 570"/>
                </a:gdLst>
                <a:ahLst/>
                <a:cxnLst>
                  <a:cxn ang="T100">
                    <a:pos x="T0" y="T1"/>
                  </a:cxn>
                  <a:cxn ang="T101">
                    <a:pos x="T2" y="T3"/>
                  </a:cxn>
                  <a:cxn ang="T102">
                    <a:pos x="T4" y="T5"/>
                  </a:cxn>
                  <a:cxn ang="T103">
                    <a:pos x="T6" y="T7"/>
                  </a:cxn>
                  <a:cxn ang="T104">
                    <a:pos x="T8" y="T9"/>
                  </a:cxn>
                  <a:cxn ang="T105">
                    <a:pos x="T10" y="T11"/>
                  </a:cxn>
                  <a:cxn ang="T106">
                    <a:pos x="T12" y="T13"/>
                  </a:cxn>
                  <a:cxn ang="T107">
                    <a:pos x="T14" y="T15"/>
                  </a:cxn>
                  <a:cxn ang="T108">
                    <a:pos x="T16" y="T17"/>
                  </a:cxn>
                  <a:cxn ang="T109">
                    <a:pos x="T18" y="T19"/>
                  </a:cxn>
                  <a:cxn ang="T110">
                    <a:pos x="T20" y="T21"/>
                  </a:cxn>
                  <a:cxn ang="T111">
                    <a:pos x="T22" y="T23"/>
                  </a:cxn>
                  <a:cxn ang="T112">
                    <a:pos x="T24" y="T25"/>
                  </a:cxn>
                  <a:cxn ang="T113">
                    <a:pos x="T26" y="T27"/>
                  </a:cxn>
                  <a:cxn ang="T114">
                    <a:pos x="T28" y="T29"/>
                  </a:cxn>
                  <a:cxn ang="T115">
                    <a:pos x="T30" y="T31"/>
                  </a:cxn>
                  <a:cxn ang="T116">
                    <a:pos x="T32" y="T33"/>
                  </a:cxn>
                  <a:cxn ang="T117">
                    <a:pos x="T34" y="T35"/>
                  </a:cxn>
                  <a:cxn ang="T118">
                    <a:pos x="T36" y="T37"/>
                  </a:cxn>
                  <a:cxn ang="T119">
                    <a:pos x="T38" y="T39"/>
                  </a:cxn>
                  <a:cxn ang="T120">
                    <a:pos x="T40" y="T41"/>
                  </a:cxn>
                  <a:cxn ang="T121">
                    <a:pos x="T42" y="T43"/>
                  </a:cxn>
                  <a:cxn ang="T122">
                    <a:pos x="T44" y="T45"/>
                  </a:cxn>
                  <a:cxn ang="T123">
                    <a:pos x="T46" y="T47"/>
                  </a:cxn>
                  <a:cxn ang="T124">
                    <a:pos x="T48" y="T49"/>
                  </a:cxn>
                  <a:cxn ang="T125">
                    <a:pos x="T50" y="T51"/>
                  </a:cxn>
                  <a:cxn ang="T126">
                    <a:pos x="T52" y="T53"/>
                  </a:cxn>
                  <a:cxn ang="T127">
                    <a:pos x="T54" y="T55"/>
                  </a:cxn>
                  <a:cxn ang="T128">
                    <a:pos x="T56" y="T57"/>
                  </a:cxn>
                  <a:cxn ang="T129">
                    <a:pos x="T58" y="T59"/>
                  </a:cxn>
                  <a:cxn ang="T130">
                    <a:pos x="T60" y="T61"/>
                  </a:cxn>
                  <a:cxn ang="T131">
                    <a:pos x="T62" y="T63"/>
                  </a:cxn>
                  <a:cxn ang="T132">
                    <a:pos x="T64" y="T65"/>
                  </a:cxn>
                  <a:cxn ang="T133">
                    <a:pos x="T66" y="T67"/>
                  </a:cxn>
                  <a:cxn ang="T134">
                    <a:pos x="T68" y="T69"/>
                  </a:cxn>
                  <a:cxn ang="T135">
                    <a:pos x="T70" y="T71"/>
                  </a:cxn>
                  <a:cxn ang="T136">
                    <a:pos x="T72" y="T73"/>
                  </a:cxn>
                  <a:cxn ang="T137">
                    <a:pos x="T74" y="T75"/>
                  </a:cxn>
                  <a:cxn ang="T138">
                    <a:pos x="T76" y="T77"/>
                  </a:cxn>
                  <a:cxn ang="T139">
                    <a:pos x="T78" y="T79"/>
                  </a:cxn>
                  <a:cxn ang="T140">
                    <a:pos x="T80" y="T81"/>
                  </a:cxn>
                  <a:cxn ang="T141">
                    <a:pos x="T82" y="T83"/>
                  </a:cxn>
                  <a:cxn ang="T142">
                    <a:pos x="T84" y="T85"/>
                  </a:cxn>
                  <a:cxn ang="T143">
                    <a:pos x="T86" y="T87"/>
                  </a:cxn>
                  <a:cxn ang="T144">
                    <a:pos x="T88" y="T89"/>
                  </a:cxn>
                  <a:cxn ang="T145">
                    <a:pos x="T90" y="T91"/>
                  </a:cxn>
                  <a:cxn ang="T146">
                    <a:pos x="T92" y="T93"/>
                  </a:cxn>
                  <a:cxn ang="T147">
                    <a:pos x="T94" y="T95"/>
                  </a:cxn>
                  <a:cxn ang="T148">
                    <a:pos x="T96" y="T97"/>
                  </a:cxn>
                  <a:cxn ang="T149">
                    <a:pos x="T98" y="T99"/>
                  </a:cxn>
                </a:cxnLst>
                <a:rect l="T150" t="T151" r="T152" b="T153"/>
                <a:pathLst>
                  <a:path w="648" h="570">
                    <a:moveTo>
                      <a:pt x="54" y="282"/>
                    </a:moveTo>
                    <a:lnTo>
                      <a:pt x="6" y="324"/>
                    </a:lnTo>
                    <a:lnTo>
                      <a:pt x="24" y="324"/>
                    </a:lnTo>
                    <a:lnTo>
                      <a:pt x="6" y="330"/>
                    </a:lnTo>
                    <a:lnTo>
                      <a:pt x="18" y="348"/>
                    </a:lnTo>
                    <a:lnTo>
                      <a:pt x="42" y="360"/>
                    </a:lnTo>
                    <a:lnTo>
                      <a:pt x="24" y="372"/>
                    </a:lnTo>
                    <a:lnTo>
                      <a:pt x="30" y="396"/>
                    </a:lnTo>
                    <a:lnTo>
                      <a:pt x="42" y="402"/>
                    </a:lnTo>
                    <a:lnTo>
                      <a:pt x="72" y="366"/>
                    </a:lnTo>
                    <a:lnTo>
                      <a:pt x="60" y="426"/>
                    </a:lnTo>
                    <a:lnTo>
                      <a:pt x="48" y="444"/>
                    </a:lnTo>
                    <a:lnTo>
                      <a:pt x="84" y="426"/>
                    </a:lnTo>
                    <a:lnTo>
                      <a:pt x="102" y="462"/>
                    </a:lnTo>
                    <a:lnTo>
                      <a:pt x="114" y="438"/>
                    </a:lnTo>
                    <a:lnTo>
                      <a:pt x="120" y="456"/>
                    </a:lnTo>
                    <a:lnTo>
                      <a:pt x="144" y="444"/>
                    </a:lnTo>
                    <a:lnTo>
                      <a:pt x="114" y="504"/>
                    </a:lnTo>
                    <a:lnTo>
                      <a:pt x="72" y="528"/>
                    </a:lnTo>
                    <a:lnTo>
                      <a:pt x="66" y="546"/>
                    </a:lnTo>
                    <a:lnTo>
                      <a:pt x="36" y="540"/>
                    </a:lnTo>
                    <a:lnTo>
                      <a:pt x="0" y="570"/>
                    </a:lnTo>
                    <a:lnTo>
                      <a:pt x="42" y="552"/>
                    </a:lnTo>
                    <a:lnTo>
                      <a:pt x="78" y="546"/>
                    </a:lnTo>
                    <a:lnTo>
                      <a:pt x="72" y="558"/>
                    </a:lnTo>
                    <a:lnTo>
                      <a:pt x="96" y="546"/>
                    </a:lnTo>
                    <a:lnTo>
                      <a:pt x="90" y="528"/>
                    </a:lnTo>
                    <a:lnTo>
                      <a:pt x="114" y="534"/>
                    </a:lnTo>
                    <a:lnTo>
                      <a:pt x="186" y="480"/>
                    </a:lnTo>
                    <a:lnTo>
                      <a:pt x="204" y="456"/>
                    </a:lnTo>
                    <a:lnTo>
                      <a:pt x="192" y="438"/>
                    </a:lnTo>
                    <a:lnTo>
                      <a:pt x="252" y="372"/>
                    </a:lnTo>
                    <a:lnTo>
                      <a:pt x="258" y="336"/>
                    </a:lnTo>
                    <a:lnTo>
                      <a:pt x="252" y="372"/>
                    </a:lnTo>
                    <a:lnTo>
                      <a:pt x="276" y="360"/>
                    </a:lnTo>
                    <a:lnTo>
                      <a:pt x="264" y="378"/>
                    </a:lnTo>
                    <a:lnTo>
                      <a:pt x="282" y="384"/>
                    </a:lnTo>
                    <a:lnTo>
                      <a:pt x="240" y="390"/>
                    </a:lnTo>
                    <a:lnTo>
                      <a:pt x="234" y="426"/>
                    </a:lnTo>
                    <a:lnTo>
                      <a:pt x="246" y="426"/>
                    </a:lnTo>
                    <a:lnTo>
                      <a:pt x="234" y="444"/>
                    </a:lnTo>
                    <a:lnTo>
                      <a:pt x="258" y="438"/>
                    </a:lnTo>
                    <a:lnTo>
                      <a:pt x="270" y="414"/>
                    </a:lnTo>
                    <a:lnTo>
                      <a:pt x="288" y="420"/>
                    </a:lnTo>
                    <a:lnTo>
                      <a:pt x="300" y="372"/>
                    </a:lnTo>
                    <a:lnTo>
                      <a:pt x="300" y="384"/>
                    </a:lnTo>
                    <a:lnTo>
                      <a:pt x="324" y="378"/>
                    </a:lnTo>
                    <a:lnTo>
                      <a:pt x="318" y="390"/>
                    </a:lnTo>
                    <a:lnTo>
                      <a:pt x="366" y="414"/>
                    </a:lnTo>
                    <a:lnTo>
                      <a:pt x="426" y="414"/>
                    </a:lnTo>
                    <a:lnTo>
                      <a:pt x="438" y="402"/>
                    </a:lnTo>
                    <a:lnTo>
                      <a:pt x="450" y="408"/>
                    </a:lnTo>
                    <a:lnTo>
                      <a:pt x="438" y="426"/>
                    </a:lnTo>
                    <a:lnTo>
                      <a:pt x="462" y="432"/>
                    </a:lnTo>
                    <a:lnTo>
                      <a:pt x="468" y="414"/>
                    </a:lnTo>
                    <a:lnTo>
                      <a:pt x="468" y="438"/>
                    </a:lnTo>
                    <a:lnTo>
                      <a:pt x="498" y="456"/>
                    </a:lnTo>
                    <a:lnTo>
                      <a:pt x="510" y="450"/>
                    </a:lnTo>
                    <a:lnTo>
                      <a:pt x="492" y="432"/>
                    </a:lnTo>
                    <a:lnTo>
                      <a:pt x="528" y="450"/>
                    </a:lnTo>
                    <a:lnTo>
                      <a:pt x="510" y="414"/>
                    </a:lnTo>
                    <a:lnTo>
                      <a:pt x="534" y="444"/>
                    </a:lnTo>
                    <a:lnTo>
                      <a:pt x="564" y="480"/>
                    </a:lnTo>
                    <a:lnTo>
                      <a:pt x="606" y="504"/>
                    </a:lnTo>
                    <a:lnTo>
                      <a:pt x="606" y="534"/>
                    </a:lnTo>
                    <a:lnTo>
                      <a:pt x="618" y="510"/>
                    </a:lnTo>
                    <a:lnTo>
                      <a:pt x="636" y="552"/>
                    </a:lnTo>
                    <a:lnTo>
                      <a:pt x="648" y="540"/>
                    </a:lnTo>
                    <a:lnTo>
                      <a:pt x="642" y="510"/>
                    </a:lnTo>
                    <a:lnTo>
                      <a:pt x="600" y="498"/>
                    </a:lnTo>
                    <a:lnTo>
                      <a:pt x="510" y="402"/>
                    </a:lnTo>
                    <a:lnTo>
                      <a:pt x="480" y="438"/>
                    </a:lnTo>
                    <a:lnTo>
                      <a:pt x="474" y="408"/>
                    </a:lnTo>
                    <a:lnTo>
                      <a:pt x="456" y="414"/>
                    </a:lnTo>
                    <a:lnTo>
                      <a:pt x="444" y="390"/>
                    </a:lnTo>
                    <a:lnTo>
                      <a:pt x="414" y="396"/>
                    </a:lnTo>
                    <a:lnTo>
                      <a:pt x="378" y="60"/>
                    </a:lnTo>
                    <a:lnTo>
                      <a:pt x="252" y="36"/>
                    </a:lnTo>
                    <a:lnTo>
                      <a:pt x="216" y="12"/>
                    </a:lnTo>
                    <a:lnTo>
                      <a:pt x="210" y="24"/>
                    </a:lnTo>
                    <a:lnTo>
                      <a:pt x="198" y="0"/>
                    </a:lnTo>
                    <a:lnTo>
                      <a:pt x="60" y="84"/>
                    </a:lnTo>
                    <a:lnTo>
                      <a:pt x="90" y="138"/>
                    </a:lnTo>
                    <a:lnTo>
                      <a:pt x="114" y="144"/>
                    </a:lnTo>
                    <a:lnTo>
                      <a:pt x="138" y="168"/>
                    </a:lnTo>
                    <a:lnTo>
                      <a:pt x="108" y="156"/>
                    </a:lnTo>
                    <a:lnTo>
                      <a:pt x="120" y="174"/>
                    </a:lnTo>
                    <a:lnTo>
                      <a:pt x="102" y="180"/>
                    </a:lnTo>
                    <a:lnTo>
                      <a:pt x="78" y="174"/>
                    </a:lnTo>
                    <a:lnTo>
                      <a:pt x="84" y="156"/>
                    </a:lnTo>
                    <a:lnTo>
                      <a:pt x="72" y="150"/>
                    </a:lnTo>
                    <a:lnTo>
                      <a:pt x="18" y="168"/>
                    </a:lnTo>
                    <a:lnTo>
                      <a:pt x="42" y="192"/>
                    </a:lnTo>
                    <a:lnTo>
                      <a:pt x="30" y="192"/>
                    </a:lnTo>
                    <a:lnTo>
                      <a:pt x="36" y="216"/>
                    </a:lnTo>
                    <a:lnTo>
                      <a:pt x="78" y="228"/>
                    </a:lnTo>
                    <a:lnTo>
                      <a:pt x="78" y="240"/>
                    </a:lnTo>
                    <a:lnTo>
                      <a:pt x="114" y="228"/>
                    </a:lnTo>
                    <a:lnTo>
                      <a:pt x="102" y="234"/>
                    </a:lnTo>
                    <a:lnTo>
                      <a:pt x="102" y="270"/>
                    </a:lnTo>
                    <a:lnTo>
                      <a:pt x="54" y="282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61" name="Freeform 388"/>
              <p:cNvSpPr>
                <a:spLocks noChangeAspect="1"/>
              </p:cNvSpPr>
              <p:nvPr/>
            </p:nvSpPr>
            <p:spPr bwMode="auto">
              <a:xfrm>
                <a:off x="1263" y="2562"/>
                <a:ext cx="648" cy="570"/>
              </a:xfrm>
              <a:custGeom>
                <a:avLst/>
                <a:gdLst>
                  <a:gd name="T0" fmla="*/ 6 w 648"/>
                  <a:gd name="T1" fmla="*/ 324 h 570"/>
                  <a:gd name="T2" fmla="*/ 6 w 648"/>
                  <a:gd name="T3" fmla="*/ 330 h 570"/>
                  <a:gd name="T4" fmla="*/ 42 w 648"/>
                  <a:gd name="T5" fmla="*/ 360 h 570"/>
                  <a:gd name="T6" fmla="*/ 30 w 648"/>
                  <a:gd name="T7" fmla="*/ 396 h 570"/>
                  <a:gd name="T8" fmla="*/ 72 w 648"/>
                  <a:gd name="T9" fmla="*/ 366 h 570"/>
                  <a:gd name="T10" fmla="*/ 48 w 648"/>
                  <a:gd name="T11" fmla="*/ 444 h 570"/>
                  <a:gd name="T12" fmla="*/ 102 w 648"/>
                  <a:gd name="T13" fmla="*/ 462 h 570"/>
                  <a:gd name="T14" fmla="*/ 120 w 648"/>
                  <a:gd name="T15" fmla="*/ 456 h 570"/>
                  <a:gd name="T16" fmla="*/ 114 w 648"/>
                  <a:gd name="T17" fmla="*/ 504 h 570"/>
                  <a:gd name="T18" fmla="*/ 66 w 648"/>
                  <a:gd name="T19" fmla="*/ 546 h 570"/>
                  <a:gd name="T20" fmla="*/ 0 w 648"/>
                  <a:gd name="T21" fmla="*/ 570 h 570"/>
                  <a:gd name="T22" fmla="*/ 78 w 648"/>
                  <a:gd name="T23" fmla="*/ 546 h 570"/>
                  <a:gd name="T24" fmla="*/ 96 w 648"/>
                  <a:gd name="T25" fmla="*/ 546 h 570"/>
                  <a:gd name="T26" fmla="*/ 114 w 648"/>
                  <a:gd name="T27" fmla="*/ 534 h 570"/>
                  <a:gd name="T28" fmla="*/ 204 w 648"/>
                  <a:gd name="T29" fmla="*/ 456 h 570"/>
                  <a:gd name="T30" fmla="*/ 252 w 648"/>
                  <a:gd name="T31" fmla="*/ 372 h 570"/>
                  <a:gd name="T32" fmla="*/ 252 w 648"/>
                  <a:gd name="T33" fmla="*/ 372 h 570"/>
                  <a:gd name="T34" fmla="*/ 264 w 648"/>
                  <a:gd name="T35" fmla="*/ 378 h 570"/>
                  <a:gd name="T36" fmla="*/ 240 w 648"/>
                  <a:gd name="T37" fmla="*/ 390 h 570"/>
                  <a:gd name="T38" fmla="*/ 246 w 648"/>
                  <a:gd name="T39" fmla="*/ 426 h 570"/>
                  <a:gd name="T40" fmla="*/ 258 w 648"/>
                  <a:gd name="T41" fmla="*/ 438 h 570"/>
                  <a:gd name="T42" fmla="*/ 288 w 648"/>
                  <a:gd name="T43" fmla="*/ 420 h 570"/>
                  <a:gd name="T44" fmla="*/ 300 w 648"/>
                  <a:gd name="T45" fmla="*/ 384 h 570"/>
                  <a:gd name="T46" fmla="*/ 318 w 648"/>
                  <a:gd name="T47" fmla="*/ 390 h 570"/>
                  <a:gd name="T48" fmla="*/ 426 w 648"/>
                  <a:gd name="T49" fmla="*/ 414 h 570"/>
                  <a:gd name="T50" fmla="*/ 450 w 648"/>
                  <a:gd name="T51" fmla="*/ 408 h 570"/>
                  <a:gd name="T52" fmla="*/ 462 w 648"/>
                  <a:gd name="T53" fmla="*/ 432 h 570"/>
                  <a:gd name="T54" fmla="*/ 468 w 648"/>
                  <a:gd name="T55" fmla="*/ 438 h 570"/>
                  <a:gd name="T56" fmla="*/ 510 w 648"/>
                  <a:gd name="T57" fmla="*/ 450 h 570"/>
                  <a:gd name="T58" fmla="*/ 528 w 648"/>
                  <a:gd name="T59" fmla="*/ 450 h 570"/>
                  <a:gd name="T60" fmla="*/ 534 w 648"/>
                  <a:gd name="T61" fmla="*/ 444 h 570"/>
                  <a:gd name="T62" fmla="*/ 606 w 648"/>
                  <a:gd name="T63" fmla="*/ 504 h 570"/>
                  <a:gd name="T64" fmla="*/ 618 w 648"/>
                  <a:gd name="T65" fmla="*/ 510 h 570"/>
                  <a:gd name="T66" fmla="*/ 648 w 648"/>
                  <a:gd name="T67" fmla="*/ 540 h 570"/>
                  <a:gd name="T68" fmla="*/ 600 w 648"/>
                  <a:gd name="T69" fmla="*/ 498 h 570"/>
                  <a:gd name="T70" fmla="*/ 480 w 648"/>
                  <a:gd name="T71" fmla="*/ 438 h 570"/>
                  <a:gd name="T72" fmla="*/ 456 w 648"/>
                  <a:gd name="T73" fmla="*/ 414 h 570"/>
                  <a:gd name="T74" fmla="*/ 414 w 648"/>
                  <a:gd name="T75" fmla="*/ 396 h 570"/>
                  <a:gd name="T76" fmla="*/ 252 w 648"/>
                  <a:gd name="T77" fmla="*/ 36 h 570"/>
                  <a:gd name="T78" fmla="*/ 210 w 648"/>
                  <a:gd name="T79" fmla="*/ 24 h 570"/>
                  <a:gd name="T80" fmla="*/ 60 w 648"/>
                  <a:gd name="T81" fmla="*/ 84 h 570"/>
                  <a:gd name="T82" fmla="*/ 114 w 648"/>
                  <a:gd name="T83" fmla="*/ 144 h 570"/>
                  <a:gd name="T84" fmla="*/ 108 w 648"/>
                  <a:gd name="T85" fmla="*/ 156 h 570"/>
                  <a:gd name="T86" fmla="*/ 102 w 648"/>
                  <a:gd name="T87" fmla="*/ 180 h 570"/>
                  <a:gd name="T88" fmla="*/ 84 w 648"/>
                  <a:gd name="T89" fmla="*/ 156 h 570"/>
                  <a:gd name="T90" fmla="*/ 18 w 648"/>
                  <a:gd name="T91" fmla="*/ 168 h 570"/>
                  <a:gd name="T92" fmla="*/ 30 w 648"/>
                  <a:gd name="T93" fmla="*/ 192 h 570"/>
                  <a:gd name="T94" fmla="*/ 78 w 648"/>
                  <a:gd name="T95" fmla="*/ 228 h 570"/>
                  <a:gd name="T96" fmla="*/ 114 w 648"/>
                  <a:gd name="T97" fmla="*/ 228 h 570"/>
                  <a:gd name="T98" fmla="*/ 102 w 648"/>
                  <a:gd name="T99" fmla="*/ 270 h 570"/>
                  <a:gd name="T100" fmla="*/ 54 w 648"/>
                  <a:gd name="T101" fmla="*/ 288 h 570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w 648"/>
                  <a:gd name="T154" fmla="*/ 0 h 570"/>
                  <a:gd name="T155" fmla="*/ 648 w 648"/>
                  <a:gd name="T156" fmla="*/ 570 h 570"/>
                </a:gdLst>
                <a:ahLst/>
                <a:cxnLst>
                  <a:cxn ang="T102">
                    <a:pos x="T0" y="T1"/>
                  </a:cxn>
                  <a:cxn ang="T103">
                    <a:pos x="T2" y="T3"/>
                  </a:cxn>
                  <a:cxn ang="T104">
                    <a:pos x="T4" y="T5"/>
                  </a:cxn>
                  <a:cxn ang="T105">
                    <a:pos x="T6" y="T7"/>
                  </a:cxn>
                  <a:cxn ang="T106">
                    <a:pos x="T8" y="T9"/>
                  </a:cxn>
                  <a:cxn ang="T107">
                    <a:pos x="T10" y="T11"/>
                  </a:cxn>
                  <a:cxn ang="T108">
                    <a:pos x="T12" y="T13"/>
                  </a:cxn>
                  <a:cxn ang="T109">
                    <a:pos x="T14" y="T15"/>
                  </a:cxn>
                  <a:cxn ang="T110">
                    <a:pos x="T16" y="T17"/>
                  </a:cxn>
                  <a:cxn ang="T111">
                    <a:pos x="T18" y="T19"/>
                  </a:cxn>
                  <a:cxn ang="T112">
                    <a:pos x="T20" y="T21"/>
                  </a:cxn>
                  <a:cxn ang="T113">
                    <a:pos x="T22" y="T23"/>
                  </a:cxn>
                  <a:cxn ang="T114">
                    <a:pos x="T24" y="T25"/>
                  </a:cxn>
                  <a:cxn ang="T115">
                    <a:pos x="T26" y="T27"/>
                  </a:cxn>
                  <a:cxn ang="T116">
                    <a:pos x="T28" y="T29"/>
                  </a:cxn>
                  <a:cxn ang="T117">
                    <a:pos x="T30" y="T31"/>
                  </a:cxn>
                  <a:cxn ang="T118">
                    <a:pos x="T32" y="T33"/>
                  </a:cxn>
                  <a:cxn ang="T119">
                    <a:pos x="T34" y="T35"/>
                  </a:cxn>
                  <a:cxn ang="T120">
                    <a:pos x="T36" y="T37"/>
                  </a:cxn>
                  <a:cxn ang="T121">
                    <a:pos x="T38" y="T39"/>
                  </a:cxn>
                  <a:cxn ang="T122">
                    <a:pos x="T40" y="T41"/>
                  </a:cxn>
                  <a:cxn ang="T123">
                    <a:pos x="T42" y="T43"/>
                  </a:cxn>
                  <a:cxn ang="T124">
                    <a:pos x="T44" y="T45"/>
                  </a:cxn>
                  <a:cxn ang="T125">
                    <a:pos x="T46" y="T47"/>
                  </a:cxn>
                  <a:cxn ang="T126">
                    <a:pos x="T48" y="T49"/>
                  </a:cxn>
                  <a:cxn ang="T127">
                    <a:pos x="T50" y="T51"/>
                  </a:cxn>
                  <a:cxn ang="T128">
                    <a:pos x="T52" y="T53"/>
                  </a:cxn>
                  <a:cxn ang="T129">
                    <a:pos x="T54" y="T55"/>
                  </a:cxn>
                  <a:cxn ang="T130">
                    <a:pos x="T56" y="T57"/>
                  </a:cxn>
                  <a:cxn ang="T131">
                    <a:pos x="T58" y="T59"/>
                  </a:cxn>
                  <a:cxn ang="T132">
                    <a:pos x="T60" y="T61"/>
                  </a:cxn>
                  <a:cxn ang="T133">
                    <a:pos x="T62" y="T63"/>
                  </a:cxn>
                  <a:cxn ang="T134">
                    <a:pos x="T64" y="T65"/>
                  </a:cxn>
                  <a:cxn ang="T135">
                    <a:pos x="T66" y="T67"/>
                  </a:cxn>
                  <a:cxn ang="T136">
                    <a:pos x="T68" y="T69"/>
                  </a:cxn>
                  <a:cxn ang="T137">
                    <a:pos x="T70" y="T71"/>
                  </a:cxn>
                  <a:cxn ang="T138">
                    <a:pos x="T72" y="T73"/>
                  </a:cxn>
                  <a:cxn ang="T139">
                    <a:pos x="T74" y="T75"/>
                  </a:cxn>
                  <a:cxn ang="T140">
                    <a:pos x="T76" y="T77"/>
                  </a:cxn>
                  <a:cxn ang="T141">
                    <a:pos x="T78" y="T79"/>
                  </a:cxn>
                  <a:cxn ang="T142">
                    <a:pos x="T80" y="T81"/>
                  </a:cxn>
                  <a:cxn ang="T143">
                    <a:pos x="T82" y="T83"/>
                  </a:cxn>
                  <a:cxn ang="T144">
                    <a:pos x="T84" y="T85"/>
                  </a:cxn>
                  <a:cxn ang="T145">
                    <a:pos x="T86" y="T87"/>
                  </a:cxn>
                  <a:cxn ang="T146">
                    <a:pos x="T88" y="T89"/>
                  </a:cxn>
                  <a:cxn ang="T147">
                    <a:pos x="T90" y="T91"/>
                  </a:cxn>
                  <a:cxn ang="T148">
                    <a:pos x="T92" y="T93"/>
                  </a:cxn>
                  <a:cxn ang="T149">
                    <a:pos x="T94" y="T95"/>
                  </a:cxn>
                  <a:cxn ang="T150">
                    <a:pos x="T96" y="T97"/>
                  </a:cxn>
                  <a:cxn ang="T151">
                    <a:pos x="T98" y="T99"/>
                  </a:cxn>
                  <a:cxn ang="T152">
                    <a:pos x="T100" y="T101"/>
                  </a:cxn>
                </a:cxnLst>
                <a:rect l="T153" t="T154" r="T155" b="T156"/>
                <a:pathLst>
                  <a:path w="648" h="570">
                    <a:moveTo>
                      <a:pt x="54" y="282"/>
                    </a:moveTo>
                    <a:lnTo>
                      <a:pt x="6" y="324"/>
                    </a:lnTo>
                    <a:lnTo>
                      <a:pt x="24" y="324"/>
                    </a:lnTo>
                    <a:lnTo>
                      <a:pt x="6" y="330"/>
                    </a:lnTo>
                    <a:lnTo>
                      <a:pt x="18" y="348"/>
                    </a:lnTo>
                    <a:lnTo>
                      <a:pt x="42" y="360"/>
                    </a:lnTo>
                    <a:lnTo>
                      <a:pt x="24" y="372"/>
                    </a:lnTo>
                    <a:lnTo>
                      <a:pt x="30" y="396"/>
                    </a:lnTo>
                    <a:lnTo>
                      <a:pt x="42" y="402"/>
                    </a:lnTo>
                    <a:lnTo>
                      <a:pt x="72" y="366"/>
                    </a:lnTo>
                    <a:lnTo>
                      <a:pt x="60" y="426"/>
                    </a:lnTo>
                    <a:lnTo>
                      <a:pt x="48" y="444"/>
                    </a:lnTo>
                    <a:lnTo>
                      <a:pt x="84" y="426"/>
                    </a:lnTo>
                    <a:lnTo>
                      <a:pt x="102" y="462"/>
                    </a:lnTo>
                    <a:lnTo>
                      <a:pt x="114" y="438"/>
                    </a:lnTo>
                    <a:lnTo>
                      <a:pt x="120" y="456"/>
                    </a:lnTo>
                    <a:lnTo>
                      <a:pt x="144" y="444"/>
                    </a:lnTo>
                    <a:lnTo>
                      <a:pt x="114" y="504"/>
                    </a:lnTo>
                    <a:lnTo>
                      <a:pt x="72" y="528"/>
                    </a:lnTo>
                    <a:lnTo>
                      <a:pt x="66" y="546"/>
                    </a:lnTo>
                    <a:lnTo>
                      <a:pt x="36" y="540"/>
                    </a:lnTo>
                    <a:lnTo>
                      <a:pt x="0" y="570"/>
                    </a:lnTo>
                    <a:lnTo>
                      <a:pt x="42" y="552"/>
                    </a:lnTo>
                    <a:lnTo>
                      <a:pt x="78" y="546"/>
                    </a:lnTo>
                    <a:lnTo>
                      <a:pt x="72" y="558"/>
                    </a:lnTo>
                    <a:lnTo>
                      <a:pt x="96" y="546"/>
                    </a:lnTo>
                    <a:lnTo>
                      <a:pt x="90" y="528"/>
                    </a:lnTo>
                    <a:lnTo>
                      <a:pt x="114" y="534"/>
                    </a:lnTo>
                    <a:lnTo>
                      <a:pt x="186" y="480"/>
                    </a:lnTo>
                    <a:lnTo>
                      <a:pt x="204" y="456"/>
                    </a:lnTo>
                    <a:lnTo>
                      <a:pt x="192" y="438"/>
                    </a:lnTo>
                    <a:lnTo>
                      <a:pt x="252" y="372"/>
                    </a:lnTo>
                    <a:lnTo>
                      <a:pt x="258" y="336"/>
                    </a:lnTo>
                    <a:lnTo>
                      <a:pt x="252" y="372"/>
                    </a:lnTo>
                    <a:lnTo>
                      <a:pt x="276" y="360"/>
                    </a:lnTo>
                    <a:lnTo>
                      <a:pt x="264" y="378"/>
                    </a:lnTo>
                    <a:lnTo>
                      <a:pt x="282" y="384"/>
                    </a:lnTo>
                    <a:lnTo>
                      <a:pt x="240" y="390"/>
                    </a:lnTo>
                    <a:lnTo>
                      <a:pt x="234" y="426"/>
                    </a:lnTo>
                    <a:lnTo>
                      <a:pt x="246" y="426"/>
                    </a:lnTo>
                    <a:lnTo>
                      <a:pt x="234" y="444"/>
                    </a:lnTo>
                    <a:lnTo>
                      <a:pt x="258" y="438"/>
                    </a:lnTo>
                    <a:lnTo>
                      <a:pt x="270" y="414"/>
                    </a:lnTo>
                    <a:lnTo>
                      <a:pt x="288" y="420"/>
                    </a:lnTo>
                    <a:lnTo>
                      <a:pt x="300" y="372"/>
                    </a:lnTo>
                    <a:lnTo>
                      <a:pt x="300" y="384"/>
                    </a:lnTo>
                    <a:lnTo>
                      <a:pt x="324" y="378"/>
                    </a:lnTo>
                    <a:lnTo>
                      <a:pt x="318" y="390"/>
                    </a:lnTo>
                    <a:lnTo>
                      <a:pt x="366" y="414"/>
                    </a:lnTo>
                    <a:lnTo>
                      <a:pt x="426" y="414"/>
                    </a:lnTo>
                    <a:lnTo>
                      <a:pt x="438" y="402"/>
                    </a:lnTo>
                    <a:lnTo>
                      <a:pt x="450" y="408"/>
                    </a:lnTo>
                    <a:lnTo>
                      <a:pt x="438" y="426"/>
                    </a:lnTo>
                    <a:lnTo>
                      <a:pt x="462" y="432"/>
                    </a:lnTo>
                    <a:lnTo>
                      <a:pt x="468" y="414"/>
                    </a:lnTo>
                    <a:lnTo>
                      <a:pt x="468" y="438"/>
                    </a:lnTo>
                    <a:lnTo>
                      <a:pt x="498" y="456"/>
                    </a:lnTo>
                    <a:lnTo>
                      <a:pt x="510" y="450"/>
                    </a:lnTo>
                    <a:lnTo>
                      <a:pt x="492" y="432"/>
                    </a:lnTo>
                    <a:lnTo>
                      <a:pt x="528" y="450"/>
                    </a:lnTo>
                    <a:lnTo>
                      <a:pt x="510" y="414"/>
                    </a:lnTo>
                    <a:lnTo>
                      <a:pt x="534" y="444"/>
                    </a:lnTo>
                    <a:lnTo>
                      <a:pt x="564" y="480"/>
                    </a:lnTo>
                    <a:lnTo>
                      <a:pt x="606" y="504"/>
                    </a:lnTo>
                    <a:lnTo>
                      <a:pt x="606" y="534"/>
                    </a:lnTo>
                    <a:lnTo>
                      <a:pt x="618" y="510"/>
                    </a:lnTo>
                    <a:lnTo>
                      <a:pt x="636" y="552"/>
                    </a:lnTo>
                    <a:lnTo>
                      <a:pt x="648" y="540"/>
                    </a:lnTo>
                    <a:lnTo>
                      <a:pt x="642" y="510"/>
                    </a:lnTo>
                    <a:lnTo>
                      <a:pt x="600" y="498"/>
                    </a:lnTo>
                    <a:lnTo>
                      <a:pt x="510" y="402"/>
                    </a:lnTo>
                    <a:lnTo>
                      <a:pt x="480" y="438"/>
                    </a:lnTo>
                    <a:lnTo>
                      <a:pt x="474" y="408"/>
                    </a:lnTo>
                    <a:lnTo>
                      <a:pt x="456" y="414"/>
                    </a:lnTo>
                    <a:lnTo>
                      <a:pt x="444" y="390"/>
                    </a:lnTo>
                    <a:lnTo>
                      <a:pt x="414" y="396"/>
                    </a:lnTo>
                    <a:lnTo>
                      <a:pt x="378" y="60"/>
                    </a:lnTo>
                    <a:lnTo>
                      <a:pt x="252" y="36"/>
                    </a:lnTo>
                    <a:lnTo>
                      <a:pt x="216" y="12"/>
                    </a:lnTo>
                    <a:lnTo>
                      <a:pt x="210" y="24"/>
                    </a:lnTo>
                    <a:lnTo>
                      <a:pt x="198" y="0"/>
                    </a:lnTo>
                    <a:lnTo>
                      <a:pt x="60" y="84"/>
                    </a:lnTo>
                    <a:lnTo>
                      <a:pt x="90" y="138"/>
                    </a:lnTo>
                    <a:lnTo>
                      <a:pt x="114" y="144"/>
                    </a:lnTo>
                    <a:lnTo>
                      <a:pt x="138" y="168"/>
                    </a:lnTo>
                    <a:lnTo>
                      <a:pt x="108" y="156"/>
                    </a:lnTo>
                    <a:lnTo>
                      <a:pt x="120" y="174"/>
                    </a:lnTo>
                    <a:lnTo>
                      <a:pt x="102" y="180"/>
                    </a:lnTo>
                    <a:lnTo>
                      <a:pt x="78" y="174"/>
                    </a:lnTo>
                    <a:lnTo>
                      <a:pt x="84" y="156"/>
                    </a:lnTo>
                    <a:lnTo>
                      <a:pt x="72" y="150"/>
                    </a:lnTo>
                    <a:lnTo>
                      <a:pt x="18" y="168"/>
                    </a:lnTo>
                    <a:lnTo>
                      <a:pt x="42" y="192"/>
                    </a:lnTo>
                    <a:lnTo>
                      <a:pt x="30" y="192"/>
                    </a:lnTo>
                    <a:lnTo>
                      <a:pt x="36" y="216"/>
                    </a:lnTo>
                    <a:lnTo>
                      <a:pt x="78" y="228"/>
                    </a:lnTo>
                    <a:lnTo>
                      <a:pt x="78" y="240"/>
                    </a:lnTo>
                    <a:lnTo>
                      <a:pt x="114" y="228"/>
                    </a:lnTo>
                    <a:lnTo>
                      <a:pt x="102" y="234"/>
                    </a:lnTo>
                    <a:lnTo>
                      <a:pt x="102" y="270"/>
                    </a:lnTo>
                    <a:lnTo>
                      <a:pt x="54" y="282"/>
                    </a:lnTo>
                    <a:lnTo>
                      <a:pt x="54" y="28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62" name="Freeform 389"/>
              <p:cNvSpPr>
                <a:spLocks noChangeAspect="1"/>
              </p:cNvSpPr>
              <p:nvPr/>
            </p:nvSpPr>
            <p:spPr bwMode="auto">
              <a:xfrm>
                <a:off x="1689" y="2160"/>
                <a:ext cx="420" cy="492"/>
              </a:xfrm>
              <a:custGeom>
                <a:avLst/>
                <a:gdLst>
                  <a:gd name="T0" fmla="*/ 360 w 420"/>
                  <a:gd name="T1" fmla="*/ 492 h 492"/>
                  <a:gd name="T2" fmla="*/ 222 w 420"/>
                  <a:gd name="T3" fmla="*/ 468 h 492"/>
                  <a:gd name="T4" fmla="*/ 0 w 420"/>
                  <a:gd name="T5" fmla="*/ 336 h 492"/>
                  <a:gd name="T6" fmla="*/ 6 w 420"/>
                  <a:gd name="T7" fmla="*/ 318 h 492"/>
                  <a:gd name="T8" fmla="*/ 12 w 420"/>
                  <a:gd name="T9" fmla="*/ 318 h 492"/>
                  <a:gd name="T10" fmla="*/ 24 w 420"/>
                  <a:gd name="T11" fmla="*/ 312 h 492"/>
                  <a:gd name="T12" fmla="*/ 18 w 420"/>
                  <a:gd name="T13" fmla="*/ 276 h 492"/>
                  <a:gd name="T14" fmla="*/ 36 w 420"/>
                  <a:gd name="T15" fmla="*/ 252 h 492"/>
                  <a:gd name="T16" fmla="*/ 36 w 420"/>
                  <a:gd name="T17" fmla="*/ 234 h 492"/>
                  <a:gd name="T18" fmla="*/ 72 w 420"/>
                  <a:gd name="T19" fmla="*/ 210 h 492"/>
                  <a:gd name="T20" fmla="*/ 48 w 420"/>
                  <a:gd name="T21" fmla="*/ 144 h 492"/>
                  <a:gd name="T22" fmla="*/ 48 w 420"/>
                  <a:gd name="T23" fmla="*/ 138 h 492"/>
                  <a:gd name="T24" fmla="*/ 60 w 420"/>
                  <a:gd name="T25" fmla="*/ 66 h 492"/>
                  <a:gd name="T26" fmla="*/ 72 w 420"/>
                  <a:gd name="T27" fmla="*/ 60 h 492"/>
                  <a:gd name="T28" fmla="*/ 96 w 420"/>
                  <a:gd name="T29" fmla="*/ 72 h 492"/>
                  <a:gd name="T30" fmla="*/ 114 w 420"/>
                  <a:gd name="T31" fmla="*/ 0 h 492"/>
                  <a:gd name="T32" fmla="*/ 420 w 420"/>
                  <a:gd name="T33" fmla="*/ 54 h 492"/>
                  <a:gd name="T34" fmla="*/ 372 w 420"/>
                  <a:gd name="T35" fmla="*/ 408 h 492"/>
                  <a:gd name="T36" fmla="*/ 360 w 420"/>
                  <a:gd name="T37" fmla="*/ 492 h 492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420"/>
                  <a:gd name="T58" fmla="*/ 0 h 492"/>
                  <a:gd name="T59" fmla="*/ 420 w 420"/>
                  <a:gd name="T60" fmla="*/ 492 h 492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420" h="492">
                    <a:moveTo>
                      <a:pt x="360" y="492"/>
                    </a:moveTo>
                    <a:lnTo>
                      <a:pt x="222" y="468"/>
                    </a:lnTo>
                    <a:lnTo>
                      <a:pt x="0" y="336"/>
                    </a:lnTo>
                    <a:lnTo>
                      <a:pt x="6" y="318"/>
                    </a:lnTo>
                    <a:lnTo>
                      <a:pt x="12" y="318"/>
                    </a:lnTo>
                    <a:lnTo>
                      <a:pt x="24" y="312"/>
                    </a:lnTo>
                    <a:lnTo>
                      <a:pt x="18" y="276"/>
                    </a:lnTo>
                    <a:lnTo>
                      <a:pt x="36" y="252"/>
                    </a:lnTo>
                    <a:lnTo>
                      <a:pt x="36" y="234"/>
                    </a:lnTo>
                    <a:lnTo>
                      <a:pt x="72" y="210"/>
                    </a:lnTo>
                    <a:lnTo>
                      <a:pt x="48" y="144"/>
                    </a:lnTo>
                    <a:lnTo>
                      <a:pt x="48" y="138"/>
                    </a:lnTo>
                    <a:lnTo>
                      <a:pt x="60" y="66"/>
                    </a:lnTo>
                    <a:lnTo>
                      <a:pt x="72" y="60"/>
                    </a:lnTo>
                    <a:lnTo>
                      <a:pt x="96" y="72"/>
                    </a:lnTo>
                    <a:lnTo>
                      <a:pt x="114" y="0"/>
                    </a:lnTo>
                    <a:lnTo>
                      <a:pt x="420" y="54"/>
                    </a:lnTo>
                    <a:lnTo>
                      <a:pt x="372" y="408"/>
                    </a:lnTo>
                    <a:lnTo>
                      <a:pt x="360" y="49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63" name="Freeform 390"/>
              <p:cNvSpPr>
                <a:spLocks noChangeAspect="1"/>
              </p:cNvSpPr>
              <p:nvPr/>
            </p:nvSpPr>
            <p:spPr bwMode="auto">
              <a:xfrm>
                <a:off x="1689" y="2160"/>
                <a:ext cx="420" cy="498"/>
              </a:xfrm>
              <a:custGeom>
                <a:avLst/>
                <a:gdLst>
                  <a:gd name="T0" fmla="*/ 360 w 420"/>
                  <a:gd name="T1" fmla="*/ 492 h 498"/>
                  <a:gd name="T2" fmla="*/ 222 w 420"/>
                  <a:gd name="T3" fmla="*/ 468 h 498"/>
                  <a:gd name="T4" fmla="*/ 0 w 420"/>
                  <a:gd name="T5" fmla="*/ 336 h 498"/>
                  <a:gd name="T6" fmla="*/ 6 w 420"/>
                  <a:gd name="T7" fmla="*/ 318 h 498"/>
                  <a:gd name="T8" fmla="*/ 12 w 420"/>
                  <a:gd name="T9" fmla="*/ 318 h 498"/>
                  <a:gd name="T10" fmla="*/ 24 w 420"/>
                  <a:gd name="T11" fmla="*/ 312 h 498"/>
                  <a:gd name="T12" fmla="*/ 18 w 420"/>
                  <a:gd name="T13" fmla="*/ 276 h 498"/>
                  <a:gd name="T14" fmla="*/ 36 w 420"/>
                  <a:gd name="T15" fmla="*/ 252 h 498"/>
                  <a:gd name="T16" fmla="*/ 36 w 420"/>
                  <a:gd name="T17" fmla="*/ 234 h 498"/>
                  <a:gd name="T18" fmla="*/ 72 w 420"/>
                  <a:gd name="T19" fmla="*/ 210 h 498"/>
                  <a:gd name="T20" fmla="*/ 48 w 420"/>
                  <a:gd name="T21" fmla="*/ 144 h 498"/>
                  <a:gd name="T22" fmla="*/ 48 w 420"/>
                  <a:gd name="T23" fmla="*/ 138 h 498"/>
                  <a:gd name="T24" fmla="*/ 60 w 420"/>
                  <a:gd name="T25" fmla="*/ 66 h 498"/>
                  <a:gd name="T26" fmla="*/ 72 w 420"/>
                  <a:gd name="T27" fmla="*/ 60 h 498"/>
                  <a:gd name="T28" fmla="*/ 96 w 420"/>
                  <a:gd name="T29" fmla="*/ 72 h 498"/>
                  <a:gd name="T30" fmla="*/ 114 w 420"/>
                  <a:gd name="T31" fmla="*/ 0 h 498"/>
                  <a:gd name="T32" fmla="*/ 420 w 420"/>
                  <a:gd name="T33" fmla="*/ 54 h 498"/>
                  <a:gd name="T34" fmla="*/ 372 w 420"/>
                  <a:gd name="T35" fmla="*/ 408 h 498"/>
                  <a:gd name="T36" fmla="*/ 360 w 420"/>
                  <a:gd name="T37" fmla="*/ 492 h 498"/>
                  <a:gd name="T38" fmla="*/ 360 w 420"/>
                  <a:gd name="T39" fmla="*/ 498 h 498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420"/>
                  <a:gd name="T61" fmla="*/ 0 h 498"/>
                  <a:gd name="T62" fmla="*/ 420 w 420"/>
                  <a:gd name="T63" fmla="*/ 498 h 498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420" h="498">
                    <a:moveTo>
                      <a:pt x="360" y="492"/>
                    </a:moveTo>
                    <a:lnTo>
                      <a:pt x="222" y="468"/>
                    </a:lnTo>
                    <a:lnTo>
                      <a:pt x="0" y="336"/>
                    </a:lnTo>
                    <a:lnTo>
                      <a:pt x="6" y="318"/>
                    </a:lnTo>
                    <a:lnTo>
                      <a:pt x="12" y="318"/>
                    </a:lnTo>
                    <a:lnTo>
                      <a:pt x="24" y="312"/>
                    </a:lnTo>
                    <a:lnTo>
                      <a:pt x="18" y="276"/>
                    </a:lnTo>
                    <a:lnTo>
                      <a:pt x="36" y="252"/>
                    </a:lnTo>
                    <a:lnTo>
                      <a:pt x="36" y="234"/>
                    </a:lnTo>
                    <a:lnTo>
                      <a:pt x="72" y="210"/>
                    </a:lnTo>
                    <a:lnTo>
                      <a:pt x="48" y="144"/>
                    </a:lnTo>
                    <a:lnTo>
                      <a:pt x="48" y="138"/>
                    </a:lnTo>
                    <a:lnTo>
                      <a:pt x="60" y="66"/>
                    </a:lnTo>
                    <a:lnTo>
                      <a:pt x="72" y="60"/>
                    </a:lnTo>
                    <a:lnTo>
                      <a:pt x="96" y="72"/>
                    </a:lnTo>
                    <a:lnTo>
                      <a:pt x="114" y="0"/>
                    </a:lnTo>
                    <a:lnTo>
                      <a:pt x="420" y="54"/>
                    </a:lnTo>
                    <a:lnTo>
                      <a:pt x="372" y="408"/>
                    </a:lnTo>
                    <a:lnTo>
                      <a:pt x="360" y="492"/>
                    </a:lnTo>
                    <a:lnTo>
                      <a:pt x="360" y="49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64" name="Freeform 391"/>
              <p:cNvSpPr>
                <a:spLocks noChangeAspect="1"/>
              </p:cNvSpPr>
              <p:nvPr/>
            </p:nvSpPr>
            <p:spPr bwMode="auto">
              <a:xfrm>
                <a:off x="2997" y="2298"/>
                <a:ext cx="312" cy="282"/>
              </a:xfrm>
              <a:custGeom>
                <a:avLst/>
                <a:gdLst>
                  <a:gd name="T0" fmla="*/ 228 w 312"/>
                  <a:gd name="T1" fmla="*/ 276 h 282"/>
                  <a:gd name="T2" fmla="*/ 42 w 312"/>
                  <a:gd name="T3" fmla="*/ 282 h 282"/>
                  <a:gd name="T4" fmla="*/ 42 w 312"/>
                  <a:gd name="T5" fmla="*/ 240 h 282"/>
                  <a:gd name="T6" fmla="*/ 12 w 312"/>
                  <a:gd name="T7" fmla="*/ 228 h 282"/>
                  <a:gd name="T8" fmla="*/ 12 w 312"/>
                  <a:gd name="T9" fmla="*/ 96 h 282"/>
                  <a:gd name="T10" fmla="*/ 0 w 312"/>
                  <a:gd name="T11" fmla="*/ 6 h 282"/>
                  <a:gd name="T12" fmla="*/ 282 w 312"/>
                  <a:gd name="T13" fmla="*/ 0 h 282"/>
                  <a:gd name="T14" fmla="*/ 288 w 312"/>
                  <a:gd name="T15" fmla="*/ 18 h 282"/>
                  <a:gd name="T16" fmla="*/ 270 w 312"/>
                  <a:gd name="T17" fmla="*/ 36 h 282"/>
                  <a:gd name="T18" fmla="*/ 312 w 312"/>
                  <a:gd name="T19" fmla="*/ 36 h 282"/>
                  <a:gd name="T20" fmla="*/ 312 w 312"/>
                  <a:gd name="T21" fmla="*/ 42 h 282"/>
                  <a:gd name="T22" fmla="*/ 300 w 312"/>
                  <a:gd name="T23" fmla="*/ 60 h 282"/>
                  <a:gd name="T24" fmla="*/ 300 w 312"/>
                  <a:gd name="T25" fmla="*/ 72 h 282"/>
                  <a:gd name="T26" fmla="*/ 282 w 312"/>
                  <a:gd name="T27" fmla="*/ 84 h 282"/>
                  <a:gd name="T28" fmla="*/ 294 w 312"/>
                  <a:gd name="T29" fmla="*/ 102 h 282"/>
                  <a:gd name="T30" fmla="*/ 282 w 312"/>
                  <a:gd name="T31" fmla="*/ 114 h 282"/>
                  <a:gd name="T32" fmla="*/ 264 w 312"/>
                  <a:gd name="T33" fmla="*/ 138 h 282"/>
                  <a:gd name="T34" fmla="*/ 264 w 312"/>
                  <a:gd name="T35" fmla="*/ 162 h 282"/>
                  <a:gd name="T36" fmla="*/ 234 w 312"/>
                  <a:gd name="T37" fmla="*/ 198 h 282"/>
                  <a:gd name="T38" fmla="*/ 234 w 312"/>
                  <a:gd name="T39" fmla="*/ 222 h 282"/>
                  <a:gd name="T40" fmla="*/ 222 w 312"/>
                  <a:gd name="T41" fmla="*/ 222 h 282"/>
                  <a:gd name="T42" fmla="*/ 228 w 312"/>
                  <a:gd name="T43" fmla="*/ 240 h 282"/>
                  <a:gd name="T44" fmla="*/ 234 w 312"/>
                  <a:gd name="T45" fmla="*/ 240 h 282"/>
                  <a:gd name="T46" fmla="*/ 228 w 312"/>
                  <a:gd name="T47" fmla="*/ 252 h 282"/>
                  <a:gd name="T48" fmla="*/ 240 w 312"/>
                  <a:gd name="T49" fmla="*/ 258 h 282"/>
                  <a:gd name="T50" fmla="*/ 228 w 312"/>
                  <a:gd name="T51" fmla="*/ 276 h 282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312"/>
                  <a:gd name="T79" fmla="*/ 0 h 282"/>
                  <a:gd name="T80" fmla="*/ 312 w 312"/>
                  <a:gd name="T81" fmla="*/ 282 h 282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312" h="282">
                    <a:moveTo>
                      <a:pt x="228" y="276"/>
                    </a:moveTo>
                    <a:lnTo>
                      <a:pt x="42" y="282"/>
                    </a:lnTo>
                    <a:lnTo>
                      <a:pt x="42" y="240"/>
                    </a:lnTo>
                    <a:lnTo>
                      <a:pt x="12" y="228"/>
                    </a:lnTo>
                    <a:lnTo>
                      <a:pt x="12" y="96"/>
                    </a:lnTo>
                    <a:lnTo>
                      <a:pt x="0" y="6"/>
                    </a:lnTo>
                    <a:lnTo>
                      <a:pt x="282" y="0"/>
                    </a:lnTo>
                    <a:lnTo>
                      <a:pt x="288" y="18"/>
                    </a:lnTo>
                    <a:lnTo>
                      <a:pt x="270" y="36"/>
                    </a:lnTo>
                    <a:lnTo>
                      <a:pt x="312" y="36"/>
                    </a:lnTo>
                    <a:lnTo>
                      <a:pt x="312" y="42"/>
                    </a:lnTo>
                    <a:lnTo>
                      <a:pt x="300" y="60"/>
                    </a:lnTo>
                    <a:lnTo>
                      <a:pt x="300" y="72"/>
                    </a:lnTo>
                    <a:lnTo>
                      <a:pt x="282" y="84"/>
                    </a:lnTo>
                    <a:lnTo>
                      <a:pt x="294" y="102"/>
                    </a:lnTo>
                    <a:lnTo>
                      <a:pt x="282" y="114"/>
                    </a:lnTo>
                    <a:lnTo>
                      <a:pt x="264" y="138"/>
                    </a:lnTo>
                    <a:lnTo>
                      <a:pt x="264" y="162"/>
                    </a:lnTo>
                    <a:lnTo>
                      <a:pt x="234" y="198"/>
                    </a:lnTo>
                    <a:lnTo>
                      <a:pt x="234" y="222"/>
                    </a:lnTo>
                    <a:lnTo>
                      <a:pt x="222" y="222"/>
                    </a:lnTo>
                    <a:lnTo>
                      <a:pt x="228" y="240"/>
                    </a:lnTo>
                    <a:lnTo>
                      <a:pt x="234" y="240"/>
                    </a:lnTo>
                    <a:lnTo>
                      <a:pt x="228" y="252"/>
                    </a:lnTo>
                    <a:lnTo>
                      <a:pt x="240" y="258"/>
                    </a:lnTo>
                    <a:lnTo>
                      <a:pt x="228" y="27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65" name="Freeform 392"/>
              <p:cNvSpPr>
                <a:spLocks noChangeAspect="1"/>
              </p:cNvSpPr>
              <p:nvPr/>
            </p:nvSpPr>
            <p:spPr bwMode="auto">
              <a:xfrm>
                <a:off x="2997" y="2298"/>
                <a:ext cx="312" cy="282"/>
              </a:xfrm>
              <a:custGeom>
                <a:avLst/>
                <a:gdLst>
                  <a:gd name="T0" fmla="*/ 228 w 312"/>
                  <a:gd name="T1" fmla="*/ 276 h 282"/>
                  <a:gd name="T2" fmla="*/ 42 w 312"/>
                  <a:gd name="T3" fmla="*/ 282 h 282"/>
                  <a:gd name="T4" fmla="*/ 42 w 312"/>
                  <a:gd name="T5" fmla="*/ 240 h 282"/>
                  <a:gd name="T6" fmla="*/ 12 w 312"/>
                  <a:gd name="T7" fmla="*/ 228 h 282"/>
                  <a:gd name="T8" fmla="*/ 12 w 312"/>
                  <a:gd name="T9" fmla="*/ 96 h 282"/>
                  <a:gd name="T10" fmla="*/ 0 w 312"/>
                  <a:gd name="T11" fmla="*/ 6 h 282"/>
                  <a:gd name="T12" fmla="*/ 282 w 312"/>
                  <a:gd name="T13" fmla="*/ 0 h 282"/>
                  <a:gd name="T14" fmla="*/ 288 w 312"/>
                  <a:gd name="T15" fmla="*/ 18 h 282"/>
                  <a:gd name="T16" fmla="*/ 270 w 312"/>
                  <a:gd name="T17" fmla="*/ 36 h 282"/>
                  <a:gd name="T18" fmla="*/ 312 w 312"/>
                  <a:gd name="T19" fmla="*/ 36 h 282"/>
                  <a:gd name="T20" fmla="*/ 312 w 312"/>
                  <a:gd name="T21" fmla="*/ 42 h 282"/>
                  <a:gd name="T22" fmla="*/ 300 w 312"/>
                  <a:gd name="T23" fmla="*/ 60 h 282"/>
                  <a:gd name="T24" fmla="*/ 300 w 312"/>
                  <a:gd name="T25" fmla="*/ 72 h 282"/>
                  <a:gd name="T26" fmla="*/ 282 w 312"/>
                  <a:gd name="T27" fmla="*/ 84 h 282"/>
                  <a:gd name="T28" fmla="*/ 294 w 312"/>
                  <a:gd name="T29" fmla="*/ 102 h 282"/>
                  <a:gd name="T30" fmla="*/ 282 w 312"/>
                  <a:gd name="T31" fmla="*/ 114 h 282"/>
                  <a:gd name="T32" fmla="*/ 264 w 312"/>
                  <a:gd name="T33" fmla="*/ 138 h 282"/>
                  <a:gd name="T34" fmla="*/ 264 w 312"/>
                  <a:gd name="T35" fmla="*/ 162 h 282"/>
                  <a:gd name="T36" fmla="*/ 234 w 312"/>
                  <a:gd name="T37" fmla="*/ 198 h 282"/>
                  <a:gd name="T38" fmla="*/ 234 w 312"/>
                  <a:gd name="T39" fmla="*/ 222 h 282"/>
                  <a:gd name="T40" fmla="*/ 222 w 312"/>
                  <a:gd name="T41" fmla="*/ 222 h 282"/>
                  <a:gd name="T42" fmla="*/ 228 w 312"/>
                  <a:gd name="T43" fmla="*/ 240 h 282"/>
                  <a:gd name="T44" fmla="*/ 234 w 312"/>
                  <a:gd name="T45" fmla="*/ 240 h 282"/>
                  <a:gd name="T46" fmla="*/ 228 w 312"/>
                  <a:gd name="T47" fmla="*/ 252 h 282"/>
                  <a:gd name="T48" fmla="*/ 240 w 312"/>
                  <a:gd name="T49" fmla="*/ 258 h 282"/>
                  <a:gd name="T50" fmla="*/ 228 w 312"/>
                  <a:gd name="T51" fmla="*/ 276 h 282"/>
                  <a:gd name="T52" fmla="*/ 228 w 312"/>
                  <a:gd name="T53" fmla="*/ 282 h 282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312"/>
                  <a:gd name="T82" fmla="*/ 0 h 282"/>
                  <a:gd name="T83" fmla="*/ 312 w 312"/>
                  <a:gd name="T84" fmla="*/ 282 h 282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312" h="282">
                    <a:moveTo>
                      <a:pt x="228" y="276"/>
                    </a:moveTo>
                    <a:lnTo>
                      <a:pt x="42" y="282"/>
                    </a:lnTo>
                    <a:lnTo>
                      <a:pt x="42" y="240"/>
                    </a:lnTo>
                    <a:lnTo>
                      <a:pt x="12" y="228"/>
                    </a:lnTo>
                    <a:lnTo>
                      <a:pt x="12" y="96"/>
                    </a:lnTo>
                    <a:lnTo>
                      <a:pt x="0" y="6"/>
                    </a:lnTo>
                    <a:lnTo>
                      <a:pt x="282" y="0"/>
                    </a:lnTo>
                    <a:lnTo>
                      <a:pt x="288" y="18"/>
                    </a:lnTo>
                    <a:lnTo>
                      <a:pt x="270" y="36"/>
                    </a:lnTo>
                    <a:lnTo>
                      <a:pt x="312" y="36"/>
                    </a:lnTo>
                    <a:lnTo>
                      <a:pt x="312" y="42"/>
                    </a:lnTo>
                    <a:lnTo>
                      <a:pt x="300" y="60"/>
                    </a:lnTo>
                    <a:lnTo>
                      <a:pt x="300" y="72"/>
                    </a:lnTo>
                    <a:lnTo>
                      <a:pt x="282" y="84"/>
                    </a:lnTo>
                    <a:lnTo>
                      <a:pt x="294" y="102"/>
                    </a:lnTo>
                    <a:lnTo>
                      <a:pt x="282" y="114"/>
                    </a:lnTo>
                    <a:lnTo>
                      <a:pt x="264" y="138"/>
                    </a:lnTo>
                    <a:lnTo>
                      <a:pt x="264" y="162"/>
                    </a:lnTo>
                    <a:lnTo>
                      <a:pt x="234" y="198"/>
                    </a:lnTo>
                    <a:lnTo>
                      <a:pt x="234" y="222"/>
                    </a:lnTo>
                    <a:lnTo>
                      <a:pt x="222" y="222"/>
                    </a:lnTo>
                    <a:lnTo>
                      <a:pt x="228" y="240"/>
                    </a:lnTo>
                    <a:lnTo>
                      <a:pt x="234" y="240"/>
                    </a:lnTo>
                    <a:lnTo>
                      <a:pt x="228" y="252"/>
                    </a:lnTo>
                    <a:lnTo>
                      <a:pt x="240" y="258"/>
                    </a:lnTo>
                    <a:lnTo>
                      <a:pt x="228" y="276"/>
                    </a:lnTo>
                    <a:lnTo>
                      <a:pt x="228" y="28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66" name="Freeform 393"/>
              <p:cNvSpPr>
                <a:spLocks noChangeAspect="1"/>
              </p:cNvSpPr>
              <p:nvPr/>
            </p:nvSpPr>
            <p:spPr bwMode="auto">
              <a:xfrm>
                <a:off x="1263" y="1638"/>
                <a:ext cx="498" cy="840"/>
              </a:xfrm>
              <a:custGeom>
                <a:avLst/>
                <a:gdLst>
                  <a:gd name="T0" fmla="*/ 432 w 498"/>
                  <a:gd name="T1" fmla="*/ 840 h 840"/>
                  <a:gd name="T2" fmla="*/ 276 w 498"/>
                  <a:gd name="T3" fmla="*/ 822 h 840"/>
                  <a:gd name="T4" fmla="*/ 270 w 498"/>
                  <a:gd name="T5" fmla="*/ 762 h 840"/>
                  <a:gd name="T6" fmla="*/ 240 w 498"/>
                  <a:gd name="T7" fmla="*/ 714 h 840"/>
                  <a:gd name="T8" fmla="*/ 222 w 498"/>
                  <a:gd name="T9" fmla="*/ 708 h 840"/>
                  <a:gd name="T10" fmla="*/ 222 w 498"/>
                  <a:gd name="T11" fmla="*/ 690 h 840"/>
                  <a:gd name="T12" fmla="*/ 180 w 498"/>
                  <a:gd name="T13" fmla="*/ 672 h 840"/>
                  <a:gd name="T14" fmla="*/ 162 w 498"/>
                  <a:gd name="T15" fmla="*/ 642 h 840"/>
                  <a:gd name="T16" fmla="*/ 108 w 498"/>
                  <a:gd name="T17" fmla="*/ 630 h 840"/>
                  <a:gd name="T18" fmla="*/ 96 w 498"/>
                  <a:gd name="T19" fmla="*/ 618 h 840"/>
                  <a:gd name="T20" fmla="*/ 108 w 498"/>
                  <a:gd name="T21" fmla="*/ 570 h 840"/>
                  <a:gd name="T22" fmla="*/ 96 w 498"/>
                  <a:gd name="T23" fmla="*/ 564 h 840"/>
                  <a:gd name="T24" fmla="*/ 102 w 498"/>
                  <a:gd name="T25" fmla="*/ 546 h 840"/>
                  <a:gd name="T26" fmla="*/ 54 w 498"/>
                  <a:gd name="T27" fmla="*/ 462 h 840"/>
                  <a:gd name="T28" fmla="*/ 60 w 498"/>
                  <a:gd name="T29" fmla="*/ 444 h 840"/>
                  <a:gd name="T30" fmla="*/ 72 w 498"/>
                  <a:gd name="T31" fmla="*/ 420 h 840"/>
                  <a:gd name="T32" fmla="*/ 48 w 498"/>
                  <a:gd name="T33" fmla="*/ 384 h 840"/>
                  <a:gd name="T34" fmla="*/ 48 w 498"/>
                  <a:gd name="T35" fmla="*/ 342 h 840"/>
                  <a:gd name="T36" fmla="*/ 78 w 498"/>
                  <a:gd name="T37" fmla="*/ 372 h 840"/>
                  <a:gd name="T38" fmla="*/ 60 w 498"/>
                  <a:gd name="T39" fmla="*/ 330 h 840"/>
                  <a:gd name="T40" fmla="*/ 78 w 498"/>
                  <a:gd name="T41" fmla="*/ 330 h 840"/>
                  <a:gd name="T42" fmla="*/ 60 w 498"/>
                  <a:gd name="T43" fmla="*/ 312 h 840"/>
                  <a:gd name="T44" fmla="*/ 54 w 498"/>
                  <a:gd name="T45" fmla="*/ 342 h 840"/>
                  <a:gd name="T46" fmla="*/ 36 w 498"/>
                  <a:gd name="T47" fmla="*/ 312 h 840"/>
                  <a:gd name="T48" fmla="*/ 30 w 498"/>
                  <a:gd name="T49" fmla="*/ 318 h 840"/>
                  <a:gd name="T50" fmla="*/ 36 w 498"/>
                  <a:gd name="T51" fmla="*/ 300 h 840"/>
                  <a:gd name="T52" fmla="*/ 6 w 498"/>
                  <a:gd name="T53" fmla="*/ 234 h 840"/>
                  <a:gd name="T54" fmla="*/ 18 w 498"/>
                  <a:gd name="T55" fmla="*/ 168 h 840"/>
                  <a:gd name="T56" fmla="*/ 0 w 498"/>
                  <a:gd name="T57" fmla="*/ 108 h 840"/>
                  <a:gd name="T58" fmla="*/ 30 w 498"/>
                  <a:gd name="T59" fmla="*/ 72 h 840"/>
                  <a:gd name="T60" fmla="*/ 48 w 498"/>
                  <a:gd name="T61" fmla="*/ 0 h 840"/>
                  <a:gd name="T62" fmla="*/ 282 w 498"/>
                  <a:gd name="T63" fmla="*/ 60 h 840"/>
                  <a:gd name="T64" fmla="*/ 222 w 498"/>
                  <a:gd name="T65" fmla="*/ 294 h 840"/>
                  <a:gd name="T66" fmla="*/ 474 w 498"/>
                  <a:gd name="T67" fmla="*/ 666 h 840"/>
                  <a:gd name="T68" fmla="*/ 498 w 498"/>
                  <a:gd name="T69" fmla="*/ 732 h 840"/>
                  <a:gd name="T70" fmla="*/ 462 w 498"/>
                  <a:gd name="T71" fmla="*/ 756 h 840"/>
                  <a:gd name="T72" fmla="*/ 462 w 498"/>
                  <a:gd name="T73" fmla="*/ 774 h 840"/>
                  <a:gd name="T74" fmla="*/ 444 w 498"/>
                  <a:gd name="T75" fmla="*/ 798 h 840"/>
                  <a:gd name="T76" fmla="*/ 450 w 498"/>
                  <a:gd name="T77" fmla="*/ 834 h 840"/>
                  <a:gd name="T78" fmla="*/ 438 w 498"/>
                  <a:gd name="T79" fmla="*/ 840 h 840"/>
                  <a:gd name="T80" fmla="*/ 432 w 498"/>
                  <a:gd name="T81" fmla="*/ 840 h 840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w 498"/>
                  <a:gd name="T124" fmla="*/ 0 h 840"/>
                  <a:gd name="T125" fmla="*/ 498 w 498"/>
                  <a:gd name="T126" fmla="*/ 840 h 840"/>
                </a:gdLst>
                <a:ahLst/>
                <a:cxnLst>
                  <a:cxn ang="T82">
                    <a:pos x="T0" y="T1"/>
                  </a:cxn>
                  <a:cxn ang="T83">
                    <a:pos x="T2" y="T3"/>
                  </a:cxn>
                  <a:cxn ang="T84">
                    <a:pos x="T4" y="T5"/>
                  </a:cxn>
                  <a:cxn ang="T85">
                    <a:pos x="T6" y="T7"/>
                  </a:cxn>
                  <a:cxn ang="T86">
                    <a:pos x="T8" y="T9"/>
                  </a:cxn>
                  <a:cxn ang="T87">
                    <a:pos x="T10" y="T11"/>
                  </a:cxn>
                  <a:cxn ang="T88">
                    <a:pos x="T12" y="T13"/>
                  </a:cxn>
                  <a:cxn ang="T89">
                    <a:pos x="T14" y="T15"/>
                  </a:cxn>
                  <a:cxn ang="T90">
                    <a:pos x="T16" y="T17"/>
                  </a:cxn>
                  <a:cxn ang="T91">
                    <a:pos x="T18" y="T19"/>
                  </a:cxn>
                  <a:cxn ang="T92">
                    <a:pos x="T20" y="T21"/>
                  </a:cxn>
                  <a:cxn ang="T93">
                    <a:pos x="T22" y="T23"/>
                  </a:cxn>
                  <a:cxn ang="T94">
                    <a:pos x="T24" y="T25"/>
                  </a:cxn>
                  <a:cxn ang="T95">
                    <a:pos x="T26" y="T27"/>
                  </a:cxn>
                  <a:cxn ang="T96">
                    <a:pos x="T28" y="T29"/>
                  </a:cxn>
                  <a:cxn ang="T97">
                    <a:pos x="T30" y="T31"/>
                  </a:cxn>
                  <a:cxn ang="T98">
                    <a:pos x="T32" y="T33"/>
                  </a:cxn>
                  <a:cxn ang="T99">
                    <a:pos x="T34" y="T35"/>
                  </a:cxn>
                  <a:cxn ang="T100">
                    <a:pos x="T36" y="T37"/>
                  </a:cxn>
                  <a:cxn ang="T101">
                    <a:pos x="T38" y="T39"/>
                  </a:cxn>
                  <a:cxn ang="T102">
                    <a:pos x="T40" y="T41"/>
                  </a:cxn>
                  <a:cxn ang="T103">
                    <a:pos x="T42" y="T43"/>
                  </a:cxn>
                  <a:cxn ang="T104">
                    <a:pos x="T44" y="T45"/>
                  </a:cxn>
                  <a:cxn ang="T105">
                    <a:pos x="T46" y="T47"/>
                  </a:cxn>
                  <a:cxn ang="T106">
                    <a:pos x="T48" y="T49"/>
                  </a:cxn>
                  <a:cxn ang="T107">
                    <a:pos x="T50" y="T51"/>
                  </a:cxn>
                  <a:cxn ang="T108">
                    <a:pos x="T52" y="T53"/>
                  </a:cxn>
                  <a:cxn ang="T109">
                    <a:pos x="T54" y="T55"/>
                  </a:cxn>
                  <a:cxn ang="T110">
                    <a:pos x="T56" y="T57"/>
                  </a:cxn>
                  <a:cxn ang="T111">
                    <a:pos x="T58" y="T59"/>
                  </a:cxn>
                  <a:cxn ang="T112">
                    <a:pos x="T60" y="T61"/>
                  </a:cxn>
                  <a:cxn ang="T113">
                    <a:pos x="T62" y="T63"/>
                  </a:cxn>
                  <a:cxn ang="T114">
                    <a:pos x="T64" y="T65"/>
                  </a:cxn>
                  <a:cxn ang="T115">
                    <a:pos x="T66" y="T67"/>
                  </a:cxn>
                  <a:cxn ang="T116">
                    <a:pos x="T68" y="T69"/>
                  </a:cxn>
                  <a:cxn ang="T117">
                    <a:pos x="T70" y="T71"/>
                  </a:cxn>
                  <a:cxn ang="T118">
                    <a:pos x="T72" y="T73"/>
                  </a:cxn>
                  <a:cxn ang="T119">
                    <a:pos x="T74" y="T75"/>
                  </a:cxn>
                  <a:cxn ang="T120">
                    <a:pos x="T76" y="T77"/>
                  </a:cxn>
                  <a:cxn ang="T121">
                    <a:pos x="T78" y="T79"/>
                  </a:cxn>
                  <a:cxn ang="T122">
                    <a:pos x="T80" y="T81"/>
                  </a:cxn>
                </a:cxnLst>
                <a:rect l="T123" t="T124" r="T125" b="T126"/>
                <a:pathLst>
                  <a:path w="498" h="840">
                    <a:moveTo>
                      <a:pt x="432" y="840"/>
                    </a:moveTo>
                    <a:lnTo>
                      <a:pt x="276" y="822"/>
                    </a:lnTo>
                    <a:lnTo>
                      <a:pt x="270" y="762"/>
                    </a:lnTo>
                    <a:lnTo>
                      <a:pt x="240" y="714"/>
                    </a:lnTo>
                    <a:lnTo>
                      <a:pt x="222" y="708"/>
                    </a:lnTo>
                    <a:lnTo>
                      <a:pt x="222" y="690"/>
                    </a:lnTo>
                    <a:lnTo>
                      <a:pt x="180" y="672"/>
                    </a:lnTo>
                    <a:lnTo>
                      <a:pt x="162" y="642"/>
                    </a:lnTo>
                    <a:lnTo>
                      <a:pt x="108" y="630"/>
                    </a:lnTo>
                    <a:lnTo>
                      <a:pt x="96" y="618"/>
                    </a:lnTo>
                    <a:lnTo>
                      <a:pt x="108" y="570"/>
                    </a:lnTo>
                    <a:lnTo>
                      <a:pt x="96" y="564"/>
                    </a:lnTo>
                    <a:lnTo>
                      <a:pt x="102" y="546"/>
                    </a:lnTo>
                    <a:lnTo>
                      <a:pt x="54" y="462"/>
                    </a:lnTo>
                    <a:lnTo>
                      <a:pt x="60" y="444"/>
                    </a:lnTo>
                    <a:lnTo>
                      <a:pt x="72" y="420"/>
                    </a:lnTo>
                    <a:lnTo>
                      <a:pt x="48" y="384"/>
                    </a:lnTo>
                    <a:lnTo>
                      <a:pt x="48" y="342"/>
                    </a:lnTo>
                    <a:lnTo>
                      <a:pt x="78" y="372"/>
                    </a:lnTo>
                    <a:lnTo>
                      <a:pt x="60" y="330"/>
                    </a:lnTo>
                    <a:lnTo>
                      <a:pt x="78" y="330"/>
                    </a:lnTo>
                    <a:lnTo>
                      <a:pt x="60" y="312"/>
                    </a:lnTo>
                    <a:lnTo>
                      <a:pt x="54" y="342"/>
                    </a:lnTo>
                    <a:lnTo>
                      <a:pt x="36" y="312"/>
                    </a:lnTo>
                    <a:lnTo>
                      <a:pt x="30" y="318"/>
                    </a:lnTo>
                    <a:lnTo>
                      <a:pt x="36" y="300"/>
                    </a:lnTo>
                    <a:lnTo>
                      <a:pt x="6" y="234"/>
                    </a:lnTo>
                    <a:lnTo>
                      <a:pt x="18" y="168"/>
                    </a:lnTo>
                    <a:lnTo>
                      <a:pt x="0" y="108"/>
                    </a:lnTo>
                    <a:lnTo>
                      <a:pt x="30" y="72"/>
                    </a:lnTo>
                    <a:lnTo>
                      <a:pt x="48" y="0"/>
                    </a:lnTo>
                    <a:lnTo>
                      <a:pt x="282" y="60"/>
                    </a:lnTo>
                    <a:lnTo>
                      <a:pt x="222" y="294"/>
                    </a:lnTo>
                    <a:lnTo>
                      <a:pt x="474" y="666"/>
                    </a:lnTo>
                    <a:lnTo>
                      <a:pt x="498" y="732"/>
                    </a:lnTo>
                    <a:lnTo>
                      <a:pt x="462" y="756"/>
                    </a:lnTo>
                    <a:lnTo>
                      <a:pt x="462" y="774"/>
                    </a:lnTo>
                    <a:lnTo>
                      <a:pt x="444" y="798"/>
                    </a:lnTo>
                    <a:lnTo>
                      <a:pt x="450" y="834"/>
                    </a:lnTo>
                    <a:lnTo>
                      <a:pt x="438" y="840"/>
                    </a:lnTo>
                    <a:lnTo>
                      <a:pt x="432" y="84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67" name="Freeform 394"/>
              <p:cNvSpPr>
                <a:spLocks noChangeAspect="1"/>
              </p:cNvSpPr>
              <p:nvPr/>
            </p:nvSpPr>
            <p:spPr bwMode="auto">
              <a:xfrm>
                <a:off x="1263" y="1638"/>
                <a:ext cx="498" cy="846"/>
              </a:xfrm>
              <a:custGeom>
                <a:avLst/>
                <a:gdLst>
                  <a:gd name="T0" fmla="*/ 432 w 498"/>
                  <a:gd name="T1" fmla="*/ 840 h 846"/>
                  <a:gd name="T2" fmla="*/ 276 w 498"/>
                  <a:gd name="T3" fmla="*/ 822 h 846"/>
                  <a:gd name="T4" fmla="*/ 270 w 498"/>
                  <a:gd name="T5" fmla="*/ 762 h 846"/>
                  <a:gd name="T6" fmla="*/ 240 w 498"/>
                  <a:gd name="T7" fmla="*/ 714 h 846"/>
                  <a:gd name="T8" fmla="*/ 222 w 498"/>
                  <a:gd name="T9" fmla="*/ 708 h 846"/>
                  <a:gd name="T10" fmla="*/ 222 w 498"/>
                  <a:gd name="T11" fmla="*/ 690 h 846"/>
                  <a:gd name="T12" fmla="*/ 180 w 498"/>
                  <a:gd name="T13" fmla="*/ 672 h 846"/>
                  <a:gd name="T14" fmla="*/ 162 w 498"/>
                  <a:gd name="T15" fmla="*/ 642 h 846"/>
                  <a:gd name="T16" fmla="*/ 108 w 498"/>
                  <a:gd name="T17" fmla="*/ 630 h 846"/>
                  <a:gd name="T18" fmla="*/ 96 w 498"/>
                  <a:gd name="T19" fmla="*/ 618 h 846"/>
                  <a:gd name="T20" fmla="*/ 108 w 498"/>
                  <a:gd name="T21" fmla="*/ 570 h 846"/>
                  <a:gd name="T22" fmla="*/ 96 w 498"/>
                  <a:gd name="T23" fmla="*/ 564 h 846"/>
                  <a:gd name="T24" fmla="*/ 102 w 498"/>
                  <a:gd name="T25" fmla="*/ 546 h 846"/>
                  <a:gd name="T26" fmla="*/ 54 w 498"/>
                  <a:gd name="T27" fmla="*/ 462 h 846"/>
                  <a:gd name="T28" fmla="*/ 60 w 498"/>
                  <a:gd name="T29" fmla="*/ 444 h 846"/>
                  <a:gd name="T30" fmla="*/ 72 w 498"/>
                  <a:gd name="T31" fmla="*/ 420 h 846"/>
                  <a:gd name="T32" fmla="*/ 48 w 498"/>
                  <a:gd name="T33" fmla="*/ 384 h 846"/>
                  <a:gd name="T34" fmla="*/ 48 w 498"/>
                  <a:gd name="T35" fmla="*/ 342 h 846"/>
                  <a:gd name="T36" fmla="*/ 78 w 498"/>
                  <a:gd name="T37" fmla="*/ 372 h 846"/>
                  <a:gd name="T38" fmla="*/ 60 w 498"/>
                  <a:gd name="T39" fmla="*/ 330 h 846"/>
                  <a:gd name="T40" fmla="*/ 78 w 498"/>
                  <a:gd name="T41" fmla="*/ 330 h 846"/>
                  <a:gd name="T42" fmla="*/ 60 w 498"/>
                  <a:gd name="T43" fmla="*/ 312 h 846"/>
                  <a:gd name="T44" fmla="*/ 54 w 498"/>
                  <a:gd name="T45" fmla="*/ 342 h 846"/>
                  <a:gd name="T46" fmla="*/ 36 w 498"/>
                  <a:gd name="T47" fmla="*/ 312 h 846"/>
                  <a:gd name="T48" fmla="*/ 30 w 498"/>
                  <a:gd name="T49" fmla="*/ 318 h 846"/>
                  <a:gd name="T50" fmla="*/ 36 w 498"/>
                  <a:gd name="T51" fmla="*/ 300 h 846"/>
                  <a:gd name="T52" fmla="*/ 6 w 498"/>
                  <a:gd name="T53" fmla="*/ 234 h 846"/>
                  <a:gd name="T54" fmla="*/ 18 w 498"/>
                  <a:gd name="T55" fmla="*/ 168 h 846"/>
                  <a:gd name="T56" fmla="*/ 0 w 498"/>
                  <a:gd name="T57" fmla="*/ 108 h 846"/>
                  <a:gd name="T58" fmla="*/ 30 w 498"/>
                  <a:gd name="T59" fmla="*/ 72 h 846"/>
                  <a:gd name="T60" fmla="*/ 48 w 498"/>
                  <a:gd name="T61" fmla="*/ 0 h 846"/>
                  <a:gd name="T62" fmla="*/ 282 w 498"/>
                  <a:gd name="T63" fmla="*/ 60 h 846"/>
                  <a:gd name="T64" fmla="*/ 222 w 498"/>
                  <a:gd name="T65" fmla="*/ 294 h 846"/>
                  <a:gd name="T66" fmla="*/ 474 w 498"/>
                  <a:gd name="T67" fmla="*/ 666 h 846"/>
                  <a:gd name="T68" fmla="*/ 498 w 498"/>
                  <a:gd name="T69" fmla="*/ 732 h 846"/>
                  <a:gd name="T70" fmla="*/ 462 w 498"/>
                  <a:gd name="T71" fmla="*/ 756 h 846"/>
                  <a:gd name="T72" fmla="*/ 462 w 498"/>
                  <a:gd name="T73" fmla="*/ 774 h 846"/>
                  <a:gd name="T74" fmla="*/ 444 w 498"/>
                  <a:gd name="T75" fmla="*/ 798 h 846"/>
                  <a:gd name="T76" fmla="*/ 450 w 498"/>
                  <a:gd name="T77" fmla="*/ 834 h 846"/>
                  <a:gd name="T78" fmla="*/ 438 w 498"/>
                  <a:gd name="T79" fmla="*/ 840 h 846"/>
                  <a:gd name="T80" fmla="*/ 432 w 498"/>
                  <a:gd name="T81" fmla="*/ 840 h 846"/>
                  <a:gd name="T82" fmla="*/ 432 w 498"/>
                  <a:gd name="T83" fmla="*/ 846 h 84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498"/>
                  <a:gd name="T127" fmla="*/ 0 h 846"/>
                  <a:gd name="T128" fmla="*/ 498 w 498"/>
                  <a:gd name="T129" fmla="*/ 846 h 846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498" h="846">
                    <a:moveTo>
                      <a:pt x="432" y="840"/>
                    </a:moveTo>
                    <a:lnTo>
                      <a:pt x="276" y="822"/>
                    </a:lnTo>
                    <a:lnTo>
                      <a:pt x="270" y="762"/>
                    </a:lnTo>
                    <a:lnTo>
                      <a:pt x="240" y="714"/>
                    </a:lnTo>
                    <a:lnTo>
                      <a:pt x="222" y="708"/>
                    </a:lnTo>
                    <a:lnTo>
                      <a:pt x="222" y="690"/>
                    </a:lnTo>
                    <a:lnTo>
                      <a:pt x="180" y="672"/>
                    </a:lnTo>
                    <a:lnTo>
                      <a:pt x="162" y="642"/>
                    </a:lnTo>
                    <a:lnTo>
                      <a:pt x="108" y="630"/>
                    </a:lnTo>
                    <a:lnTo>
                      <a:pt x="96" y="618"/>
                    </a:lnTo>
                    <a:lnTo>
                      <a:pt x="108" y="570"/>
                    </a:lnTo>
                    <a:lnTo>
                      <a:pt x="96" y="564"/>
                    </a:lnTo>
                    <a:lnTo>
                      <a:pt x="102" y="546"/>
                    </a:lnTo>
                    <a:lnTo>
                      <a:pt x="54" y="462"/>
                    </a:lnTo>
                    <a:lnTo>
                      <a:pt x="60" y="444"/>
                    </a:lnTo>
                    <a:lnTo>
                      <a:pt x="72" y="420"/>
                    </a:lnTo>
                    <a:lnTo>
                      <a:pt x="48" y="384"/>
                    </a:lnTo>
                    <a:lnTo>
                      <a:pt x="48" y="342"/>
                    </a:lnTo>
                    <a:lnTo>
                      <a:pt x="78" y="372"/>
                    </a:lnTo>
                    <a:lnTo>
                      <a:pt x="60" y="330"/>
                    </a:lnTo>
                    <a:lnTo>
                      <a:pt x="78" y="330"/>
                    </a:lnTo>
                    <a:lnTo>
                      <a:pt x="60" y="312"/>
                    </a:lnTo>
                    <a:lnTo>
                      <a:pt x="54" y="342"/>
                    </a:lnTo>
                    <a:lnTo>
                      <a:pt x="36" y="312"/>
                    </a:lnTo>
                    <a:lnTo>
                      <a:pt x="30" y="318"/>
                    </a:lnTo>
                    <a:lnTo>
                      <a:pt x="36" y="300"/>
                    </a:lnTo>
                    <a:lnTo>
                      <a:pt x="6" y="234"/>
                    </a:lnTo>
                    <a:lnTo>
                      <a:pt x="18" y="168"/>
                    </a:lnTo>
                    <a:lnTo>
                      <a:pt x="0" y="108"/>
                    </a:lnTo>
                    <a:lnTo>
                      <a:pt x="30" y="72"/>
                    </a:lnTo>
                    <a:lnTo>
                      <a:pt x="48" y="0"/>
                    </a:lnTo>
                    <a:lnTo>
                      <a:pt x="282" y="60"/>
                    </a:lnTo>
                    <a:lnTo>
                      <a:pt x="222" y="294"/>
                    </a:lnTo>
                    <a:lnTo>
                      <a:pt x="474" y="666"/>
                    </a:lnTo>
                    <a:lnTo>
                      <a:pt x="498" y="732"/>
                    </a:lnTo>
                    <a:lnTo>
                      <a:pt x="462" y="756"/>
                    </a:lnTo>
                    <a:lnTo>
                      <a:pt x="462" y="774"/>
                    </a:lnTo>
                    <a:lnTo>
                      <a:pt x="444" y="798"/>
                    </a:lnTo>
                    <a:lnTo>
                      <a:pt x="450" y="834"/>
                    </a:lnTo>
                    <a:lnTo>
                      <a:pt x="438" y="840"/>
                    </a:lnTo>
                    <a:lnTo>
                      <a:pt x="432" y="840"/>
                    </a:lnTo>
                    <a:lnTo>
                      <a:pt x="432" y="84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68" name="Freeform 395"/>
              <p:cNvSpPr>
                <a:spLocks noChangeAspect="1"/>
              </p:cNvSpPr>
              <p:nvPr/>
            </p:nvSpPr>
            <p:spPr bwMode="auto">
              <a:xfrm>
                <a:off x="2109" y="1902"/>
                <a:ext cx="450" cy="354"/>
              </a:xfrm>
              <a:custGeom>
                <a:avLst/>
                <a:gdLst>
                  <a:gd name="T0" fmla="*/ 444 w 450"/>
                  <a:gd name="T1" fmla="*/ 120 h 354"/>
                  <a:gd name="T2" fmla="*/ 432 w 450"/>
                  <a:gd name="T3" fmla="*/ 354 h 354"/>
                  <a:gd name="T4" fmla="*/ 372 w 450"/>
                  <a:gd name="T5" fmla="*/ 348 h 354"/>
                  <a:gd name="T6" fmla="*/ 0 w 450"/>
                  <a:gd name="T7" fmla="*/ 312 h 354"/>
                  <a:gd name="T8" fmla="*/ 6 w 450"/>
                  <a:gd name="T9" fmla="*/ 264 h 354"/>
                  <a:gd name="T10" fmla="*/ 42 w 450"/>
                  <a:gd name="T11" fmla="*/ 0 h 354"/>
                  <a:gd name="T12" fmla="*/ 336 w 450"/>
                  <a:gd name="T13" fmla="*/ 30 h 354"/>
                  <a:gd name="T14" fmla="*/ 450 w 450"/>
                  <a:gd name="T15" fmla="*/ 42 h 354"/>
                  <a:gd name="T16" fmla="*/ 444 w 450"/>
                  <a:gd name="T17" fmla="*/ 90 h 354"/>
                  <a:gd name="T18" fmla="*/ 444 w 450"/>
                  <a:gd name="T19" fmla="*/ 120 h 354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450"/>
                  <a:gd name="T31" fmla="*/ 0 h 354"/>
                  <a:gd name="T32" fmla="*/ 450 w 450"/>
                  <a:gd name="T33" fmla="*/ 354 h 354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450" h="354">
                    <a:moveTo>
                      <a:pt x="444" y="120"/>
                    </a:moveTo>
                    <a:lnTo>
                      <a:pt x="432" y="354"/>
                    </a:lnTo>
                    <a:lnTo>
                      <a:pt x="372" y="348"/>
                    </a:lnTo>
                    <a:lnTo>
                      <a:pt x="0" y="312"/>
                    </a:lnTo>
                    <a:lnTo>
                      <a:pt x="6" y="264"/>
                    </a:lnTo>
                    <a:lnTo>
                      <a:pt x="42" y="0"/>
                    </a:lnTo>
                    <a:lnTo>
                      <a:pt x="336" y="30"/>
                    </a:lnTo>
                    <a:lnTo>
                      <a:pt x="450" y="42"/>
                    </a:lnTo>
                    <a:lnTo>
                      <a:pt x="444" y="90"/>
                    </a:lnTo>
                    <a:lnTo>
                      <a:pt x="444" y="12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69" name="Freeform 396"/>
              <p:cNvSpPr>
                <a:spLocks noChangeAspect="1"/>
              </p:cNvSpPr>
              <p:nvPr/>
            </p:nvSpPr>
            <p:spPr bwMode="auto">
              <a:xfrm>
                <a:off x="2109" y="1902"/>
                <a:ext cx="450" cy="354"/>
              </a:xfrm>
              <a:custGeom>
                <a:avLst/>
                <a:gdLst>
                  <a:gd name="T0" fmla="*/ 444 w 450"/>
                  <a:gd name="T1" fmla="*/ 120 h 354"/>
                  <a:gd name="T2" fmla="*/ 432 w 450"/>
                  <a:gd name="T3" fmla="*/ 354 h 354"/>
                  <a:gd name="T4" fmla="*/ 372 w 450"/>
                  <a:gd name="T5" fmla="*/ 348 h 354"/>
                  <a:gd name="T6" fmla="*/ 0 w 450"/>
                  <a:gd name="T7" fmla="*/ 312 h 354"/>
                  <a:gd name="T8" fmla="*/ 6 w 450"/>
                  <a:gd name="T9" fmla="*/ 264 h 354"/>
                  <a:gd name="T10" fmla="*/ 42 w 450"/>
                  <a:gd name="T11" fmla="*/ 0 h 354"/>
                  <a:gd name="T12" fmla="*/ 336 w 450"/>
                  <a:gd name="T13" fmla="*/ 30 h 354"/>
                  <a:gd name="T14" fmla="*/ 450 w 450"/>
                  <a:gd name="T15" fmla="*/ 42 h 354"/>
                  <a:gd name="T16" fmla="*/ 444 w 450"/>
                  <a:gd name="T17" fmla="*/ 90 h 354"/>
                  <a:gd name="T18" fmla="*/ 444 w 450"/>
                  <a:gd name="T19" fmla="*/ 120 h 354"/>
                  <a:gd name="T20" fmla="*/ 444 w 450"/>
                  <a:gd name="T21" fmla="*/ 126 h 35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450"/>
                  <a:gd name="T34" fmla="*/ 0 h 354"/>
                  <a:gd name="T35" fmla="*/ 450 w 450"/>
                  <a:gd name="T36" fmla="*/ 354 h 35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450" h="354">
                    <a:moveTo>
                      <a:pt x="444" y="120"/>
                    </a:moveTo>
                    <a:lnTo>
                      <a:pt x="432" y="354"/>
                    </a:lnTo>
                    <a:lnTo>
                      <a:pt x="372" y="348"/>
                    </a:lnTo>
                    <a:lnTo>
                      <a:pt x="0" y="312"/>
                    </a:lnTo>
                    <a:lnTo>
                      <a:pt x="6" y="264"/>
                    </a:lnTo>
                    <a:lnTo>
                      <a:pt x="42" y="0"/>
                    </a:lnTo>
                    <a:lnTo>
                      <a:pt x="336" y="30"/>
                    </a:lnTo>
                    <a:lnTo>
                      <a:pt x="450" y="42"/>
                    </a:lnTo>
                    <a:lnTo>
                      <a:pt x="444" y="90"/>
                    </a:lnTo>
                    <a:lnTo>
                      <a:pt x="444" y="120"/>
                    </a:lnTo>
                    <a:lnTo>
                      <a:pt x="444" y="12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70" name="Freeform 397"/>
              <p:cNvSpPr>
                <a:spLocks noChangeAspect="1"/>
              </p:cNvSpPr>
              <p:nvPr/>
            </p:nvSpPr>
            <p:spPr bwMode="auto">
              <a:xfrm>
                <a:off x="4203" y="1698"/>
                <a:ext cx="102" cy="108"/>
              </a:xfrm>
              <a:custGeom>
                <a:avLst/>
                <a:gdLst>
                  <a:gd name="T0" fmla="*/ 96 w 102"/>
                  <a:gd name="T1" fmla="*/ 6 h 108"/>
                  <a:gd name="T2" fmla="*/ 102 w 102"/>
                  <a:gd name="T3" fmla="*/ 54 h 108"/>
                  <a:gd name="T4" fmla="*/ 42 w 102"/>
                  <a:gd name="T5" fmla="*/ 72 h 108"/>
                  <a:gd name="T6" fmla="*/ 6 w 102"/>
                  <a:gd name="T7" fmla="*/ 108 h 108"/>
                  <a:gd name="T8" fmla="*/ 12 w 102"/>
                  <a:gd name="T9" fmla="*/ 90 h 108"/>
                  <a:gd name="T10" fmla="*/ 0 w 102"/>
                  <a:gd name="T11" fmla="*/ 24 h 108"/>
                  <a:gd name="T12" fmla="*/ 90 w 102"/>
                  <a:gd name="T13" fmla="*/ 0 h 108"/>
                  <a:gd name="T14" fmla="*/ 96 w 102"/>
                  <a:gd name="T15" fmla="*/ 6 h 108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102"/>
                  <a:gd name="T25" fmla="*/ 0 h 108"/>
                  <a:gd name="T26" fmla="*/ 102 w 102"/>
                  <a:gd name="T27" fmla="*/ 108 h 108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102" h="108">
                    <a:moveTo>
                      <a:pt x="96" y="6"/>
                    </a:moveTo>
                    <a:lnTo>
                      <a:pt x="102" y="54"/>
                    </a:lnTo>
                    <a:lnTo>
                      <a:pt x="42" y="72"/>
                    </a:lnTo>
                    <a:lnTo>
                      <a:pt x="6" y="108"/>
                    </a:lnTo>
                    <a:lnTo>
                      <a:pt x="12" y="90"/>
                    </a:lnTo>
                    <a:lnTo>
                      <a:pt x="0" y="24"/>
                    </a:lnTo>
                    <a:lnTo>
                      <a:pt x="90" y="0"/>
                    </a:lnTo>
                    <a:lnTo>
                      <a:pt x="96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71" name="Freeform 398"/>
              <p:cNvSpPr>
                <a:spLocks noChangeAspect="1"/>
              </p:cNvSpPr>
              <p:nvPr/>
            </p:nvSpPr>
            <p:spPr bwMode="auto">
              <a:xfrm>
                <a:off x="4203" y="1698"/>
                <a:ext cx="102" cy="108"/>
              </a:xfrm>
              <a:custGeom>
                <a:avLst/>
                <a:gdLst>
                  <a:gd name="T0" fmla="*/ 96 w 102"/>
                  <a:gd name="T1" fmla="*/ 6 h 108"/>
                  <a:gd name="T2" fmla="*/ 102 w 102"/>
                  <a:gd name="T3" fmla="*/ 54 h 108"/>
                  <a:gd name="T4" fmla="*/ 42 w 102"/>
                  <a:gd name="T5" fmla="*/ 72 h 108"/>
                  <a:gd name="T6" fmla="*/ 6 w 102"/>
                  <a:gd name="T7" fmla="*/ 108 h 108"/>
                  <a:gd name="T8" fmla="*/ 12 w 102"/>
                  <a:gd name="T9" fmla="*/ 90 h 108"/>
                  <a:gd name="T10" fmla="*/ 0 w 102"/>
                  <a:gd name="T11" fmla="*/ 24 h 108"/>
                  <a:gd name="T12" fmla="*/ 90 w 102"/>
                  <a:gd name="T13" fmla="*/ 0 h 108"/>
                  <a:gd name="T14" fmla="*/ 96 w 102"/>
                  <a:gd name="T15" fmla="*/ 6 h 108"/>
                  <a:gd name="T16" fmla="*/ 96 w 102"/>
                  <a:gd name="T17" fmla="*/ 12 h 108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102"/>
                  <a:gd name="T28" fmla="*/ 0 h 108"/>
                  <a:gd name="T29" fmla="*/ 102 w 102"/>
                  <a:gd name="T30" fmla="*/ 108 h 108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102" h="108">
                    <a:moveTo>
                      <a:pt x="96" y="6"/>
                    </a:moveTo>
                    <a:lnTo>
                      <a:pt x="102" y="54"/>
                    </a:lnTo>
                    <a:lnTo>
                      <a:pt x="42" y="72"/>
                    </a:lnTo>
                    <a:lnTo>
                      <a:pt x="6" y="108"/>
                    </a:lnTo>
                    <a:lnTo>
                      <a:pt x="12" y="90"/>
                    </a:lnTo>
                    <a:lnTo>
                      <a:pt x="0" y="24"/>
                    </a:lnTo>
                    <a:lnTo>
                      <a:pt x="90" y="0"/>
                    </a:lnTo>
                    <a:lnTo>
                      <a:pt x="96" y="6"/>
                    </a:lnTo>
                    <a:lnTo>
                      <a:pt x="96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72" name="Freeform 399"/>
              <p:cNvSpPr>
                <a:spLocks noChangeAspect="1"/>
              </p:cNvSpPr>
              <p:nvPr/>
            </p:nvSpPr>
            <p:spPr bwMode="auto">
              <a:xfrm>
                <a:off x="4107" y="1920"/>
                <a:ext cx="66" cy="108"/>
              </a:xfrm>
              <a:custGeom>
                <a:avLst/>
                <a:gdLst>
                  <a:gd name="T0" fmla="*/ 24 w 66"/>
                  <a:gd name="T1" fmla="*/ 0 h 108"/>
                  <a:gd name="T2" fmla="*/ 18 w 66"/>
                  <a:gd name="T3" fmla="*/ 12 h 108"/>
                  <a:gd name="T4" fmla="*/ 18 w 66"/>
                  <a:gd name="T5" fmla="*/ 30 h 108"/>
                  <a:gd name="T6" fmla="*/ 48 w 66"/>
                  <a:gd name="T7" fmla="*/ 66 h 108"/>
                  <a:gd name="T8" fmla="*/ 60 w 66"/>
                  <a:gd name="T9" fmla="*/ 72 h 108"/>
                  <a:gd name="T10" fmla="*/ 54 w 66"/>
                  <a:gd name="T11" fmla="*/ 90 h 108"/>
                  <a:gd name="T12" fmla="*/ 66 w 66"/>
                  <a:gd name="T13" fmla="*/ 96 h 108"/>
                  <a:gd name="T14" fmla="*/ 30 w 66"/>
                  <a:gd name="T15" fmla="*/ 108 h 108"/>
                  <a:gd name="T16" fmla="*/ 0 w 66"/>
                  <a:gd name="T17" fmla="*/ 12 h 108"/>
                  <a:gd name="T18" fmla="*/ 24 w 66"/>
                  <a:gd name="T19" fmla="*/ 0 h 10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66"/>
                  <a:gd name="T31" fmla="*/ 0 h 108"/>
                  <a:gd name="T32" fmla="*/ 66 w 66"/>
                  <a:gd name="T33" fmla="*/ 108 h 10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66" h="108">
                    <a:moveTo>
                      <a:pt x="24" y="0"/>
                    </a:moveTo>
                    <a:lnTo>
                      <a:pt x="18" y="12"/>
                    </a:lnTo>
                    <a:lnTo>
                      <a:pt x="18" y="30"/>
                    </a:lnTo>
                    <a:lnTo>
                      <a:pt x="48" y="66"/>
                    </a:lnTo>
                    <a:lnTo>
                      <a:pt x="60" y="72"/>
                    </a:lnTo>
                    <a:lnTo>
                      <a:pt x="54" y="90"/>
                    </a:lnTo>
                    <a:lnTo>
                      <a:pt x="66" y="96"/>
                    </a:lnTo>
                    <a:lnTo>
                      <a:pt x="30" y="108"/>
                    </a:lnTo>
                    <a:lnTo>
                      <a:pt x="0" y="12"/>
                    </a:lnTo>
                    <a:lnTo>
                      <a:pt x="24" y="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73" name="Freeform 400"/>
              <p:cNvSpPr>
                <a:spLocks noChangeAspect="1"/>
              </p:cNvSpPr>
              <p:nvPr/>
            </p:nvSpPr>
            <p:spPr bwMode="auto">
              <a:xfrm>
                <a:off x="4107" y="1920"/>
                <a:ext cx="66" cy="108"/>
              </a:xfrm>
              <a:custGeom>
                <a:avLst/>
                <a:gdLst>
                  <a:gd name="T0" fmla="*/ 24 w 66"/>
                  <a:gd name="T1" fmla="*/ 0 h 108"/>
                  <a:gd name="T2" fmla="*/ 18 w 66"/>
                  <a:gd name="T3" fmla="*/ 12 h 108"/>
                  <a:gd name="T4" fmla="*/ 18 w 66"/>
                  <a:gd name="T5" fmla="*/ 30 h 108"/>
                  <a:gd name="T6" fmla="*/ 48 w 66"/>
                  <a:gd name="T7" fmla="*/ 66 h 108"/>
                  <a:gd name="T8" fmla="*/ 60 w 66"/>
                  <a:gd name="T9" fmla="*/ 72 h 108"/>
                  <a:gd name="T10" fmla="*/ 54 w 66"/>
                  <a:gd name="T11" fmla="*/ 90 h 108"/>
                  <a:gd name="T12" fmla="*/ 66 w 66"/>
                  <a:gd name="T13" fmla="*/ 96 h 108"/>
                  <a:gd name="T14" fmla="*/ 30 w 66"/>
                  <a:gd name="T15" fmla="*/ 108 h 108"/>
                  <a:gd name="T16" fmla="*/ 0 w 66"/>
                  <a:gd name="T17" fmla="*/ 12 h 108"/>
                  <a:gd name="T18" fmla="*/ 24 w 66"/>
                  <a:gd name="T19" fmla="*/ 0 h 108"/>
                  <a:gd name="T20" fmla="*/ 24 w 66"/>
                  <a:gd name="T21" fmla="*/ 6 h 108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66"/>
                  <a:gd name="T34" fmla="*/ 0 h 108"/>
                  <a:gd name="T35" fmla="*/ 66 w 66"/>
                  <a:gd name="T36" fmla="*/ 108 h 108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66" h="108">
                    <a:moveTo>
                      <a:pt x="24" y="0"/>
                    </a:moveTo>
                    <a:lnTo>
                      <a:pt x="18" y="12"/>
                    </a:lnTo>
                    <a:lnTo>
                      <a:pt x="18" y="30"/>
                    </a:lnTo>
                    <a:lnTo>
                      <a:pt x="48" y="66"/>
                    </a:lnTo>
                    <a:lnTo>
                      <a:pt x="60" y="72"/>
                    </a:lnTo>
                    <a:lnTo>
                      <a:pt x="54" y="90"/>
                    </a:lnTo>
                    <a:lnTo>
                      <a:pt x="66" y="96"/>
                    </a:lnTo>
                    <a:lnTo>
                      <a:pt x="30" y="108"/>
                    </a:lnTo>
                    <a:lnTo>
                      <a:pt x="0" y="12"/>
                    </a:lnTo>
                    <a:lnTo>
                      <a:pt x="24" y="0"/>
                    </a:lnTo>
                    <a:lnTo>
                      <a:pt x="24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74" name="Freeform 401"/>
              <p:cNvSpPr>
                <a:spLocks noChangeAspect="1"/>
              </p:cNvSpPr>
              <p:nvPr/>
            </p:nvSpPr>
            <p:spPr bwMode="auto">
              <a:xfrm>
                <a:off x="4041" y="2004"/>
                <a:ext cx="12" cy="12"/>
              </a:xfrm>
              <a:custGeom>
                <a:avLst/>
                <a:gdLst>
                  <a:gd name="T0" fmla="*/ 12 w 12"/>
                  <a:gd name="T1" fmla="*/ 12 h 12"/>
                  <a:gd name="T2" fmla="*/ 0 w 12"/>
                  <a:gd name="T3" fmla="*/ 0 h 12"/>
                  <a:gd name="T4" fmla="*/ 12 w 12"/>
                  <a:gd name="T5" fmla="*/ 6 h 12"/>
                  <a:gd name="T6" fmla="*/ 12 w 12"/>
                  <a:gd name="T7" fmla="*/ 12 h 12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2"/>
                  <a:gd name="T13" fmla="*/ 0 h 12"/>
                  <a:gd name="T14" fmla="*/ 12 w 12"/>
                  <a:gd name="T15" fmla="*/ 12 h 12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2" h="12">
                    <a:moveTo>
                      <a:pt x="12" y="12"/>
                    </a:moveTo>
                    <a:lnTo>
                      <a:pt x="0" y="0"/>
                    </a:lnTo>
                    <a:lnTo>
                      <a:pt x="12" y="6"/>
                    </a:lnTo>
                    <a:lnTo>
                      <a:pt x="12" y="12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75" name="Freeform 402"/>
              <p:cNvSpPr>
                <a:spLocks noChangeAspect="1"/>
              </p:cNvSpPr>
              <p:nvPr/>
            </p:nvSpPr>
            <p:spPr bwMode="auto">
              <a:xfrm>
                <a:off x="4041" y="2004"/>
                <a:ext cx="12" cy="18"/>
              </a:xfrm>
              <a:custGeom>
                <a:avLst/>
                <a:gdLst>
                  <a:gd name="T0" fmla="*/ 12 w 12"/>
                  <a:gd name="T1" fmla="*/ 12 h 18"/>
                  <a:gd name="T2" fmla="*/ 0 w 12"/>
                  <a:gd name="T3" fmla="*/ 0 h 18"/>
                  <a:gd name="T4" fmla="*/ 12 w 12"/>
                  <a:gd name="T5" fmla="*/ 6 h 18"/>
                  <a:gd name="T6" fmla="*/ 12 w 12"/>
                  <a:gd name="T7" fmla="*/ 12 h 18"/>
                  <a:gd name="T8" fmla="*/ 12 w 12"/>
                  <a:gd name="T9" fmla="*/ 18 h 18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2"/>
                  <a:gd name="T16" fmla="*/ 0 h 18"/>
                  <a:gd name="T17" fmla="*/ 12 w 12"/>
                  <a:gd name="T18" fmla="*/ 18 h 18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2" h="18">
                    <a:moveTo>
                      <a:pt x="12" y="12"/>
                    </a:moveTo>
                    <a:lnTo>
                      <a:pt x="0" y="0"/>
                    </a:lnTo>
                    <a:lnTo>
                      <a:pt x="12" y="6"/>
                    </a:lnTo>
                    <a:lnTo>
                      <a:pt x="12" y="12"/>
                    </a:lnTo>
                    <a:lnTo>
                      <a:pt x="12" y="1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76" name="Freeform 403"/>
              <p:cNvSpPr>
                <a:spLocks noChangeAspect="1"/>
              </p:cNvSpPr>
              <p:nvPr/>
            </p:nvSpPr>
            <p:spPr bwMode="auto">
              <a:xfrm>
                <a:off x="3471" y="2688"/>
                <a:ext cx="564" cy="420"/>
              </a:xfrm>
              <a:custGeom>
                <a:avLst/>
                <a:gdLst>
                  <a:gd name="T0" fmla="*/ 408 w 564"/>
                  <a:gd name="T1" fmla="*/ 0 h 420"/>
                  <a:gd name="T2" fmla="*/ 558 w 564"/>
                  <a:gd name="T3" fmla="*/ 288 h 420"/>
                  <a:gd name="T4" fmla="*/ 564 w 564"/>
                  <a:gd name="T5" fmla="*/ 360 h 420"/>
                  <a:gd name="T6" fmla="*/ 552 w 564"/>
                  <a:gd name="T7" fmla="*/ 378 h 420"/>
                  <a:gd name="T8" fmla="*/ 552 w 564"/>
                  <a:gd name="T9" fmla="*/ 396 h 420"/>
                  <a:gd name="T10" fmla="*/ 546 w 564"/>
                  <a:gd name="T11" fmla="*/ 408 h 420"/>
                  <a:gd name="T12" fmla="*/ 504 w 564"/>
                  <a:gd name="T13" fmla="*/ 420 h 420"/>
                  <a:gd name="T14" fmla="*/ 498 w 564"/>
                  <a:gd name="T15" fmla="*/ 408 h 420"/>
                  <a:gd name="T16" fmla="*/ 510 w 564"/>
                  <a:gd name="T17" fmla="*/ 414 h 420"/>
                  <a:gd name="T18" fmla="*/ 516 w 564"/>
                  <a:gd name="T19" fmla="*/ 402 h 420"/>
                  <a:gd name="T20" fmla="*/ 498 w 564"/>
                  <a:gd name="T21" fmla="*/ 402 h 420"/>
                  <a:gd name="T22" fmla="*/ 474 w 564"/>
                  <a:gd name="T23" fmla="*/ 372 h 420"/>
                  <a:gd name="T24" fmla="*/ 450 w 564"/>
                  <a:gd name="T25" fmla="*/ 366 h 420"/>
                  <a:gd name="T26" fmla="*/ 432 w 564"/>
                  <a:gd name="T27" fmla="*/ 330 h 420"/>
                  <a:gd name="T28" fmla="*/ 414 w 564"/>
                  <a:gd name="T29" fmla="*/ 318 h 420"/>
                  <a:gd name="T30" fmla="*/ 414 w 564"/>
                  <a:gd name="T31" fmla="*/ 294 h 420"/>
                  <a:gd name="T32" fmla="*/ 402 w 564"/>
                  <a:gd name="T33" fmla="*/ 294 h 420"/>
                  <a:gd name="T34" fmla="*/ 408 w 564"/>
                  <a:gd name="T35" fmla="*/ 306 h 420"/>
                  <a:gd name="T36" fmla="*/ 402 w 564"/>
                  <a:gd name="T37" fmla="*/ 306 h 420"/>
                  <a:gd name="T38" fmla="*/ 366 w 564"/>
                  <a:gd name="T39" fmla="*/ 258 h 420"/>
                  <a:gd name="T40" fmla="*/ 384 w 564"/>
                  <a:gd name="T41" fmla="*/ 228 h 420"/>
                  <a:gd name="T42" fmla="*/ 360 w 564"/>
                  <a:gd name="T43" fmla="*/ 216 h 420"/>
                  <a:gd name="T44" fmla="*/ 366 w 564"/>
                  <a:gd name="T45" fmla="*/ 240 h 420"/>
                  <a:gd name="T46" fmla="*/ 348 w 564"/>
                  <a:gd name="T47" fmla="*/ 228 h 420"/>
                  <a:gd name="T48" fmla="*/ 354 w 564"/>
                  <a:gd name="T49" fmla="*/ 150 h 420"/>
                  <a:gd name="T50" fmla="*/ 270 w 564"/>
                  <a:gd name="T51" fmla="*/ 78 h 420"/>
                  <a:gd name="T52" fmla="*/ 234 w 564"/>
                  <a:gd name="T53" fmla="*/ 72 h 420"/>
                  <a:gd name="T54" fmla="*/ 228 w 564"/>
                  <a:gd name="T55" fmla="*/ 90 h 420"/>
                  <a:gd name="T56" fmla="*/ 162 w 564"/>
                  <a:gd name="T57" fmla="*/ 114 h 420"/>
                  <a:gd name="T58" fmla="*/ 156 w 564"/>
                  <a:gd name="T59" fmla="*/ 102 h 420"/>
                  <a:gd name="T60" fmla="*/ 162 w 564"/>
                  <a:gd name="T61" fmla="*/ 108 h 420"/>
                  <a:gd name="T62" fmla="*/ 162 w 564"/>
                  <a:gd name="T63" fmla="*/ 102 h 420"/>
                  <a:gd name="T64" fmla="*/ 132 w 564"/>
                  <a:gd name="T65" fmla="*/ 66 h 420"/>
                  <a:gd name="T66" fmla="*/ 120 w 564"/>
                  <a:gd name="T67" fmla="*/ 72 h 420"/>
                  <a:gd name="T68" fmla="*/ 132 w 564"/>
                  <a:gd name="T69" fmla="*/ 78 h 420"/>
                  <a:gd name="T70" fmla="*/ 78 w 564"/>
                  <a:gd name="T71" fmla="*/ 66 h 420"/>
                  <a:gd name="T72" fmla="*/ 102 w 564"/>
                  <a:gd name="T73" fmla="*/ 60 h 420"/>
                  <a:gd name="T74" fmla="*/ 96 w 564"/>
                  <a:gd name="T75" fmla="*/ 54 h 420"/>
                  <a:gd name="T76" fmla="*/ 36 w 564"/>
                  <a:gd name="T77" fmla="*/ 72 h 420"/>
                  <a:gd name="T78" fmla="*/ 48 w 564"/>
                  <a:gd name="T79" fmla="*/ 60 h 420"/>
                  <a:gd name="T80" fmla="*/ 30 w 564"/>
                  <a:gd name="T81" fmla="*/ 54 h 420"/>
                  <a:gd name="T82" fmla="*/ 30 w 564"/>
                  <a:gd name="T83" fmla="*/ 66 h 420"/>
                  <a:gd name="T84" fmla="*/ 18 w 564"/>
                  <a:gd name="T85" fmla="*/ 72 h 420"/>
                  <a:gd name="T86" fmla="*/ 18 w 564"/>
                  <a:gd name="T87" fmla="*/ 54 h 420"/>
                  <a:gd name="T88" fmla="*/ 0 w 564"/>
                  <a:gd name="T89" fmla="*/ 36 h 420"/>
                  <a:gd name="T90" fmla="*/ 0 w 564"/>
                  <a:gd name="T91" fmla="*/ 24 h 420"/>
                  <a:gd name="T92" fmla="*/ 174 w 564"/>
                  <a:gd name="T93" fmla="*/ 6 h 420"/>
                  <a:gd name="T94" fmla="*/ 186 w 564"/>
                  <a:gd name="T95" fmla="*/ 30 h 420"/>
                  <a:gd name="T96" fmla="*/ 366 w 564"/>
                  <a:gd name="T97" fmla="*/ 18 h 420"/>
                  <a:gd name="T98" fmla="*/ 372 w 564"/>
                  <a:gd name="T99" fmla="*/ 36 h 420"/>
                  <a:gd name="T100" fmla="*/ 378 w 564"/>
                  <a:gd name="T101" fmla="*/ 30 h 420"/>
                  <a:gd name="T102" fmla="*/ 372 w 564"/>
                  <a:gd name="T103" fmla="*/ 0 h 420"/>
                  <a:gd name="T104" fmla="*/ 402 w 564"/>
                  <a:gd name="T105" fmla="*/ 0 h 420"/>
                  <a:gd name="T106" fmla="*/ 408 w 564"/>
                  <a:gd name="T107" fmla="*/ 0 h 420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w 564"/>
                  <a:gd name="T163" fmla="*/ 0 h 420"/>
                  <a:gd name="T164" fmla="*/ 564 w 564"/>
                  <a:gd name="T165" fmla="*/ 420 h 420"/>
                </a:gdLst>
                <a:ahLst/>
                <a:cxnLst>
                  <a:cxn ang="T108">
                    <a:pos x="T0" y="T1"/>
                  </a:cxn>
                  <a:cxn ang="T109">
                    <a:pos x="T2" y="T3"/>
                  </a:cxn>
                  <a:cxn ang="T110">
                    <a:pos x="T4" y="T5"/>
                  </a:cxn>
                  <a:cxn ang="T111">
                    <a:pos x="T6" y="T7"/>
                  </a:cxn>
                  <a:cxn ang="T112">
                    <a:pos x="T8" y="T9"/>
                  </a:cxn>
                  <a:cxn ang="T113">
                    <a:pos x="T10" y="T11"/>
                  </a:cxn>
                  <a:cxn ang="T114">
                    <a:pos x="T12" y="T13"/>
                  </a:cxn>
                  <a:cxn ang="T115">
                    <a:pos x="T14" y="T15"/>
                  </a:cxn>
                  <a:cxn ang="T116">
                    <a:pos x="T16" y="T17"/>
                  </a:cxn>
                  <a:cxn ang="T117">
                    <a:pos x="T18" y="T19"/>
                  </a:cxn>
                  <a:cxn ang="T118">
                    <a:pos x="T20" y="T21"/>
                  </a:cxn>
                  <a:cxn ang="T119">
                    <a:pos x="T22" y="T23"/>
                  </a:cxn>
                  <a:cxn ang="T120">
                    <a:pos x="T24" y="T25"/>
                  </a:cxn>
                  <a:cxn ang="T121">
                    <a:pos x="T26" y="T27"/>
                  </a:cxn>
                  <a:cxn ang="T122">
                    <a:pos x="T28" y="T29"/>
                  </a:cxn>
                  <a:cxn ang="T123">
                    <a:pos x="T30" y="T31"/>
                  </a:cxn>
                  <a:cxn ang="T124">
                    <a:pos x="T32" y="T33"/>
                  </a:cxn>
                  <a:cxn ang="T125">
                    <a:pos x="T34" y="T35"/>
                  </a:cxn>
                  <a:cxn ang="T126">
                    <a:pos x="T36" y="T37"/>
                  </a:cxn>
                  <a:cxn ang="T127">
                    <a:pos x="T38" y="T39"/>
                  </a:cxn>
                  <a:cxn ang="T128">
                    <a:pos x="T40" y="T41"/>
                  </a:cxn>
                  <a:cxn ang="T129">
                    <a:pos x="T42" y="T43"/>
                  </a:cxn>
                  <a:cxn ang="T130">
                    <a:pos x="T44" y="T45"/>
                  </a:cxn>
                  <a:cxn ang="T131">
                    <a:pos x="T46" y="T47"/>
                  </a:cxn>
                  <a:cxn ang="T132">
                    <a:pos x="T48" y="T49"/>
                  </a:cxn>
                  <a:cxn ang="T133">
                    <a:pos x="T50" y="T51"/>
                  </a:cxn>
                  <a:cxn ang="T134">
                    <a:pos x="T52" y="T53"/>
                  </a:cxn>
                  <a:cxn ang="T135">
                    <a:pos x="T54" y="T55"/>
                  </a:cxn>
                  <a:cxn ang="T136">
                    <a:pos x="T56" y="T57"/>
                  </a:cxn>
                  <a:cxn ang="T137">
                    <a:pos x="T58" y="T59"/>
                  </a:cxn>
                  <a:cxn ang="T138">
                    <a:pos x="T60" y="T61"/>
                  </a:cxn>
                  <a:cxn ang="T139">
                    <a:pos x="T62" y="T63"/>
                  </a:cxn>
                  <a:cxn ang="T140">
                    <a:pos x="T64" y="T65"/>
                  </a:cxn>
                  <a:cxn ang="T141">
                    <a:pos x="T66" y="T67"/>
                  </a:cxn>
                  <a:cxn ang="T142">
                    <a:pos x="T68" y="T69"/>
                  </a:cxn>
                  <a:cxn ang="T143">
                    <a:pos x="T70" y="T71"/>
                  </a:cxn>
                  <a:cxn ang="T144">
                    <a:pos x="T72" y="T73"/>
                  </a:cxn>
                  <a:cxn ang="T145">
                    <a:pos x="T74" y="T75"/>
                  </a:cxn>
                  <a:cxn ang="T146">
                    <a:pos x="T76" y="T77"/>
                  </a:cxn>
                  <a:cxn ang="T147">
                    <a:pos x="T78" y="T79"/>
                  </a:cxn>
                  <a:cxn ang="T148">
                    <a:pos x="T80" y="T81"/>
                  </a:cxn>
                  <a:cxn ang="T149">
                    <a:pos x="T82" y="T83"/>
                  </a:cxn>
                  <a:cxn ang="T150">
                    <a:pos x="T84" y="T85"/>
                  </a:cxn>
                  <a:cxn ang="T151">
                    <a:pos x="T86" y="T87"/>
                  </a:cxn>
                  <a:cxn ang="T152">
                    <a:pos x="T88" y="T89"/>
                  </a:cxn>
                  <a:cxn ang="T153">
                    <a:pos x="T90" y="T91"/>
                  </a:cxn>
                  <a:cxn ang="T154">
                    <a:pos x="T92" y="T93"/>
                  </a:cxn>
                  <a:cxn ang="T155">
                    <a:pos x="T94" y="T95"/>
                  </a:cxn>
                  <a:cxn ang="T156">
                    <a:pos x="T96" y="T97"/>
                  </a:cxn>
                  <a:cxn ang="T157">
                    <a:pos x="T98" y="T99"/>
                  </a:cxn>
                  <a:cxn ang="T158">
                    <a:pos x="T100" y="T101"/>
                  </a:cxn>
                  <a:cxn ang="T159">
                    <a:pos x="T102" y="T103"/>
                  </a:cxn>
                  <a:cxn ang="T160">
                    <a:pos x="T104" y="T105"/>
                  </a:cxn>
                  <a:cxn ang="T161">
                    <a:pos x="T106" y="T107"/>
                  </a:cxn>
                </a:cxnLst>
                <a:rect l="T162" t="T163" r="T164" b="T165"/>
                <a:pathLst>
                  <a:path w="564" h="420">
                    <a:moveTo>
                      <a:pt x="408" y="0"/>
                    </a:moveTo>
                    <a:lnTo>
                      <a:pt x="558" y="288"/>
                    </a:lnTo>
                    <a:lnTo>
                      <a:pt x="564" y="360"/>
                    </a:lnTo>
                    <a:lnTo>
                      <a:pt x="552" y="378"/>
                    </a:lnTo>
                    <a:lnTo>
                      <a:pt x="552" y="396"/>
                    </a:lnTo>
                    <a:lnTo>
                      <a:pt x="546" y="408"/>
                    </a:lnTo>
                    <a:lnTo>
                      <a:pt x="504" y="420"/>
                    </a:lnTo>
                    <a:lnTo>
                      <a:pt x="498" y="408"/>
                    </a:lnTo>
                    <a:lnTo>
                      <a:pt x="510" y="414"/>
                    </a:lnTo>
                    <a:lnTo>
                      <a:pt x="516" y="402"/>
                    </a:lnTo>
                    <a:lnTo>
                      <a:pt x="498" y="402"/>
                    </a:lnTo>
                    <a:lnTo>
                      <a:pt x="474" y="372"/>
                    </a:lnTo>
                    <a:lnTo>
                      <a:pt x="450" y="366"/>
                    </a:lnTo>
                    <a:lnTo>
                      <a:pt x="432" y="330"/>
                    </a:lnTo>
                    <a:lnTo>
                      <a:pt x="414" y="318"/>
                    </a:lnTo>
                    <a:lnTo>
                      <a:pt x="414" y="294"/>
                    </a:lnTo>
                    <a:lnTo>
                      <a:pt x="402" y="294"/>
                    </a:lnTo>
                    <a:lnTo>
                      <a:pt x="408" y="306"/>
                    </a:lnTo>
                    <a:lnTo>
                      <a:pt x="402" y="306"/>
                    </a:lnTo>
                    <a:lnTo>
                      <a:pt x="366" y="258"/>
                    </a:lnTo>
                    <a:lnTo>
                      <a:pt x="384" y="228"/>
                    </a:lnTo>
                    <a:lnTo>
                      <a:pt x="360" y="216"/>
                    </a:lnTo>
                    <a:lnTo>
                      <a:pt x="366" y="240"/>
                    </a:lnTo>
                    <a:lnTo>
                      <a:pt x="348" y="228"/>
                    </a:lnTo>
                    <a:lnTo>
                      <a:pt x="354" y="150"/>
                    </a:lnTo>
                    <a:lnTo>
                      <a:pt x="270" y="78"/>
                    </a:lnTo>
                    <a:lnTo>
                      <a:pt x="234" y="72"/>
                    </a:lnTo>
                    <a:lnTo>
                      <a:pt x="228" y="90"/>
                    </a:lnTo>
                    <a:lnTo>
                      <a:pt x="162" y="114"/>
                    </a:lnTo>
                    <a:lnTo>
                      <a:pt x="156" y="102"/>
                    </a:lnTo>
                    <a:lnTo>
                      <a:pt x="162" y="108"/>
                    </a:lnTo>
                    <a:lnTo>
                      <a:pt x="162" y="102"/>
                    </a:lnTo>
                    <a:lnTo>
                      <a:pt x="132" y="66"/>
                    </a:lnTo>
                    <a:lnTo>
                      <a:pt x="120" y="72"/>
                    </a:lnTo>
                    <a:lnTo>
                      <a:pt x="132" y="78"/>
                    </a:lnTo>
                    <a:lnTo>
                      <a:pt x="78" y="66"/>
                    </a:lnTo>
                    <a:lnTo>
                      <a:pt x="102" y="60"/>
                    </a:lnTo>
                    <a:lnTo>
                      <a:pt x="96" y="54"/>
                    </a:lnTo>
                    <a:lnTo>
                      <a:pt x="36" y="72"/>
                    </a:lnTo>
                    <a:lnTo>
                      <a:pt x="48" y="60"/>
                    </a:lnTo>
                    <a:lnTo>
                      <a:pt x="30" y="54"/>
                    </a:lnTo>
                    <a:lnTo>
                      <a:pt x="30" y="66"/>
                    </a:lnTo>
                    <a:lnTo>
                      <a:pt x="18" y="72"/>
                    </a:lnTo>
                    <a:lnTo>
                      <a:pt x="18" y="54"/>
                    </a:lnTo>
                    <a:lnTo>
                      <a:pt x="0" y="36"/>
                    </a:lnTo>
                    <a:lnTo>
                      <a:pt x="0" y="24"/>
                    </a:lnTo>
                    <a:lnTo>
                      <a:pt x="174" y="6"/>
                    </a:lnTo>
                    <a:lnTo>
                      <a:pt x="186" y="30"/>
                    </a:lnTo>
                    <a:lnTo>
                      <a:pt x="366" y="18"/>
                    </a:lnTo>
                    <a:lnTo>
                      <a:pt x="372" y="36"/>
                    </a:lnTo>
                    <a:lnTo>
                      <a:pt x="378" y="30"/>
                    </a:lnTo>
                    <a:lnTo>
                      <a:pt x="372" y="0"/>
                    </a:lnTo>
                    <a:lnTo>
                      <a:pt x="402" y="0"/>
                    </a:lnTo>
                    <a:lnTo>
                      <a:pt x="408" y="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77" name="Freeform 404"/>
              <p:cNvSpPr>
                <a:spLocks noChangeAspect="1"/>
              </p:cNvSpPr>
              <p:nvPr/>
            </p:nvSpPr>
            <p:spPr bwMode="auto">
              <a:xfrm>
                <a:off x="3471" y="2688"/>
                <a:ext cx="564" cy="420"/>
              </a:xfrm>
              <a:custGeom>
                <a:avLst/>
                <a:gdLst>
                  <a:gd name="T0" fmla="*/ 408 w 564"/>
                  <a:gd name="T1" fmla="*/ 0 h 420"/>
                  <a:gd name="T2" fmla="*/ 558 w 564"/>
                  <a:gd name="T3" fmla="*/ 288 h 420"/>
                  <a:gd name="T4" fmla="*/ 564 w 564"/>
                  <a:gd name="T5" fmla="*/ 360 h 420"/>
                  <a:gd name="T6" fmla="*/ 552 w 564"/>
                  <a:gd name="T7" fmla="*/ 378 h 420"/>
                  <a:gd name="T8" fmla="*/ 552 w 564"/>
                  <a:gd name="T9" fmla="*/ 396 h 420"/>
                  <a:gd name="T10" fmla="*/ 546 w 564"/>
                  <a:gd name="T11" fmla="*/ 408 h 420"/>
                  <a:gd name="T12" fmla="*/ 504 w 564"/>
                  <a:gd name="T13" fmla="*/ 420 h 420"/>
                  <a:gd name="T14" fmla="*/ 498 w 564"/>
                  <a:gd name="T15" fmla="*/ 408 h 420"/>
                  <a:gd name="T16" fmla="*/ 510 w 564"/>
                  <a:gd name="T17" fmla="*/ 414 h 420"/>
                  <a:gd name="T18" fmla="*/ 516 w 564"/>
                  <a:gd name="T19" fmla="*/ 402 h 420"/>
                  <a:gd name="T20" fmla="*/ 498 w 564"/>
                  <a:gd name="T21" fmla="*/ 402 h 420"/>
                  <a:gd name="T22" fmla="*/ 474 w 564"/>
                  <a:gd name="T23" fmla="*/ 372 h 420"/>
                  <a:gd name="T24" fmla="*/ 450 w 564"/>
                  <a:gd name="T25" fmla="*/ 366 h 420"/>
                  <a:gd name="T26" fmla="*/ 432 w 564"/>
                  <a:gd name="T27" fmla="*/ 330 h 420"/>
                  <a:gd name="T28" fmla="*/ 414 w 564"/>
                  <a:gd name="T29" fmla="*/ 318 h 420"/>
                  <a:gd name="T30" fmla="*/ 414 w 564"/>
                  <a:gd name="T31" fmla="*/ 294 h 420"/>
                  <a:gd name="T32" fmla="*/ 402 w 564"/>
                  <a:gd name="T33" fmla="*/ 294 h 420"/>
                  <a:gd name="T34" fmla="*/ 408 w 564"/>
                  <a:gd name="T35" fmla="*/ 306 h 420"/>
                  <a:gd name="T36" fmla="*/ 402 w 564"/>
                  <a:gd name="T37" fmla="*/ 306 h 420"/>
                  <a:gd name="T38" fmla="*/ 366 w 564"/>
                  <a:gd name="T39" fmla="*/ 258 h 420"/>
                  <a:gd name="T40" fmla="*/ 384 w 564"/>
                  <a:gd name="T41" fmla="*/ 228 h 420"/>
                  <a:gd name="T42" fmla="*/ 360 w 564"/>
                  <a:gd name="T43" fmla="*/ 216 h 420"/>
                  <a:gd name="T44" fmla="*/ 366 w 564"/>
                  <a:gd name="T45" fmla="*/ 240 h 420"/>
                  <a:gd name="T46" fmla="*/ 348 w 564"/>
                  <a:gd name="T47" fmla="*/ 228 h 420"/>
                  <a:gd name="T48" fmla="*/ 354 w 564"/>
                  <a:gd name="T49" fmla="*/ 150 h 420"/>
                  <a:gd name="T50" fmla="*/ 270 w 564"/>
                  <a:gd name="T51" fmla="*/ 78 h 420"/>
                  <a:gd name="T52" fmla="*/ 234 w 564"/>
                  <a:gd name="T53" fmla="*/ 72 h 420"/>
                  <a:gd name="T54" fmla="*/ 228 w 564"/>
                  <a:gd name="T55" fmla="*/ 90 h 420"/>
                  <a:gd name="T56" fmla="*/ 162 w 564"/>
                  <a:gd name="T57" fmla="*/ 114 h 420"/>
                  <a:gd name="T58" fmla="*/ 156 w 564"/>
                  <a:gd name="T59" fmla="*/ 102 h 420"/>
                  <a:gd name="T60" fmla="*/ 162 w 564"/>
                  <a:gd name="T61" fmla="*/ 108 h 420"/>
                  <a:gd name="T62" fmla="*/ 162 w 564"/>
                  <a:gd name="T63" fmla="*/ 102 h 420"/>
                  <a:gd name="T64" fmla="*/ 132 w 564"/>
                  <a:gd name="T65" fmla="*/ 66 h 420"/>
                  <a:gd name="T66" fmla="*/ 120 w 564"/>
                  <a:gd name="T67" fmla="*/ 72 h 420"/>
                  <a:gd name="T68" fmla="*/ 132 w 564"/>
                  <a:gd name="T69" fmla="*/ 78 h 420"/>
                  <a:gd name="T70" fmla="*/ 78 w 564"/>
                  <a:gd name="T71" fmla="*/ 66 h 420"/>
                  <a:gd name="T72" fmla="*/ 102 w 564"/>
                  <a:gd name="T73" fmla="*/ 60 h 420"/>
                  <a:gd name="T74" fmla="*/ 96 w 564"/>
                  <a:gd name="T75" fmla="*/ 54 h 420"/>
                  <a:gd name="T76" fmla="*/ 36 w 564"/>
                  <a:gd name="T77" fmla="*/ 72 h 420"/>
                  <a:gd name="T78" fmla="*/ 48 w 564"/>
                  <a:gd name="T79" fmla="*/ 60 h 420"/>
                  <a:gd name="T80" fmla="*/ 30 w 564"/>
                  <a:gd name="T81" fmla="*/ 54 h 420"/>
                  <a:gd name="T82" fmla="*/ 30 w 564"/>
                  <a:gd name="T83" fmla="*/ 66 h 420"/>
                  <a:gd name="T84" fmla="*/ 18 w 564"/>
                  <a:gd name="T85" fmla="*/ 72 h 420"/>
                  <a:gd name="T86" fmla="*/ 18 w 564"/>
                  <a:gd name="T87" fmla="*/ 54 h 420"/>
                  <a:gd name="T88" fmla="*/ 0 w 564"/>
                  <a:gd name="T89" fmla="*/ 36 h 420"/>
                  <a:gd name="T90" fmla="*/ 0 w 564"/>
                  <a:gd name="T91" fmla="*/ 24 h 420"/>
                  <a:gd name="T92" fmla="*/ 174 w 564"/>
                  <a:gd name="T93" fmla="*/ 6 h 420"/>
                  <a:gd name="T94" fmla="*/ 186 w 564"/>
                  <a:gd name="T95" fmla="*/ 30 h 420"/>
                  <a:gd name="T96" fmla="*/ 366 w 564"/>
                  <a:gd name="T97" fmla="*/ 18 h 420"/>
                  <a:gd name="T98" fmla="*/ 372 w 564"/>
                  <a:gd name="T99" fmla="*/ 36 h 420"/>
                  <a:gd name="T100" fmla="*/ 378 w 564"/>
                  <a:gd name="T101" fmla="*/ 30 h 420"/>
                  <a:gd name="T102" fmla="*/ 372 w 564"/>
                  <a:gd name="T103" fmla="*/ 0 h 420"/>
                  <a:gd name="T104" fmla="*/ 402 w 564"/>
                  <a:gd name="T105" fmla="*/ 0 h 420"/>
                  <a:gd name="T106" fmla="*/ 408 w 564"/>
                  <a:gd name="T107" fmla="*/ 0 h 420"/>
                  <a:gd name="T108" fmla="*/ 408 w 564"/>
                  <a:gd name="T109" fmla="*/ 6 h 420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w 564"/>
                  <a:gd name="T166" fmla="*/ 0 h 420"/>
                  <a:gd name="T167" fmla="*/ 564 w 564"/>
                  <a:gd name="T168" fmla="*/ 420 h 420"/>
                </a:gdLst>
                <a:ahLst/>
                <a:cxnLst>
                  <a:cxn ang="T110">
                    <a:pos x="T0" y="T1"/>
                  </a:cxn>
                  <a:cxn ang="T111">
                    <a:pos x="T2" y="T3"/>
                  </a:cxn>
                  <a:cxn ang="T112">
                    <a:pos x="T4" y="T5"/>
                  </a:cxn>
                  <a:cxn ang="T113">
                    <a:pos x="T6" y="T7"/>
                  </a:cxn>
                  <a:cxn ang="T114">
                    <a:pos x="T8" y="T9"/>
                  </a:cxn>
                  <a:cxn ang="T115">
                    <a:pos x="T10" y="T11"/>
                  </a:cxn>
                  <a:cxn ang="T116">
                    <a:pos x="T12" y="T13"/>
                  </a:cxn>
                  <a:cxn ang="T117">
                    <a:pos x="T14" y="T15"/>
                  </a:cxn>
                  <a:cxn ang="T118">
                    <a:pos x="T16" y="T17"/>
                  </a:cxn>
                  <a:cxn ang="T119">
                    <a:pos x="T18" y="T19"/>
                  </a:cxn>
                  <a:cxn ang="T120">
                    <a:pos x="T20" y="T21"/>
                  </a:cxn>
                  <a:cxn ang="T121">
                    <a:pos x="T22" y="T23"/>
                  </a:cxn>
                  <a:cxn ang="T122">
                    <a:pos x="T24" y="T25"/>
                  </a:cxn>
                  <a:cxn ang="T123">
                    <a:pos x="T26" y="T27"/>
                  </a:cxn>
                  <a:cxn ang="T124">
                    <a:pos x="T28" y="T29"/>
                  </a:cxn>
                  <a:cxn ang="T125">
                    <a:pos x="T30" y="T31"/>
                  </a:cxn>
                  <a:cxn ang="T126">
                    <a:pos x="T32" y="T33"/>
                  </a:cxn>
                  <a:cxn ang="T127">
                    <a:pos x="T34" y="T35"/>
                  </a:cxn>
                  <a:cxn ang="T128">
                    <a:pos x="T36" y="T37"/>
                  </a:cxn>
                  <a:cxn ang="T129">
                    <a:pos x="T38" y="T39"/>
                  </a:cxn>
                  <a:cxn ang="T130">
                    <a:pos x="T40" y="T41"/>
                  </a:cxn>
                  <a:cxn ang="T131">
                    <a:pos x="T42" y="T43"/>
                  </a:cxn>
                  <a:cxn ang="T132">
                    <a:pos x="T44" y="T45"/>
                  </a:cxn>
                  <a:cxn ang="T133">
                    <a:pos x="T46" y="T47"/>
                  </a:cxn>
                  <a:cxn ang="T134">
                    <a:pos x="T48" y="T49"/>
                  </a:cxn>
                  <a:cxn ang="T135">
                    <a:pos x="T50" y="T51"/>
                  </a:cxn>
                  <a:cxn ang="T136">
                    <a:pos x="T52" y="T53"/>
                  </a:cxn>
                  <a:cxn ang="T137">
                    <a:pos x="T54" y="T55"/>
                  </a:cxn>
                  <a:cxn ang="T138">
                    <a:pos x="T56" y="T57"/>
                  </a:cxn>
                  <a:cxn ang="T139">
                    <a:pos x="T58" y="T59"/>
                  </a:cxn>
                  <a:cxn ang="T140">
                    <a:pos x="T60" y="T61"/>
                  </a:cxn>
                  <a:cxn ang="T141">
                    <a:pos x="T62" y="T63"/>
                  </a:cxn>
                  <a:cxn ang="T142">
                    <a:pos x="T64" y="T65"/>
                  </a:cxn>
                  <a:cxn ang="T143">
                    <a:pos x="T66" y="T67"/>
                  </a:cxn>
                  <a:cxn ang="T144">
                    <a:pos x="T68" y="T69"/>
                  </a:cxn>
                  <a:cxn ang="T145">
                    <a:pos x="T70" y="T71"/>
                  </a:cxn>
                  <a:cxn ang="T146">
                    <a:pos x="T72" y="T73"/>
                  </a:cxn>
                  <a:cxn ang="T147">
                    <a:pos x="T74" y="T75"/>
                  </a:cxn>
                  <a:cxn ang="T148">
                    <a:pos x="T76" y="T77"/>
                  </a:cxn>
                  <a:cxn ang="T149">
                    <a:pos x="T78" y="T79"/>
                  </a:cxn>
                  <a:cxn ang="T150">
                    <a:pos x="T80" y="T81"/>
                  </a:cxn>
                  <a:cxn ang="T151">
                    <a:pos x="T82" y="T83"/>
                  </a:cxn>
                  <a:cxn ang="T152">
                    <a:pos x="T84" y="T85"/>
                  </a:cxn>
                  <a:cxn ang="T153">
                    <a:pos x="T86" y="T87"/>
                  </a:cxn>
                  <a:cxn ang="T154">
                    <a:pos x="T88" y="T89"/>
                  </a:cxn>
                  <a:cxn ang="T155">
                    <a:pos x="T90" y="T91"/>
                  </a:cxn>
                  <a:cxn ang="T156">
                    <a:pos x="T92" y="T93"/>
                  </a:cxn>
                  <a:cxn ang="T157">
                    <a:pos x="T94" y="T95"/>
                  </a:cxn>
                  <a:cxn ang="T158">
                    <a:pos x="T96" y="T97"/>
                  </a:cxn>
                  <a:cxn ang="T159">
                    <a:pos x="T98" y="T99"/>
                  </a:cxn>
                  <a:cxn ang="T160">
                    <a:pos x="T100" y="T101"/>
                  </a:cxn>
                  <a:cxn ang="T161">
                    <a:pos x="T102" y="T103"/>
                  </a:cxn>
                  <a:cxn ang="T162">
                    <a:pos x="T104" y="T105"/>
                  </a:cxn>
                  <a:cxn ang="T163">
                    <a:pos x="T106" y="T107"/>
                  </a:cxn>
                  <a:cxn ang="T164">
                    <a:pos x="T108" y="T109"/>
                  </a:cxn>
                </a:cxnLst>
                <a:rect l="T165" t="T166" r="T167" b="T168"/>
                <a:pathLst>
                  <a:path w="564" h="420">
                    <a:moveTo>
                      <a:pt x="408" y="0"/>
                    </a:moveTo>
                    <a:lnTo>
                      <a:pt x="558" y="288"/>
                    </a:lnTo>
                    <a:lnTo>
                      <a:pt x="564" y="360"/>
                    </a:lnTo>
                    <a:lnTo>
                      <a:pt x="552" y="378"/>
                    </a:lnTo>
                    <a:lnTo>
                      <a:pt x="552" y="396"/>
                    </a:lnTo>
                    <a:lnTo>
                      <a:pt x="546" y="408"/>
                    </a:lnTo>
                    <a:lnTo>
                      <a:pt x="504" y="420"/>
                    </a:lnTo>
                    <a:lnTo>
                      <a:pt x="498" y="408"/>
                    </a:lnTo>
                    <a:lnTo>
                      <a:pt x="510" y="414"/>
                    </a:lnTo>
                    <a:lnTo>
                      <a:pt x="516" y="402"/>
                    </a:lnTo>
                    <a:lnTo>
                      <a:pt x="498" y="402"/>
                    </a:lnTo>
                    <a:lnTo>
                      <a:pt x="474" y="372"/>
                    </a:lnTo>
                    <a:lnTo>
                      <a:pt x="450" y="366"/>
                    </a:lnTo>
                    <a:lnTo>
                      <a:pt x="432" y="330"/>
                    </a:lnTo>
                    <a:lnTo>
                      <a:pt x="414" y="318"/>
                    </a:lnTo>
                    <a:lnTo>
                      <a:pt x="414" y="294"/>
                    </a:lnTo>
                    <a:lnTo>
                      <a:pt x="402" y="294"/>
                    </a:lnTo>
                    <a:lnTo>
                      <a:pt x="408" y="306"/>
                    </a:lnTo>
                    <a:lnTo>
                      <a:pt x="402" y="306"/>
                    </a:lnTo>
                    <a:lnTo>
                      <a:pt x="366" y="258"/>
                    </a:lnTo>
                    <a:lnTo>
                      <a:pt x="384" y="228"/>
                    </a:lnTo>
                    <a:lnTo>
                      <a:pt x="360" y="216"/>
                    </a:lnTo>
                    <a:lnTo>
                      <a:pt x="366" y="240"/>
                    </a:lnTo>
                    <a:lnTo>
                      <a:pt x="348" y="228"/>
                    </a:lnTo>
                    <a:lnTo>
                      <a:pt x="354" y="150"/>
                    </a:lnTo>
                    <a:lnTo>
                      <a:pt x="270" y="78"/>
                    </a:lnTo>
                    <a:lnTo>
                      <a:pt x="234" y="72"/>
                    </a:lnTo>
                    <a:lnTo>
                      <a:pt x="228" y="90"/>
                    </a:lnTo>
                    <a:lnTo>
                      <a:pt x="162" y="114"/>
                    </a:lnTo>
                    <a:lnTo>
                      <a:pt x="156" y="102"/>
                    </a:lnTo>
                    <a:lnTo>
                      <a:pt x="162" y="108"/>
                    </a:lnTo>
                    <a:lnTo>
                      <a:pt x="162" y="102"/>
                    </a:lnTo>
                    <a:lnTo>
                      <a:pt x="132" y="66"/>
                    </a:lnTo>
                    <a:lnTo>
                      <a:pt x="120" y="72"/>
                    </a:lnTo>
                    <a:lnTo>
                      <a:pt x="132" y="78"/>
                    </a:lnTo>
                    <a:lnTo>
                      <a:pt x="78" y="66"/>
                    </a:lnTo>
                    <a:lnTo>
                      <a:pt x="102" y="60"/>
                    </a:lnTo>
                    <a:lnTo>
                      <a:pt x="96" y="54"/>
                    </a:lnTo>
                    <a:lnTo>
                      <a:pt x="36" y="72"/>
                    </a:lnTo>
                    <a:lnTo>
                      <a:pt x="48" y="60"/>
                    </a:lnTo>
                    <a:lnTo>
                      <a:pt x="30" y="54"/>
                    </a:lnTo>
                    <a:lnTo>
                      <a:pt x="30" y="66"/>
                    </a:lnTo>
                    <a:lnTo>
                      <a:pt x="18" y="72"/>
                    </a:lnTo>
                    <a:lnTo>
                      <a:pt x="18" y="54"/>
                    </a:lnTo>
                    <a:lnTo>
                      <a:pt x="0" y="36"/>
                    </a:lnTo>
                    <a:lnTo>
                      <a:pt x="0" y="24"/>
                    </a:lnTo>
                    <a:lnTo>
                      <a:pt x="174" y="6"/>
                    </a:lnTo>
                    <a:lnTo>
                      <a:pt x="186" y="30"/>
                    </a:lnTo>
                    <a:lnTo>
                      <a:pt x="366" y="18"/>
                    </a:lnTo>
                    <a:lnTo>
                      <a:pt x="372" y="36"/>
                    </a:lnTo>
                    <a:lnTo>
                      <a:pt x="378" y="30"/>
                    </a:lnTo>
                    <a:lnTo>
                      <a:pt x="372" y="0"/>
                    </a:lnTo>
                    <a:lnTo>
                      <a:pt x="402" y="0"/>
                    </a:lnTo>
                    <a:lnTo>
                      <a:pt x="408" y="0"/>
                    </a:lnTo>
                    <a:lnTo>
                      <a:pt x="408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78" name="Freeform 405"/>
              <p:cNvSpPr>
                <a:spLocks noChangeAspect="1"/>
              </p:cNvSpPr>
              <p:nvPr/>
            </p:nvSpPr>
            <p:spPr bwMode="auto">
              <a:xfrm>
                <a:off x="3573" y="2370"/>
                <a:ext cx="330" cy="354"/>
              </a:xfrm>
              <a:custGeom>
                <a:avLst/>
                <a:gdLst>
                  <a:gd name="T0" fmla="*/ 78 w 330"/>
                  <a:gd name="T1" fmla="*/ 12 h 354"/>
                  <a:gd name="T2" fmla="*/ 156 w 330"/>
                  <a:gd name="T3" fmla="*/ 0 h 354"/>
                  <a:gd name="T4" fmla="*/ 144 w 330"/>
                  <a:gd name="T5" fmla="*/ 24 h 354"/>
                  <a:gd name="T6" fmla="*/ 174 w 330"/>
                  <a:gd name="T7" fmla="*/ 42 h 354"/>
                  <a:gd name="T8" fmla="*/ 204 w 330"/>
                  <a:gd name="T9" fmla="*/ 78 h 354"/>
                  <a:gd name="T10" fmla="*/ 282 w 330"/>
                  <a:gd name="T11" fmla="*/ 138 h 354"/>
                  <a:gd name="T12" fmla="*/ 312 w 330"/>
                  <a:gd name="T13" fmla="*/ 204 h 354"/>
                  <a:gd name="T14" fmla="*/ 330 w 330"/>
                  <a:gd name="T15" fmla="*/ 210 h 354"/>
                  <a:gd name="T16" fmla="*/ 318 w 330"/>
                  <a:gd name="T17" fmla="*/ 234 h 354"/>
                  <a:gd name="T18" fmla="*/ 318 w 330"/>
                  <a:gd name="T19" fmla="*/ 246 h 354"/>
                  <a:gd name="T20" fmla="*/ 306 w 330"/>
                  <a:gd name="T21" fmla="*/ 270 h 354"/>
                  <a:gd name="T22" fmla="*/ 306 w 330"/>
                  <a:gd name="T23" fmla="*/ 282 h 354"/>
                  <a:gd name="T24" fmla="*/ 300 w 330"/>
                  <a:gd name="T25" fmla="*/ 282 h 354"/>
                  <a:gd name="T26" fmla="*/ 312 w 330"/>
                  <a:gd name="T27" fmla="*/ 288 h 354"/>
                  <a:gd name="T28" fmla="*/ 306 w 330"/>
                  <a:gd name="T29" fmla="*/ 318 h 354"/>
                  <a:gd name="T30" fmla="*/ 270 w 330"/>
                  <a:gd name="T31" fmla="*/ 318 h 354"/>
                  <a:gd name="T32" fmla="*/ 276 w 330"/>
                  <a:gd name="T33" fmla="*/ 348 h 354"/>
                  <a:gd name="T34" fmla="*/ 270 w 330"/>
                  <a:gd name="T35" fmla="*/ 354 h 354"/>
                  <a:gd name="T36" fmla="*/ 264 w 330"/>
                  <a:gd name="T37" fmla="*/ 336 h 354"/>
                  <a:gd name="T38" fmla="*/ 84 w 330"/>
                  <a:gd name="T39" fmla="*/ 348 h 354"/>
                  <a:gd name="T40" fmla="*/ 72 w 330"/>
                  <a:gd name="T41" fmla="*/ 324 h 354"/>
                  <a:gd name="T42" fmla="*/ 54 w 330"/>
                  <a:gd name="T43" fmla="*/ 258 h 354"/>
                  <a:gd name="T44" fmla="*/ 66 w 330"/>
                  <a:gd name="T45" fmla="*/ 228 h 354"/>
                  <a:gd name="T46" fmla="*/ 42 w 330"/>
                  <a:gd name="T47" fmla="*/ 186 h 354"/>
                  <a:gd name="T48" fmla="*/ 0 w 330"/>
                  <a:gd name="T49" fmla="*/ 24 h 354"/>
                  <a:gd name="T50" fmla="*/ 78 w 330"/>
                  <a:gd name="T51" fmla="*/ 12 h 354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330"/>
                  <a:gd name="T79" fmla="*/ 0 h 354"/>
                  <a:gd name="T80" fmla="*/ 330 w 330"/>
                  <a:gd name="T81" fmla="*/ 354 h 354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330" h="354">
                    <a:moveTo>
                      <a:pt x="78" y="12"/>
                    </a:moveTo>
                    <a:lnTo>
                      <a:pt x="156" y="0"/>
                    </a:lnTo>
                    <a:lnTo>
                      <a:pt x="144" y="24"/>
                    </a:lnTo>
                    <a:lnTo>
                      <a:pt x="174" y="42"/>
                    </a:lnTo>
                    <a:lnTo>
                      <a:pt x="204" y="78"/>
                    </a:lnTo>
                    <a:lnTo>
                      <a:pt x="282" y="138"/>
                    </a:lnTo>
                    <a:lnTo>
                      <a:pt x="312" y="204"/>
                    </a:lnTo>
                    <a:lnTo>
                      <a:pt x="330" y="210"/>
                    </a:lnTo>
                    <a:lnTo>
                      <a:pt x="318" y="234"/>
                    </a:lnTo>
                    <a:lnTo>
                      <a:pt x="318" y="246"/>
                    </a:lnTo>
                    <a:lnTo>
                      <a:pt x="306" y="270"/>
                    </a:lnTo>
                    <a:lnTo>
                      <a:pt x="306" y="282"/>
                    </a:lnTo>
                    <a:lnTo>
                      <a:pt x="300" y="282"/>
                    </a:lnTo>
                    <a:lnTo>
                      <a:pt x="312" y="288"/>
                    </a:lnTo>
                    <a:lnTo>
                      <a:pt x="306" y="318"/>
                    </a:lnTo>
                    <a:lnTo>
                      <a:pt x="270" y="318"/>
                    </a:lnTo>
                    <a:lnTo>
                      <a:pt x="276" y="348"/>
                    </a:lnTo>
                    <a:lnTo>
                      <a:pt x="270" y="354"/>
                    </a:lnTo>
                    <a:lnTo>
                      <a:pt x="264" y="336"/>
                    </a:lnTo>
                    <a:lnTo>
                      <a:pt x="84" y="348"/>
                    </a:lnTo>
                    <a:lnTo>
                      <a:pt x="72" y="324"/>
                    </a:lnTo>
                    <a:lnTo>
                      <a:pt x="54" y="258"/>
                    </a:lnTo>
                    <a:lnTo>
                      <a:pt x="66" y="228"/>
                    </a:lnTo>
                    <a:lnTo>
                      <a:pt x="42" y="186"/>
                    </a:lnTo>
                    <a:lnTo>
                      <a:pt x="0" y="24"/>
                    </a:lnTo>
                    <a:lnTo>
                      <a:pt x="78" y="12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79" name="Freeform 406"/>
              <p:cNvSpPr>
                <a:spLocks noChangeAspect="1"/>
              </p:cNvSpPr>
              <p:nvPr/>
            </p:nvSpPr>
            <p:spPr bwMode="auto">
              <a:xfrm>
                <a:off x="3573" y="2370"/>
                <a:ext cx="330" cy="354"/>
              </a:xfrm>
              <a:custGeom>
                <a:avLst/>
                <a:gdLst>
                  <a:gd name="T0" fmla="*/ 78 w 330"/>
                  <a:gd name="T1" fmla="*/ 12 h 354"/>
                  <a:gd name="T2" fmla="*/ 156 w 330"/>
                  <a:gd name="T3" fmla="*/ 0 h 354"/>
                  <a:gd name="T4" fmla="*/ 144 w 330"/>
                  <a:gd name="T5" fmla="*/ 24 h 354"/>
                  <a:gd name="T6" fmla="*/ 174 w 330"/>
                  <a:gd name="T7" fmla="*/ 42 h 354"/>
                  <a:gd name="T8" fmla="*/ 204 w 330"/>
                  <a:gd name="T9" fmla="*/ 78 h 354"/>
                  <a:gd name="T10" fmla="*/ 282 w 330"/>
                  <a:gd name="T11" fmla="*/ 138 h 354"/>
                  <a:gd name="T12" fmla="*/ 312 w 330"/>
                  <a:gd name="T13" fmla="*/ 204 h 354"/>
                  <a:gd name="T14" fmla="*/ 330 w 330"/>
                  <a:gd name="T15" fmla="*/ 210 h 354"/>
                  <a:gd name="T16" fmla="*/ 318 w 330"/>
                  <a:gd name="T17" fmla="*/ 234 h 354"/>
                  <a:gd name="T18" fmla="*/ 318 w 330"/>
                  <a:gd name="T19" fmla="*/ 246 h 354"/>
                  <a:gd name="T20" fmla="*/ 306 w 330"/>
                  <a:gd name="T21" fmla="*/ 270 h 354"/>
                  <a:gd name="T22" fmla="*/ 306 w 330"/>
                  <a:gd name="T23" fmla="*/ 282 h 354"/>
                  <a:gd name="T24" fmla="*/ 300 w 330"/>
                  <a:gd name="T25" fmla="*/ 282 h 354"/>
                  <a:gd name="T26" fmla="*/ 312 w 330"/>
                  <a:gd name="T27" fmla="*/ 288 h 354"/>
                  <a:gd name="T28" fmla="*/ 306 w 330"/>
                  <a:gd name="T29" fmla="*/ 318 h 354"/>
                  <a:gd name="T30" fmla="*/ 270 w 330"/>
                  <a:gd name="T31" fmla="*/ 318 h 354"/>
                  <a:gd name="T32" fmla="*/ 276 w 330"/>
                  <a:gd name="T33" fmla="*/ 348 h 354"/>
                  <a:gd name="T34" fmla="*/ 270 w 330"/>
                  <a:gd name="T35" fmla="*/ 354 h 354"/>
                  <a:gd name="T36" fmla="*/ 264 w 330"/>
                  <a:gd name="T37" fmla="*/ 336 h 354"/>
                  <a:gd name="T38" fmla="*/ 84 w 330"/>
                  <a:gd name="T39" fmla="*/ 348 h 354"/>
                  <a:gd name="T40" fmla="*/ 72 w 330"/>
                  <a:gd name="T41" fmla="*/ 324 h 354"/>
                  <a:gd name="T42" fmla="*/ 54 w 330"/>
                  <a:gd name="T43" fmla="*/ 258 h 354"/>
                  <a:gd name="T44" fmla="*/ 66 w 330"/>
                  <a:gd name="T45" fmla="*/ 228 h 354"/>
                  <a:gd name="T46" fmla="*/ 42 w 330"/>
                  <a:gd name="T47" fmla="*/ 186 h 354"/>
                  <a:gd name="T48" fmla="*/ 0 w 330"/>
                  <a:gd name="T49" fmla="*/ 24 h 354"/>
                  <a:gd name="T50" fmla="*/ 78 w 330"/>
                  <a:gd name="T51" fmla="*/ 12 h 354"/>
                  <a:gd name="T52" fmla="*/ 78 w 330"/>
                  <a:gd name="T53" fmla="*/ 18 h 354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330"/>
                  <a:gd name="T82" fmla="*/ 0 h 354"/>
                  <a:gd name="T83" fmla="*/ 330 w 330"/>
                  <a:gd name="T84" fmla="*/ 354 h 354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330" h="354">
                    <a:moveTo>
                      <a:pt x="78" y="12"/>
                    </a:moveTo>
                    <a:lnTo>
                      <a:pt x="156" y="0"/>
                    </a:lnTo>
                    <a:lnTo>
                      <a:pt x="144" y="24"/>
                    </a:lnTo>
                    <a:lnTo>
                      <a:pt x="174" y="42"/>
                    </a:lnTo>
                    <a:lnTo>
                      <a:pt x="204" y="78"/>
                    </a:lnTo>
                    <a:lnTo>
                      <a:pt x="282" y="138"/>
                    </a:lnTo>
                    <a:lnTo>
                      <a:pt x="312" y="204"/>
                    </a:lnTo>
                    <a:lnTo>
                      <a:pt x="330" y="210"/>
                    </a:lnTo>
                    <a:lnTo>
                      <a:pt x="318" y="234"/>
                    </a:lnTo>
                    <a:lnTo>
                      <a:pt x="318" y="246"/>
                    </a:lnTo>
                    <a:lnTo>
                      <a:pt x="306" y="270"/>
                    </a:lnTo>
                    <a:lnTo>
                      <a:pt x="306" y="282"/>
                    </a:lnTo>
                    <a:lnTo>
                      <a:pt x="300" y="282"/>
                    </a:lnTo>
                    <a:lnTo>
                      <a:pt x="312" y="288"/>
                    </a:lnTo>
                    <a:lnTo>
                      <a:pt x="306" y="318"/>
                    </a:lnTo>
                    <a:lnTo>
                      <a:pt x="270" y="318"/>
                    </a:lnTo>
                    <a:lnTo>
                      <a:pt x="276" y="348"/>
                    </a:lnTo>
                    <a:lnTo>
                      <a:pt x="270" y="354"/>
                    </a:lnTo>
                    <a:lnTo>
                      <a:pt x="264" y="336"/>
                    </a:lnTo>
                    <a:lnTo>
                      <a:pt x="84" y="348"/>
                    </a:lnTo>
                    <a:lnTo>
                      <a:pt x="72" y="324"/>
                    </a:lnTo>
                    <a:lnTo>
                      <a:pt x="54" y="258"/>
                    </a:lnTo>
                    <a:lnTo>
                      <a:pt x="66" y="228"/>
                    </a:lnTo>
                    <a:lnTo>
                      <a:pt x="42" y="186"/>
                    </a:lnTo>
                    <a:lnTo>
                      <a:pt x="0" y="24"/>
                    </a:lnTo>
                    <a:lnTo>
                      <a:pt x="78" y="12"/>
                    </a:lnTo>
                    <a:lnTo>
                      <a:pt x="78" y="1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80" name="Freeform 407"/>
              <p:cNvSpPr>
                <a:spLocks noChangeAspect="1"/>
              </p:cNvSpPr>
              <p:nvPr/>
            </p:nvSpPr>
            <p:spPr bwMode="auto">
              <a:xfrm>
                <a:off x="1911" y="2844"/>
                <a:ext cx="30" cy="36"/>
              </a:xfrm>
              <a:custGeom>
                <a:avLst/>
                <a:gdLst>
                  <a:gd name="T0" fmla="*/ 6 w 30"/>
                  <a:gd name="T1" fmla="*/ 0 h 36"/>
                  <a:gd name="T2" fmla="*/ 6 w 30"/>
                  <a:gd name="T3" fmla="*/ 6 h 36"/>
                  <a:gd name="T4" fmla="*/ 18 w 30"/>
                  <a:gd name="T5" fmla="*/ 6 h 36"/>
                  <a:gd name="T6" fmla="*/ 18 w 30"/>
                  <a:gd name="T7" fmla="*/ 0 h 36"/>
                  <a:gd name="T8" fmla="*/ 24 w 30"/>
                  <a:gd name="T9" fmla="*/ 0 h 36"/>
                  <a:gd name="T10" fmla="*/ 30 w 30"/>
                  <a:gd name="T11" fmla="*/ 12 h 36"/>
                  <a:gd name="T12" fmla="*/ 30 w 30"/>
                  <a:gd name="T13" fmla="*/ 18 h 36"/>
                  <a:gd name="T14" fmla="*/ 24 w 30"/>
                  <a:gd name="T15" fmla="*/ 30 h 36"/>
                  <a:gd name="T16" fmla="*/ 12 w 30"/>
                  <a:gd name="T17" fmla="*/ 36 h 36"/>
                  <a:gd name="T18" fmla="*/ 6 w 30"/>
                  <a:gd name="T19" fmla="*/ 30 h 36"/>
                  <a:gd name="T20" fmla="*/ 0 w 30"/>
                  <a:gd name="T21" fmla="*/ 24 h 36"/>
                  <a:gd name="T22" fmla="*/ 0 w 30"/>
                  <a:gd name="T23" fmla="*/ 12 h 36"/>
                  <a:gd name="T24" fmla="*/ 6 w 30"/>
                  <a:gd name="T25" fmla="*/ 0 h 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30"/>
                  <a:gd name="T40" fmla="*/ 0 h 36"/>
                  <a:gd name="T41" fmla="*/ 30 w 30"/>
                  <a:gd name="T42" fmla="*/ 36 h 36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30" h="36">
                    <a:moveTo>
                      <a:pt x="6" y="0"/>
                    </a:moveTo>
                    <a:lnTo>
                      <a:pt x="6" y="6"/>
                    </a:lnTo>
                    <a:lnTo>
                      <a:pt x="18" y="6"/>
                    </a:lnTo>
                    <a:lnTo>
                      <a:pt x="18" y="0"/>
                    </a:lnTo>
                    <a:lnTo>
                      <a:pt x="24" y="0"/>
                    </a:lnTo>
                    <a:lnTo>
                      <a:pt x="30" y="12"/>
                    </a:lnTo>
                    <a:lnTo>
                      <a:pt x="30" y="18"/>
                    </a:lnTo>
                    <a:lnTo>
                      <a:pt x="24" y="30"/>
                    </a:lnTo>
                    <a:lnTo>
                      <a:pt x="12" y="36"/>
                    </a:lnTo>
                    <a:lnTo>
                      <a:pt x="6" y="30"/>
                    </a:lnTo>
                    <a:lnTo>
                      <a:pt x="0" y="24"/>
                    </a:lnTo>
                    <a:lnTo>
                      <a:pt x="0" y="12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81" name="Freeform 408"/>
              <p:cNvSpPr>
                <a:spLocks noChangeAspect="1"/>
              </p:cNvSpPr>
              <p:nvPr/>
            </p:nvSpPr>
            <p:spPr bwMode="auto">
              <a:xfrm>
                <a:off x="1911" y="2844"/>
                <a:ext cx="30" cy="36"/>
              </a:xfrm>
              <a:custGeom>
                <a:avLst/>
                <a:gdLst>
                  <a:gd name="T0" fmla="*/ 6 w 30"/>
                  <a:gd name="T1" fmla="*/ 0 h 36"/>
                  <a:gd name="T2" fmla="*/ 6 w 30"/>
                  <a:gd name="T3" fmla="*/ 6 h 36"/>
                  <a:gd name="T4" fmla="*/ 18 w 30"/>
                  <a:gd name="T5" fmla="*/ 6 h 36"/>
                  <a:gd name="T6" fmla="*/ 18 w 30"/>
                  <a:gd name="T7" fmla="*/ 0 h 36"/>
                  <a:gd name="T8" fmla="*/ 24 w 30"/>
                  <a:gd name="T9" fmla="*/ 0 h 36"/>
                  <a:gd name="T10" fmla="*/ 30 w 30"/>
                  <a:gd name="T11" fmla="*/ 12 h 36"/>
                  <a:gd name="T12" fmla="*/ 30 w 30"/>
                  <a:gd name="T13" fmla="*/ 18 h 36"/>
                  <a:gd name="T14" fmla="*/ 24 w 30"/>
                  <a:gd name="T15" fmla="*/ 30 h 36"/>
                  <a:gd name="T16" fmla="*/ 12 w 30"/>
                  <a:gd name="T17" fmla="*/ 36 h 36"/>
                  <a:gd name="T18" fmla="*/ 6 w 30"/>
                  <a:gd name="T19" fmla="*/ 30 h 36"/>
                  <a:gd name="T20" fmla="*/ 0 w 30"/>
                  <a:gd name="T21" fmla="*/ 24 h 36"/>
                  <a:gd name="T22" fmla="*/ 0 w 30"/>
                  <a:gd name="T23" fmla="*/ 12 h 36"/>
                  <a:gd name="T24" fmla="*/ 6 w 30"/>
                  <a:gd name="T25" fmla="*/ 0 h 36"/>
                  <a:gd name="T26" fmla="*/ 6 w 30"/>
                  <a:gd name="T27" fmla="*/ 6 h 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w 30"/>
                  <a:gd name="T43" fmla="*/ 0 h 36"/>
                  <a:gd name="T44" fmla="*/ 30 w 30"/>
                  <a:gd name="T45" fmla="*/ 36 h 36"/>
                </a:gdLst>
                <a:ahLst/>
                <a:cxnLst>
                  <a:cxn ang="T28">
                    <a:pos x="T0" y="T1"/>
                  </a:cxn>
                  <a:cxn ang="T29">
                    <a:pos x="T2" y="T3"/>
                  </a:cxn>
                  <a:cxn ang="T30">
                    <a:pos x="T4" y="T5"/>
                  </a:cxn>
                  <a:cxn ang="T31">
                    <a:pos x="T6" y="T7"/>
                  </a:cxn>
                  <a:cxn ang="T32">
                    <a:pos x="T8" y="T9"/>
                  </a:cxn>
                  <a:cxn ang="T33">
                    <a:pos x="T10" y="T11"/>
                  </a:cxn>
                  <a:cxn ang="T34">
                    <a:pos x="T12" y="T13"/>
                  </a:cxn>
                  <a:cxn ang="T35">
                    <a:pos x="T14" y="T15"/>
                  </a:cxn>
                  <a:cxn ang="T36">
                    <a:pos x="T16" y="T17"/>
                  </a:cxn>
                  <a:cxn ang="T37">
                    <a:pos x="T18" y="T19"/>
                  </a:cxn>
                  <a:cxn ang="T38">
                    <a:pos x="T20" y="T21"/>
                  </a:cxn>
                  <a:cxn ang="T39">
                    <a:pos x="T22" y="T23"/>
                  </a:cxn>
                  <a:cxn ang="T40">
                    <a:pos x="T24" y="T25"/>
                  </a:cxn>
                  <a:cxn ang="T41">
                    <a:pos x="T26" y="T27"/>
                  </a:cxn>
                </a:cxnLst>
                <a:rect l="T42" t="T43" r="T44" b="T45"/>
                <a:pathLst>
                  <a:path w="30" h="36">
                    <a:moveTo>
                      <a:pt x="6" y="0"/>
                    </a:moveTo>
                    <a:lnTo>
                      <a:pt x="6" y="6"/>
                    </a:lnTo>
                    <a:lnTo>
                      <a:pt x="18" y="6"/>
                    </a:lnTo>
                    <a:lnTo>
                      <a:pt x="18" y="0"/>
                    </a:lnTo>
                    <a:lnTo>
                      <a:pt x="24" y="0"/>
                    </a:lnTo>
                    <a:lnTo>
                      <a:pt x="30" y="12"/>
                    </a:lnTo>
                    <a:lnTo>
                      <a:pt x="30" y="18"/>
                    </a:lnTo>
                    <a:lnTo>
                      <a:pt x="24" y="30"/>
                    </a:lnTo>
                    <a:lnTo>
                      <a:pt x="12" y="36"/>
                    </a:lnTo>
                    <a:lnTo>
                      <a:pt x="6" y="30"/>
                    </a:lnTo>
                    <a:lnTo>
                      <a:pt x="0" y="24"/>
                    </a:lnTo>
                    <a:lnTo>
                      <a:pt x="0" y="12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82" name="Freeform 409"/>
              <p:cNvSpPr>
                <a:spLocks noChangeAspect="1"/>
              </p:cNvSpPr>
              <p:nvPr/>
            </p:nvSpPr>
            <p:spPr bwMode="auto">
              <a:xfrm>
                <a:off x="2013" y="2898"/>
                <a:ext cx="30" cy="30"/>
              </a:xfrm>
              <a:custGeom>
                <a:avLst/>
                <a:gdLst>
                  <a:gd name="T0" fmla="*/ 0 w 30"/>
                  <a:gd name="T1" fmla="*/ 12 h 30"/>
                  <a:gd name="T2" fmla="*/ 0 w 30"/>
                  <a:gd name="T3" fmla="*/ 6 h 30"/>
                  <a:gd name="T4" fmla="*/ 6 w 30"/>
                  <a:gd name="T5" fmla="*/ 0 h 30"/>
                  <a:gd name="T6" fmla="*/ 12 w 30"/>
                  <a:gd name="T7" fmla="*/ 6 h 30"/>
                  <a:gd name="T8" fmla="*/ 24 w 30"/>
                  <a:gd name="T9" fmla="*/ 18 h 30"/>
                  <a:gd name="T10" fmla="*/ 30 w 30"/>
                  <a:gd name="T11" fmla="*/ 24 h 30"/>
                  <a:gd name="T12" fmla="*/ 18 w 30"/>
                  <a:gd name="T13" fmla="*/ 24 h 30"/>
                  <a:gd name="T14" fmla="*/ 12 w 30"/>
                  <a:gd name="T15" fmla="*/ 30 h 30"/>
                  <a:gd name="T16" fmla="*/ 6 w 30"/>
                  <a:gd name="T17" fmla="*/ 24 h 30"/>
                  <a:gd name="T18" fmla="*/ 0 w 30"/>
                  <a:gd name="T19" fmla="*/ 12 h 30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0"/>
                  <a:gd name="T31" fmla="*/ 0 h 30"/>
                  <a:gd name="T32" fmla="*/ 30 w 30"/>
                  <a:gd name="T33" fmla="*/ 30 h 30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0" h="30">
                    <a:moveTo>
                      <a:pt x="0" y="12"/>
                    </a:moveTo>
                    <a:lnTo>
                      <a:pt x="0" y="6"/>
                    </a:lnTo>
                    <a:lnTo>
                      <a:pt x="6" y="0"/>
                    </a:lnTo>
                    <a:lnTo>
                      <a:pt x="12" y="6"/>
                    </a:lnTo>
                    <a:lnTo>
                      <a:pt x="24" y="18"/>
                    </a:lnTo>
                    <a:lnTo>
                      <a:pt x="30" y="24"/>
                    </a:lnTo>
                    <a:lnTo>
                      <a:pt x="18" y="24"/>
                    </a:lnTo>
                    <a:lnTo>
                      <a:pt x="12" y="30"/>
                    </a:lnTo>
                    <a:lnTo>
                      <a:pt x="6" y="24"/>
                    </a:lnTo>
                    <a:lnTo>
                      <a:pt x="0" y="1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83" name="Freeform 410"/>
              <p:cNvSpPr>
                <a:spLocks noChangeAspect="1"/>
              </p:cNvSpPr>
              <p:nvPr/>
            </p:nvSpPr>
            <p:spPr bwMode="auto">
              <a:xfrm>
                <a:off x="2013" y="2898"/>
                <a:ext cx="30" cy="30"/>
              </a:xfrm>
              <a:custGeom>
                <a:avLst/>
                <a:gdLst>
                  <a:gd name="T0" fmla="*/ 0 w 30"/>
                  <a:gd name="T1" fmla="*/ 12 h 30"/>
                  <a:gd name="T2" fmla="*/ 0 w 30"/>
                  <a:gd name="T3" fmla="*/ 6 h 30"/>
                  <a:gd name="T4" fmla="*/ 6 w 30"/>
                  <a:gd name="T5" fmla="*/ 0 h 30"/>
                  <a:gd name="T6" fmla="*/ 12 w 30"/>
                  <a:gd name="T7" fmla="*/ 6 h 30"/>
                  <a:gd name="T8" fmla="*/ 24 w 30"/>
                  <a:gd name="T9" fmla="*/ 18 h 30"/>
                  <a:gd name="T10" fmla="*/ 30 w 30"/>
                  <a:gd name="T11" fmla="*/ 24 h 30"/>
                  <a:gd name="T12" fmla="*/ 18 w 30"/>
                  <a:gd name="T13" fmla="*/ 24 h 30"/>
                  <a:gd name="T14" fmla="*/ 12 w 30"/>
                  <a:gd name="T15" fmla="*/ 30 h 30"/>
                  <a:gd name="T16" fmla="*/ 6 w 30"/>
                  <a:gd name="T17" fmla="*/ 24 h 30"/>
                  <a:gd name="T18" fmla="*/ 0 w 30"/>
                  <a:gd name="T19" fmla="*/ 12 h 30"/>
                  <a:gd name="T20" fmla="*/ 0 w 30"/>
                  <a:gd name="T21" fmla="*/ 18 h 30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0"/>
                  <a:gd name="T34" fmla="*/ 0 h 30"/>
                  <a:gd name="T35" fmla="*/ 30 w 30"/>
                  <a:gd name="T36" fmla="*/ 30 h 30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0" h="30">
                    <a:moveTo>
                      <a:pt x="0" y="12"/>
                    </a:moveTo>
                    <a:lnTo>
                      <a:pt x="0" y="6"/>
                    </a:lnTo>
                    <a:lnTo>
                      <a:pt x="6" y="0"/>
                    </a:lnTo>
                    <a:lnTo>
                      <a:pt x="12" y="6"/>
                    </a:lnTo>
                    <a:lnTo>
                      <a:pt x="24" y="18"/>
                    </a:lnTo>
                    <a:lnTo>
                      <a:pt x="30" y="24"/>
                    </a:lnTo>
                    <a:lnTo>
                      <a:pt x="18" y="24"/>
                    </a:lnTo>
                    <a:lnTo>
                      <a:pt x="12" y="30"/>
                    </a:lnTo>
                    <a:lnTo>
                      <a:pt x="6" y="24"/>
                    </a:lnTo>
                    <a:lnTo>
                      <a:pt x="0" y="12"/>
                    </a:lnTo>
                    <a:lnTo>
                      <a:pt x="0" y="1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84" name="Freeform 411"/>
              <p:cNvSpPr>
                <a:spLocks noChangeAspect="1"/>
              </p:cNvSpPr>
              <p:nvPr/>
            </p:nvSpPr>
            <p:spPr bwMode="auto">
              <a:xfrm>
                <a:off x="2067" y="2934"/>
                <a:ext cx="36" cy="12"/>
              </a:xfrm>
              <a:custGeom>
                <a:avLst/>
                <a:gdLst>
                  <a:gd name="T0" fmla="*/ 0 w 36"/>
                  <a:gd name="T1" fmla="*/ 6 h 12"/>
                  <a:gd name="T2" fmla="*/ 24 w 36"/>
                  <a:gd name="T3" fmla="*/ 6 h 12"/>
                  <a:gd name="T4" fmla="*/ 30 w 36"/>
                  <a:gd name="T5" fmla="*/ 0 h 12"/>
                  <a:gd name="T6" fmla="*/ 36 w 36"/>
                  <a:gd name="T7" fmla="*/ 0 h 12"/>
                  <a:gd name="T8" fmla="*/ 36 w 36"/>
                  <a:gd name="T9" fmla="*/ 12 h 12"/>
                  <a:gd name="T10" fmla="*/ 6 w 36"/>
                  <a:gd name="T11" fmla="*/ 12 h 12"/>
                  <a:gd name="T12" fmla="*/ 0 w 36"/>
                  <a:gd name="T13" fmla="*/ 6 h 12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36"/>
                  <a:gd name="T22" fmla="*/ 0 h 12"/>
                  <a:gd name="T23" fmla="*/ 36 w 36"/>
                  <a:gd name="T24" fmla="*/ 12 h 12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36" h="12">
                    <a:moveTo>
                      <a:pt x="0" y="6"/>
                    </a:moveTo>
                    <a:lnTo>
                      <a:pt x="24" y="6"/>
                    </a:lnTo>
                    <a:lnTo>
                      <a:pt x="30" y="0"/>
                    </a:lnTo>
                    <a:lnTo>
                      <a:pt x="36" y="0"/>
                    </a:lnTo>
                    <a:lnTo>
                      <a:pt x="36" y="12"/>
                    </a:lnTo>
                    <a:lnTo>
                      <a:pt x="6" y="12"/>
                    </a:lnTo>
                    <a:lnTo>
                      <a:pt x="0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85" name="Freeform 412"/>
              <p:cNvSpPr>
                <a:spLocks noChangeAspect="1"/>
              </p:cNvSpPr>
              <p:nvPr/>
            </p:nvSpPr>
            <p:spPr bwMode="auto">
              <a:xfrm>
                <a:off x="2067" y="2934"/>
                <a:ext cx="36" cy="12"/>
              </a:xfrm>
              <a:custGeom>
                <a:avLst/>
                <a:gdLst>
                  <a:gd name="T0" fmla="*/ 0 w 36"/>
                  <a:gd name="T1" fmla="*/ 6 h 12"/>
                  <a:gd name="T2" fmla="*/ 24 w 36"/>
                  <a:gd name="T3" fmla="*/ 6 h 12"/>
                  <a:gd name="T4" fmla="*/ 30 w 36"/>
                  <a:gd name="T5" fmla="*/ 0 h 12"/>
                  <a:gd name="T6" fmla="*/ 36 w 36"/>
                  <a:gd name="T7" fmla="*/ 0 h 12"/>
                  <a:gd name="T8" fmla="*/ 36 w 36"/>
                  <a:gd name="T9" fmla="*/ 12 h 12"/>
                  <a:gd name="T10" fmla="*/ 6 w 36"/>
                  <a:gd name="T11" fmla="*/ 12 h 12"/>
                  <a:gd name="T12" fmla="*/ 0 w 36"/>
                  <a:gd name="T13" fmla="*/ 6 h 12"/>
                  <a:gd name="T14" fmla="*/ 0 w 36"/>
                  <a:gd name="T15" fmla="*/ 12 h 12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36"/>
                  <a:gd name="T25" fmla="*/ 0 h 12"/>
                  <a:gd name="T26" fmla="*/ 36 w 36"/>
                  <a:gd name="T27" fmla="*/ 12 h 12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36" h="12">
                    <a:moveTo>
                      <a:pt x="0" y="6"/>
                    </a:moveTo>
                    <a:lnTo>
                      <a:pt x="24" y="6"/>
                    </a:lnTo>
                    <a:lnTo>
                      <a:pt x="30" y="0"/>
                    </a:lnTo>
                    <a:lnTo>
                      <a:pt x="36" y="0"/>
                    </a:lnTo>
                    <a:lnTo>
                      <a:pt x="36" y="12"/>
                    </a:lnTo>
                    <a:lnTo>
                      <a:pt x="6" y="12"/>
                    </a:lnTo>
                    <a:lnTo>
                      <a:pt x="0" y="6"/>
                    </a:lnTo>
                    <a:lnTo>
                      <a:pt x="0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86" name="Freeform 413"/>
              <p:cNvSpPr>
                <a:spLocks noChangeAspect="1"/>
              </p:cNvSpPr>
              <p:nvPr/>
            </p:nvSpPr>
            <p:spPr bwMode="auto">
              <a:xfrm>
                <a:off x="2109" y="2952"/>
                <a:ext cx="42" cy="36"/>
              </a:xfrm>
              <a:custGeom>
                <a:avLst/>
                <a:gdLst>
                  <a:gd name="T0" fmla="*/ 18 w 42"/>
                  <a:gd name="T1" fmla="*/ 6 h 36"/>
                  <a:gd name="T2" fmla="*/ 24 w 42"/>
                  <a:gd name="T3" fmla="*/ 6 h 36"/>
                  <a:gd name="T4" fmla="*/ 30 w 42"/>
                  <a:gd name="T5" fmla="*/ 12 h 36"/>
                  <a:gd name="T6" fmla="*/ 42 w 42"/>
                  <a:gd name="T7" fmla="*/ 18 h 36"/>
                  <a:gd name="T8" fmla="*/ 42 w 42"/>
                  <a:gd name="T9" fmla="*/ 30 h 36"/>
                  <a:gd name="T10" fmla="*/ 30 w 42"/>
                  <a:gd name="T11" fmla="*/ 36 h 36"/>
                  <a:gd name="T12" fmla="*/ 18 w 42"/>
                  <a:gd name="T13" fmla="*/ 36 h 36"/>
                  <a:gd name="T14" fmla="*/ 18 w 42"/>
                  <a:gd name="T15" fmla="*/ 24 h 36"/>
                  <a:gd name="T16" fmla="*/ 12 w 42"/>
                  <a:gd name="T17" fmla="*/ 18 h 36"/>
                  <a:gd name="T18" fmla="*/ 6 w 42"/>
                  <a:gd name="T19" fmla="*/ 12 h 36"/>
                  <a:gd name="T20" fmla="*/ 0 w 42"/>
                  <a:gd name="T21" fmla="*/ 6 h 36"/>
                  <a:gd name="T22" fmla="*/ 0 w 42"/>
                  <a:gd name="T23" fmla="*/ 0 h 36"/>
                  <a:gd name="T24" fmla="*/ 6 w 42"/>
                  <a:gd name="T25" fmla="*/ 0 h 36"/>
                  <a:gd name="T26" fmla="*/ 18 w 42"/>
                  <a:gd name="T27" fmla="*/ 6 h 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w 42"/>
                  <a:gd name="T43" fmla="*/ 0 h 36"/>
                  <a:gd name="T44" fmla="*/ 42 w 42"/>
                  <a:gd name="T45" fmla="*/ 36 h 36"/>
                </a:gdLst>
                <a:ahLst/>
                <a:cxnLst>
                  <a:cxn ang="T28">
                    <a:pos x="T0" y="T1"/>
                  </a:cxn>
                  <a:cxn ang="T29">
                    <a:pos x="T2" y="T3"/>
                  </a:cxn>
                  <a:cxn ang="T30">
                    <a:pos x="T4" y="T5"/>
                  </a:cxn>
                  <a:cxn ang="T31">
                    <a:pos x="T6" y="T7"/>
                  </a:cxn>
                  <a:cxn ang="T32">
                    <a:pos x="T8" y="T9"/>
                  </a:cxn>
                  <a:cxn ang="T33">
                    <a:pos x="T10" y="T11"/>
                  </a:cxn>
                  <a:cxn ang="T34">
                    <a:pos x="T12" y="T13"/>
                  </a:cxn>
                  <a:cxn ang="T35">
                    <a:pos x="T14" y="T15"/>
                  </a:cxn>
                  <a:cxn ang="T36">
                    <a:pos x="T16" y="T17"/>
                  </a:cxn>
                  <a:cxn ang="T37">
                    <a:pos x="T18" y="T19"/>
                  </a:cxn>
                  <a:cxn ang="T38">
                    <a:pos x="T20" y="T21"/>
                  </a:cxn>
                  <a:cxn ang="T39">
                    <a:pos x="T22" y="T23"/>
                  </a:cxn>
                  <a:cxn ang="T40">
                    <a:pos x="T24" y="T25"/>
                  </a:cxn>
                  <a:cxn ang="T41">
                    <a:pos x="T26" y="T27"/>
                  </a:cxn>
                </a:cxnLst>
                <a:rect l="T42" t="T43" r="T44" b="T45"/>
                <a:pathLst>
                  <a:path w="42" h="36">
                    <a:moveTo>
                      <a:pt x="18" y="6"/>
                    </a:moveTo>
                    <a:lnTo>
                      <a:pt x="24" y="6"/>
                    </a:lnTo>
                    <a:lnTo>
                      <a:pt x="30" y="12"/>
                    </a:lnTo>
                    <a:lnTo>
                      <a:pt x="42" y="18"/>
                    </a:lnTo>
                    <a:lnTo>
                      <a:pt x="42" y="30"/>
                    </a:lnTo>
                    <a:lnTo>
                      <a:pt x="30" y="36"/>
                    </a:lnTo>
                    <a:lnTo>
                      <a:pt x="18" y="36"/>
                    </a:lnTo>
                    <a:lnTo>
                      <a:pt x="18" y="24"/>
                    </a:lnTo>
                    <a:lnTo>
                      <a:pt x="12" y="18"/>
                    </a:lnTo>
                    <a:lnTo>
                      <a:pt x="6" y="12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6" y="0"/>
                    </a:lnTo>
                    <a:lnTo>
                      <a:pt x="18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87" name="Freeform 414"/>
              <p:cNvSpPr>
                <a:spLocks noChangeAspect="1"/>
              </p:cNvSpPr>
              <p:nvPr/>
            </p:nvSpPr>
            <p:spPr bwMode="auto">
              <a:xfrm>
                <a:off x="2109" y="2952"/>
                <a:ext cx="42" cy="36"/>
              </a:xfrm>
              <a:custGeom>
                <a:avLst/>
                <a:gdLst>
                  <a:gd name="T0" fmla="*/ 18 w 42"/>
                  <a:gd name="T1" fmla="*/ 6 h 36"/>
                  <a:gd name="T2" fmla="*/ 24 w 42"/>
                  <a:gd name="T3" fmla="*/ 6 h 36"/>
                  <a:gd name="T4" fmla="*/ 30 w 42"/>
                  <a:gd name="T5" fmla="*/ 12 h 36"/>
                  <a:gd name="T6" fmla="*/ 42 w 42"/>
                  <a:gd name="T7" fmla="*/ 18 h 36"/>
                  <a:gd name="T8" fmla="*/ 42 w 42"/>
                  <a:gd name="T9" fmla="*/ 30 h 36"/>
                  <a:gd name="T10" fmla="*/ 30 w 42"/>
                  <a:gd name="T11" fmla="*/ 36 h 36"/>
                  <a:gd name="T12" fmla="*/ 18 w 42"/>
                  <a:gd name="T13" fmla="*/ 36 h 36"/>
                  <a:gd name="T14" fmla="*/ 18 w 42"/>
                  <a:gd name="T15" fmla="*/ 24 h 36"/>
                  <a:gd name="T16" fmla="*/ 12 w 42"/>
                  <a:gd name="T17" fmla="*/ 18 h 36"/>
                  <a:gd name="T18" fmla="*/ 6 w 42"/>
                  <a:gd name="T19" fmla="*/ 12 h 36"/>
                  <a:gd name="T20" fmla="*/ 0 w 42"/>
                  <a:gd name="T21" fmla="*/ 6 h 36"/>
                  <a:gd name="T22" fmla="*/ 0 w 42"/>
                  <a:gd name="T23" fmla="*/ 0 h 36"/>
                  <a:gd name="T24" fmla="*/ 6 w 42"/>
                  <a:gd name="T25" fmla="*/ 0 h 36"/>
                  <a:gd name="T26" fmla="*/ 18 w 42"/>
                  <a:gd name="T27" fmla="*/ 6 h 36"/>
                  <a:gd name="T28" fmla="*/ 18 w 42"/>
                  <a:gd name="T29" fmla="*/ 12 h 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w 42"/>
                  <a:gd name="T46" fmla="*/ 0 h 36"/>
                  <a:gd name="T47" fmla="*/ 42 w 42"/>
                  <a:gd name="T48" fmla="*/ 36 h 36"/>
                </a:gdLst>
                <a:ahLst/>
                <a:cxnLst>
                  <a:cxn ang="T30">
                    <a:pos x="T0" y="T1"/>
                  </a:cxn>
                  <a:cxn ang="T31">
                    <a:pos x="T2" y="T3"/>
                  </a:cxn>
                  <a:cxn ang="T32">
                    <a:pos x="T4" y="T5"/>
                  </a:cxn>
                  <a:cxn ang="T33">
                    <a:pos x="T6" y="T7"/>
                  </a:cxn>
                  <a:cxn ang="T34">
                    <a:pos x="T8" y="T9"/>
                  </a:cxn>
                  <a:cxn ang="T35">
                    <a:pos x="T10" y="T11"/>
                  </a:cxn>
                  <a:cxn ang="T36">
                    <a:pos x="T12" y="T13"/>
                  </a:cxn>
                  <a:cxn ang="T37">
                    <a:pos x="T14" y="T15"/>
                  </a:cxn>
                  <a:cxn ang="T38">
                    <a:pos x="T16" y="T17"/>
                  </a:cxn>
                  <a:cxn ang="T39">
                    <a:pos x="T18" y="T19"/>
                  </a:cxn>
                  <a:cxn ang="T40">
                    <a:pos x="T20" y="T21"/>
                  </a:cxn>
                  <a:cxn ang="T41">
                    <a:pos x="T22" y="T23"/>
                  </a:cxn>
                  <a:cxn ang="T42">
                    <a:pos x="T24" y="T25"/>
                  </a:cxn>
                  <a:cxn ang="T43">
                    <a:pos x="T26" y="T27"/>
                  </a:cxn>
                  <a:cxn ang="T44">
                    <a:pos x="T28" y="T29"/>
                  </a:cxn>
                </a:cxnLst>
                <a:rect l="T45" t="T46" r="T47" b="T48"/>
                <a:pathLst>
                  <a:path w="42" h="36">
                    <a:moveTo>
                      <a:pt x="18" y="6"/>
                    </a:moveTo>
                    <a:lnTo>
                      <a:pt x="24" y="6"/>
                    </a:lnTo>
                    <a:lnTo>
                      <a:pt x="30" y="12"/>
                    </a:lnTo>
                    <a:lnTo>
                      <a:pt x="42" y="18"/>
                    </a:lnTo>
                    <a:lnTo>
                      <a:pt x="42" y="30"/>
                    </a:lnTo>
                    <a:lnTo>
                      <a:pt x="30" y="36"/>
                    </a:lnTo>
                    <a:lnTo>
                      <a:pt x="18" y="36"/>
                    </a:lnTo>
                    <a:lnTo>
                      <a:pt x="18" y="24"/>
                    </a:lnTo>
                    <a:lnTo>
                      <a:pt x="12" y="18"/>
                    </a:lnTo>
                    <a:lnTo>
                      <a:pt x="6" y="12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6" y="0"/>
                    </a:lnTo>
                    <a:lnTo>
                      <a:pt x="18" y="6"/>
                    </a:lnTo>
                    <a:lnTo>
                      <a:pt x="18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88" name="Freeform 415"/>
              <p:cNvSpPr>
                <a:spLocks noChangeAspect="1"/>
              </p:cNvSpPr>
              <p:nvPr/>
            </p:nvSpPr>
            <p:spPr bwMode="auto">
              <a:xfrm>
                <a:off x="2157" y="3024"/>
                <a:ext cx="78" cy="108"/>
              </a:xfrm>
              <a:custGeom>
                <a:avLst/>
                <a:gdLst>
                  <a:gd name="T0" fmla="*/ 6 w 78"/>
                  <a:gd name="T1" fmla="*/ 0 h 108"/>
                  <a:gd name="T2" fmla="*/ 12 w 78"/>
                  <a:gd name="T3" fmla="*/ 0 h 108"/>
                  <a:gd name="T4" fmla="*/ 18 w 78"/>
                  <a:gd name="T5" fmla="*/ 6 h 108"/>
                  <a:gd name="T6" fmla="*/ 30 w 78"/>
                  <a:gd name="T7" fmla="*/ 6 h 108"/>
                  <a:gd name="T8" fmla="*/ 36 w 78"/>
                  <a:gd name="T9" fmla="*/ 12 h 108"/>
                  <a:gd name="T10" fmla="*/ 48 w 78"/>
                  <a:gd name="T11" fmla="*/ 12 h 108"/>
                  <a:gd name="T12" fmla="*/ 48 w 78"/>
                  <a:gd name="T13" fmla="*/ 18 h 108"/>
                  <a:gd name="T14" fmla="*/ 54 w 78"/>
                  <a:gd name="T15" fmla="*/ 24 h 108"/>
                  <a:gd name="T16" fmla="*/ 54 w 78"/>
                  <a:gd name="T17" fmla="*/ 30 h 108"/>
                  <a:gd name="T18" fmla="*/ 60 w 78"/>
                  <a:gd name="T19" fmla="*/ 36 h 108"/>
                  <a:gd name="T20" fmla="*/ 66 w 78"/>
                  <a:gd name="T21" fmla="*/ 42 h 108"/>
                  <a:gd name="T22" fmla="*/ 72 w 78"/>
                  <a:gd name="T23" fmla="*/ 48 h 108"/>
                  <a:gd name="T24" fmla="*/ 78 w 78"/>
                  <a:gd name="T25" fmla="*/ 60 h 108"/>
                  <a:gd name="T26" fmla="*/ 72 w 78"/>
                  <a:gd name="T27" fmla="*/ 72 h 108"/>
                  <a:gd name="T28" fmla="*/ 54 w 78"/>
                  <a:gd name="T29" fmla="*/ 72 h 108"/>
                  <a:gd name="T30" fmla="*/ 42 w 78"/>
                  <a:gd name="T31" fmla="*/ 78 h 108"/>
                  <a:gd name="T32" fmla="*/ 36 w 78"/>
                  <a:gd name="T33" fmla="*/ 84 h 108"/>
                  <a:gd name="T34" fmla="*/ 30 w 78"/>
                  <a:gd name="T35" fmla="*/ 96 h 108"/>
                  <a:gd name="T36" fmla="*/ 30 w 78"/>
                  <a:gd name="T37" fmla="*/ 102 h 108"/>
                  <a:gd name="T38" fmla="*/ 24 w 78"/>
                  <a:gd name="T39" fmla="*/ 108 h 108"/>
                  <a:gd name="T40" fmla="*/ 12 w 78"/>
                  <a:gd name="T41" fmla="*/ 102 h 108"/>
                  <a:gd name="T42" fmla="*/ 6 w 78"/>
                  <a:gd name="T43" fmla="*/ 90 h 108"/>
                  <a:gd name="T44" fmla="*/ 6 w 78"/>
                  <a:gd name="T45" fmla="*/ 60 h 108"/>
                  <a:gd name="T46" fmla="*/ 0 w 78"/>
                  <a:gd name="T47" fmla="*/ 48 h 108"/>
                  <a:gd name="T48" fmla="*/ 0 w 78"/>
                  <a:gd name="T49" fmla="*/ 36 h 108"/>
                  <a:gd name="T50" fmla="*/ 6 w 78"/>
                  <a:gd name="T51" fmla="*/ 18 h 108"/>
                  <a:gd name="T52" fmla="*/ 6 w 78"/>
                  <a:gd name="T53" fmla="*/ 0 h 108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78"/>
                  <a:gd name="T82" fmla="*/ 0 h 108"/>
                  <a:gd name="T83" fmla="*/ 78 w 78"/>
                  <a:gd name="T84" fmla="*/ 108 h 108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78" h="108">
                    <a:moveTo>
                      <a:pt x="6" y="0"/>
                    </a:moveTo>
                    <a:lnTo>
                      <a:pt x="12" y="0"/>
                    </a:lnTo>
                    <a:lnTo>
                      <a:pt x="18" y="6"/>
                    </a:lnTo>
                    <a:lnTo>
                      <a:pt x="30" y="6"/>
                    </a:lnTo>
                    <a:lnTo>
                      <a:pt x="36" y="12"/>
                    </a:lnTo>
                    <a:lnTo>
                      <a:pt x="48" y="12"/>
                    </a:lnTo>
                    <a:lnTo>
                      <a:pt x="48" y="18"/>
                    </a:lnTo>
                    <a:lnTo>
                      <a:pt x="54" y="24"/>
                    </a:lnTo>
                    <a:lnTo>
                      <a:pt x="54" y="30"/>
                    </a:lnTo>
                    <a:lnTo>
                      <a:pt x="60" y="36"/>
                    </a:lnTo>
                    <a:lnTo>
                      <a:pt x="66" y="42"/>
                    </a:lnTo>
                    <a:lnTo>
                      <a:pt x="72" y="48"/>
                    </a:lnTo>
                    <a:lnTo>
                      <a:pt x="78" y="60"/>
                    </a:lnTo>
                    <a:lnTo>
                      <a:pt x="72" y="72"/>
                    </a:lnTo>
                    <a:lnTo>
                      <a:pt x="54" y="72"/>
                    </a:lnTo>
                    <a:lnTo>
                      <a:pt x="42" y="78"/>
                    </a:lnTo>
                    <a:lnTo>
                      <a:pt x="36" y="84"/>
                    </a:lnTo>
                    <a:lnTo>
                      <a:pt x="30" y="96"/>
                    </a:lnTo>
                    <a:lnTo>
                      <a:pt x="30" y="102"/>
                    </a:lnTo>
                    <a:lnTo>
                      <a:pt x="24" y="108"/>
                    </a:lnTo>
                    <a:lnTo>
                      <a:pt x="12" y="102"/>
                    </a:lnTo>
                    <a:lnTo>
                      <a:pt x="6" y="90"/>
                    </a:lnTo>
                    <a:lnTo>
                      <a:pt x="6" y="60"/>
                    </a:lnTo>
                    <a:lnTo>
                      <a:pt x="0" y="48"/>
                    </a:lnTo>
                    <a:lnTo>
                      <a:pt x="0" y="36"/>
                    </a:lnTo>
                    <a:lnTo>
                      <a:pt x="6" y="18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89" name="Freeform 416"/>
              <p:cNvSpPr>
                <a:spLocks noChangeAspect="1"/>
              </p:cNvSpPr>
              <p:nvPr/>
            </p:nvSpPr>
            <p:spPr bwMode="auto">
              <a:xfrm>
                <a:off x="2157" y="3024"/>
                <a:ext cx="78" cy="108"/>
              </a:xfrm>
              <a:custGeom>
                <a:avLst/>
                <a:gdLst>
                  <a:gd name="T0" fmla="*/ 6 w 78"/>
                  <a:gd name="T1" fmla="*/ 0 h 108"/>
                  <a:gd name="T2" fmla="*/ 12 w 78"/>
                  <a:gd name="T3" fmla="*/ 0 h 108"/>
                  <a:gd name="T4" fmla="*/ 18 w 78"/>
                  <a:gd name="T5" fmla="*/ 6 h 108"/>
                  <a:gd name="T6" fmla="*/ 30 w 78"/>
                  <a:gd name="T7" fmla="*/ 6 h 108"/>
                  <a:gd name="T8" fmla="*/ 36 w 78"/>
                  <a:gd name="T9" fmla="*/ 12 h 108"/>
                  <a:gd name="T10" fmla="*/ 48 w 78"/>
                  <a:gd name="T11" fmla="*/ 12 h 108"/>
                  <a:gd name="T12" fmla="*/ 48 w 78"/>
                  <a:gd name="T13" fmla="*/ 18 h 108"/>
                  <a:gd name="T14" fmla="*/ 54 w 78"/>
                  <a:gd name="T15" fmla="*/ 24 h 108"/>
                  <a:gd name="T16" fmla="*/ 54 w 78"/>
                  <a:gd name="T17" fmla="*/ 30 h 108"/>
                  <a:gd name="T18" fmla="*/ 60 w 78"/>
                  <a:gd name="T19" fmla="*/ 36 h 108"/>
                  <a:gd name="T20" fmla="*/ 66 w 78"/>
                  <a:gd name="T21" fmla="*/ 42 h 108"/>
                  <a:gd name="T22" fmla="*/ 72 w 78"/>
                  <a:gd name="T23" fmla="*/ 48 h 108"/>
                  <a:gd name="T24" fmla="*/ 78 w 78"/>
                  <a:gd name="T25" fmla="*/ 60 h 108"/>
                  <a:gd name="T26" fmla="*/ 72 w 78"/>
                  <a:gd name="T27" fmla="*/ 72 h 108"/>
                  <a:gd name="T28" fmla="*/ 54 w 78"/>
                  <a:gd name="T29" fmla="*/ 72 h 108"/>
                  <a:gd name="T30" fmla="*/ 42 w 78"/>
                  <a:gd name="T31" fmla="*/ 78 h 108"/>
                  <a:gd name="T32" fmla="*/ 36 w 78"/>
                  <a:gd name="T33" fmla="*/ 84 h 108"/>
                  <a:gd name="T34" fmla="*/ 30 w 78"/>
                  <a:gd name="T35" fmla="*/ 96 h 108"/>
                  <a:gd name="T36" fmla="*/ 30 w 78"/>
                  <a:gd name="T37" fmla="*/ 102 h 108"/>
                  <a:gd name="T38" fmla="*/ 24 w 78"/>
                  <a:gd name="T39" fmla="*/ 108 h 108"/>
                  <a:gd name="T40" fmla="*/ 12 w 78"/>
                  <a:gd name="T41" fmla="*/ 102 h 108"/>
                  <a:gd name="T42" fmla="*/ 6 w 78"/>
                  <a:gd name="T43" fmla="*/ 90 h 108"/>
                  <a:gd name="T44" fmla="*/ 6 w 78"/>
                  <a:gd name="T45" fmla="*/ 60 h 108"/>
                  <a:gd name="T46" fmla="*/ 0 w 78"/>
                  <a:gd name="T47" fmla="*/ 48 h 108"/>
                  <a:gd name="T48" fmla="*/ 0 w 78"/>
                  <a:gd name="T49" fmla="*/ 36 h 108"/>
                  <a:gd name="T50" fmla="*/ 6 w 78"/>
                  <a:gd name="T51" fmla="*/ 18 h 108"/>
                  <a:gd name="T52" fmla="*/ 6 w 78"/>
                  <a:gd name="T53" fmla="*/ 0 h 108"/>
                  <a:gd name="T54" fmla="*/ 6 w 78"/>
                  <a:gd name="T55" fmla="*/ 6 h 108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78"/>
                  <a:gd name="T85" fmla="*/ 0 h 108"/>
                  <a:gd name="T86" fmla="*/ 78 w 78"/>
                  <a:gd name="T87" fmla="*/ 108 h 108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78" h="108">
                    <a:moveTo>
                      <a:pt x="6" y="0"/>
                    </a:moveTo>
                    <a:lnTo>
                      <a:pt x="12" y="0"/>
                    </a:lnTo>
                    <a:lnTo>
                      <a:pt x="18" y="6"/>
                    </a:lnTo>
                    <a:lnTo>
                      <a:pt x="30" y="6"/>
                    </a:lnTo>
                    <a:lnTo>
                      <a:pt x="36" y="12"/>
                    </a:lnTo>
                    <a:lnTo>
                      <a:pt x="48" y="12"/>
                    </a:lnTo>
                    <a:lnTo>
                      <a:pt x="48" y="18"/>
                    </a:lnTo>
                    <a:lnTo>
                      <a:pt x="54" y="24"/>
                    </a:lnTo>
                    <a:lnTo>
                      <a:pt x="54" y="30"/>
                    </a:lnTo>
                    <a:lnTo>
                      <a:pt x="60" y="36"/>
                    </a:lnTo>
                    <a:lnTo>
                      <a:pt x="66" y="42"/>
                    </a:lnTo>
                    <a:lnTo>
                      <a:pt x="72" y="48"/>
                    </a:lnTo>
                    <a:lnTo>
                      <a:pt x="78" y="60"/>
                    </a:lnTo>
                    <a:lnTo>
                      <a:pt x="72" y="72"/>
                    </a:lnTo>
                    <a:lnTo>
                      <a:pt x="54" y="72"/>
                    </a:lnTo>
                    <a:lnTo>
                      <a:pt x="42" y="78"/>
                    </a:lnTo>
                    <a:lnTo>
                      <a:pt x="36" y="84"/>
                    </a:lnTo>
                    <a:lnTo>
                      <a:pt x="30" y="96"/>
                    </a:lnTo>
                    <a:lnTo>
                      <a:pt x="30" y="102"/>
                    </a:lnTo>
                    <a:lnTo>
                      <a:pt x="24" y="108"/>
                    </a:lnTo>
                    <a:lnTo>
                      <a:pt x="12" y="102"/>
                    </a:lnTo>
                    <a:lnTo>
                      <a:pt x="6" y="90"/>
                    </a:lnTo>
                    <a:lnTo>
                      <a:pt x="6" y="60"/>
                    </a:lnTo>
                    <a:lnTo>
                      <a:pt x="0" y="48"/>
                    </a:lnTo>
                    <a:lnTo>
                      <a:pt x="0" y="36"/>
                    </a:lnTo>
                    <a:lnTo>
                      <a:pt x="6" y="18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90" name="Freeform 417"/>
              <p:cNvSpPr>
                <a:spLocks noChangeAspect="1"/>
              </p:cNvSpPr>
              <p:nvPr/>
            </p:nvSpPr>
            <p:spPr bwMode="auto">
              <a:xfrm>
                <a:off x="2085" y="2958"/>
                <a:ext cx="12" cy="18"/>
              </a:xfrm>
              <a:custGeom>
                <a:avLst/>
                <a:gdLst>
                  <a:gd name="T0" fmla="*/ 0 w 12"/>
                  <a:gd name="T1" fmla="*/ 6 h 18"/>
                  <a:gd name="T2" fmla="*/ 0 w 12"/>
                  <a:gd name="T3" fmla="*/ 0 h 18"/>
                  <a:gd name="T4" fmla="*/ 6 w 12"/>
                  <a:gd name="T5" fmla="*/ 0 h 18"/>
                  <a:gd name="T6" fmla="*/ 12 w 12"/>
                  <a:gd name="T7" fmla="*/ 6 h 18"/>
                  <a:gd name="T8" fmla="*/ 12 w 12"/>
                  <a:gd name="T9" fmla="*/ 18 h 18"/>
                  <a:gd name="T10" fmla="*/ 6 w 12"/>
                  <a:gd name="T11" fmla="*/ 18 h 18"/>
                  <a:gd name="T12" fmla="*/ 6 w 12"/>
                  <a:gd name="T13" fmla="*/ 12 h 18"/>
                  <a:gd name="T14" fmla="*/ 0 w 12"/>
                  <a:gd name="T15" fmla="*/ 6 h 18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12"/>
                  <a:gd name="T25" fmla="*/ 0 h 18"/>
                  <a:gd name="T26" fmla="*/ 12 w 12"/>
                  <a:gd name="T27" fmla="*/ 18 h 18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12" h="18">
                    <a:moveTo>
                      <a:pt x="0" y="6"/>
                    </a:moveTo>
                    <a:lnTo>
                      <a:pt x="0" y="0"/>
                    </a:lnTo>
                    <a:lnTo>
                      <a:pt x="6" y="0"/>
                    </a:lnTo>
                    <a:lnTo>
                      <a:pt x="12" y="6"/>
                    </a:lnTo>
                    <a:lnTo>
                      <a:pt x="12" y="18"/>
                    </a:lnTo>
                    <a:lnTo>
                      <a:pt x="6" y="18"/>
                    </a:lnTo>
                    <a:lnTo>
                      <a:pt x="6" y="12"/>
                    </a:lnTo>
                    <a:lnTo>
                      <a:pt x="0" y="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91" name="Freeform 418"/>
              <p:cNvSpPr>
                <a:spLocks noChangeAspect="1"/>
              </p:cNvSpPr>
              <p:nvPr/>
            </p:nvSpPr>
            <p:spPr bwMode="auto">
              <a:xfrm>
                <a:off x="2085" y="2958"/>
                <a:ext cx="12" cy="18"/>
              </a:xfrm>
              <a:custGeom>
                <a:avLst/>
                <a:gdLst>
                  <a:gd name="T0" fmla="*/ 0 w 12"/>
                  <a:gd name="T1" fmla="*/ 6 h 18"/>
                  <a:gd name="T2" fmla="*/ 0 w 12"/>
                  <a:gd name="T3" fmla="*/ 0 h 18"/>
                  <a:gd name="T4" fmla="*/ 6 w 12"/>
                  <a:gd name="T5" fmla="*/ 0 h 18"/>
                  <a:gd name="T6" fmla="*/ 12 w 12"/>
                  <a:gd name="T7" fmla="*/ 6 h 18"/>
                  <a:gd name="T8" fmla="*/ 12 w 12"/>
                  <a:gd name="T9" fmla="*/ 18 h 18"/>
                  <a:gd name="T10" fmla="*/ 6 w 12"/>
                  <a:gd name="T11" fmla="*/ 18 h 18"/>
                  <a:gd name="T12" fmla="*/ 6 w 12"/>
                  <a:gd name="T13" fmla="*/ 12 h 18"/>
                  <a:gd name="T14" fmla="*/ 0 w 12"/>
                  <a:gd name="T15" fmla="*/ 6 h 18"/>
                  <a:gd name="T16" fmla="*/ 0 w 12"/>
                  <a:gd name="T17" fmla="*/ 12 h 18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12"/>
                  <a:gd name="T28" fmla="*/ 0 h 18"/>
                  <a:gd name="T29" fmla="*/ 12 w 12"/>
                  <a:gd name="T30" fmla="*/ 18 h 18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12" h="18">
                    <a:moveTo>
                      <a:pt x="0" y="6"/>
                    </a:moveTo>
                    <a:lnTo>
                      <a:pt x="0" y="0"/>
                    </a:lnTo>
                    <a:lnTo>
                      <a:pt x="6" y="0"/>
                    </a:lnTo>
                    <a:lnTo>
                      <a:pt x="12" y="6"/>
                    </a:lnTo>
                    <a:lnTo>
                      <a:pt x="12" y="18"/>
                    </a:lnTo>
                    <a:lnTo>
                      <a:pt x="6" y="18"/>
                    </a:lnTo>
                    <a:lnTo>
                      <a:pt x="6" y="12"/>
                    </a:lnTo>
                    <a:lnTo>
                      <a:pt x="0" y="6"/>
                    </a:lnTo>
                    <a:lnTo>
                      <a:pt x="0" y="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92" name="Freeform 419"/>
              <p:cNvSpPr>
                <a:spLocks noChangeAspect="1"/>
              </p:cNvSpPr>
              <p:nvPr/>
            </p:nvSpPr>
            <p:spPr bwMode="auto">
              <a:xfrm>
                <a:off x="1713" y="1212"/>
                <a:ext cx="366" cy="594"/>
              </a:xfrm>
              <a:custGeom>
                <a:avLst/>
                <a:gdLst>
                  <a:gd name="T0" fmla="*/ 168 w 366"/>
                  <a:gd name="T1" fmla="*/ 564 h 594"/>
                  <a:gd name="T2" fmla="*/ 0 w 366"/>
                  <a:gd name="T3" fmla="*/ 528 h 594"/>
                  <a:gd name="T4" fmla="*/ 42 w 366"/>
                  <a:gd name="T5" fmla="*/ 366 h 594"/>
                  <a:gd name="T6" fmla="*/ 30 w 366"/>
                  <a:gd name="T7" fmla="*/ 348 h 594"/>
                  <a:gd name="T8" fmla="*/ 90 w 366"/>
                  <a:gd name="T9" fmla="*/ 264 h 594"/>
                  <a:gd name="T10" fmla="*/ 72 w 366"/>
                  <a:gd name="T11" fmla="*/ 228 h 594"/>
                  <a:gd name="T12" fmla="*/ 114 w 366"/>
                  <a:gd name="T13" fmla="*/ 0 h 594"/>
                  <a:gd name="T14" fmla="*/ 168 w 366"/>
                  <a:gd name="T15" fmla="*/ 12 h 594"/>
                  <a:gd name="T16" fmla="*/ 150 w 366"/>
                  <a:gd name="T17" fmla="*/ 90 h 594"/>
                  <a:gd name="T18" fmla="*/ 162 w 366"/>
                  <a:gd name="T19" fmla="*/ 120 h 594"/>
                  <a:gd name="T20" fmla="*/ 156 w 366"/>
                  <a:gd name="T21" fmla="*/ 132 h 594"/>
                  <a:gd name="T22" fmla="*/ 174 w 366"/>
                  <a:gd name="T23" fmla="*/ 150 h 594"/>
                  <a:gd name="T24" fmla="*/ 198 w 366"/>
                  <a:gd name="T25" fmla="*/ 198 h 594"/>
                  <a:gd name="T26" fmla="*/ 222 w 366"/>
                  <a:gd name="T27" fmla="*/ 210 h 594"/>
                  <a:gd name="T28" fmla="*/ 192 w 366"/>
                  <a:gd name="T29" fmla="*/ 288 h 594"/>
                  <a:gd name="T30" fmla="*/ 204 w 366"/>
                  <a:gd name="T31" fmla="*/ 300 h 594"/>
                  <a:gd name="T32" fmla="*/ 222 w 366"/>
                  <a:gd name="T33" fmla="*/ 282 h 594"/>
                  <a:gd name="T34" fmla="*/ 234 w 366"/>
                  <a:gd name="T35" fmla="*/ 294 h 594"/>
                  <a:gd name="T36" fmla="*/ 240 w 366"/>
                  <a:gd name="T37" fmla="*/ 354 h 594"/>
                  <a:gd name="T38" fmla="*/ 258 w 366"/>
                  <a:gd name="T39" fmla="*/ 366 h 594"/>
                  <a:gd name="T40" fmla="*/ 264 w 366"/>
                  <a:gd name="T41" fmla="*/ 396 h 594"/>
                  <a:gd name="T42" fmla="*/ 276 w 366"/>
                  <a:gd name="T43" fmla="*/ 390 h 594"/>
                  <a:gd name="T44" fmla="*/ 294 w 366"/>
                  <a:gd name="T45" fmla="*/ 396 h 594"/>
                  <a:gd name="T46" fmla="*/ 300 w 366"/>
                  <a:gd name="T47" fmla="*/ 384 h 594"/>
                  <a:gd name="T48" fmla="*/ 342 w 366"/>
                  <a:gd name="T49" fmla="*/ 396 h 594"/>
                  <a:gd name="T50" fmla="*/ 354 w 366"/>
                  <a:gd name="T51" fmla="*/ 378 h 594"/>
                  <a:gd name="T52" fmla="*/ 366 w 366"/>
                  <a:gd name="T53" fmla="*/ 402 h 594"/>
                  <a:gd name="T54" fmla="*/ 336 w 366"/>
                  <a:gd name="T55" fmla="*/ 594 h 594"/>
                  <a:gd name="T56" fmla="*/ 222 w 366"/>
                  <a:gd name="T57" fmla="*/ 576 h 594"/>
                  <a:gd name="T58" fmla="*/ 168 w 366"/>
                  <a:gd name="T59" fmla="*/ 564 h 594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w 366"/>
                  <a:gd name="T91" fmla="*/ 0 h 594"/>
                  <a:gd name="T92" fmla="*/ 366 w 366"/>
                  <a:gd name="T93" fmla="*/ 594 h 594"/>
                </a:gdLst>
                <a:ahLst/>
                <a:cxnLst>
                  <a:cxn ang="T60">
                    <a:pos x="T0" y="T1"/>
                  </a:cxn>
                  <a:cxn ang="T61">
                    <a:pos x="T2" y="T3"/>
                  </a:cxn>
                  <a:cxn ang="T62">
                    <a:pos x="T4" y="T5"/>
                  </a:cxn>
                  <a:cxn ang="T63">
                    <a:pos x="T6" y="T7"/>
                  </a:cxn>
                  <a:cxn ang="T64">
                    <a:pos x="T8" y="T9"/>
                  </a:cxn>
                  <a:cxn ang="T65">
                    <a:pos x="T10" y="T11"/>
                  </a:cxn>
                  <a:cxn ang="T66">
                    <a:pos x="T12" y="T13"/>
                  </a:cxn>
                  <a:cxn ang="T67">
                    <a:pos x="T14" y="T15"/>
                  </a:cxn>
                  <a:cxn ang="T68">
                    <a:pos x="T16" y="T17"/>
                  </a:cxn>
                  <a:cxn ang="T69">
                    <a:pos x="T18" y="T19"/>
                  </a:cxn>
                  <a:cxn ang="T70">
                    <a:pos x="T20" y="T21"/>
                  </a:cxn>
                  <a:cxn ang="T71">
                    <a:pos x="T22" y="T23"/>
                  </a:cxn>
                  <a:cxn ang="T72">
                    <a:pos x="T24" y="T25"/>
                  </a:cxn>
                  <a:cxn ang="T73">
                    <a:pos x="T26" y="T27"/>
                  </a:cxn>
                  <a:cxn ang="T74">
                    <a:pos x="T28" y="T29"/>
                  </a:cxn>
                  <a:cxn ang="T75">
                    <a:pos x="T30" y="T31"/>
                  </a:cxn>
                  <a:cxn ang="T76">
                    <a:pos x="T32" y="T33"/>
                  </a:cxn>
                  <a:cxn ang="T77">
                    <a:pos x="T34" y="T35"/>
                  </a:cxn>
                  <a:cxn ang="T78">
                    <a:pos x="T36" y="T37"/>
                  </a:cxn>
                  <a:cxn ang="T79">
                    <a:pos x="T38" y="T39"/>
                  </a:cxn>
                  <a:cxn ang="T80">
                    <a:pos x="T40" y="T41"/>
                  </a:cxn>
                  <a:cxn ang="T81">
                    <a:pos x="T42" y="T43"/>
                  </a:cxn>
                  <a:cxn ang="T82">
                    <a:pos x="T44" y="T45"/>
                  </a:cxn>
                  <a:cxn ang="T83">
                    <a:pos x="T46" y="T47"/>
                  </a:cxn>
                  <a:cxn ang="T84">
                    <a:pos x="T48" y="T49"/>
                  </a:cxn>
                  <a:cxn ang="T85">
                    <a:pos x="T50" y="T51"/>
                  </a:cxn>
                  <a:cxn ang="T86">
                    <a:pos x="T52" y="T53"/>
                  </a:cxn>
                  <a:cxn ang="T87">
                    <a:pos x="T54" y="T55"/>
                  </a:cxn>
                  <a:cxn ang="T88">
                    <a:pos x="T56" y="T57"/>
                  </a:cxn>
                  <a:cxn ang="T89">
                    <a:pos x="T58" y="T59"/>
                  </a:cxn>
                </a:cxnLst>
                <a:rect l="T90" t="T91" r="T92" b="T93"/>
                <a:pathLst>
                  <a:path w="366" h="594">
                    <a:moveTo>
                      <a:pt x="168" y="564"/>
                    </a:moveTo>
                    <a:lnTo>
                      <a:pt x="0" y="528"/>
                    </a:lnTo>
                    <a:lnTo>
                      <a:pt x="42" y="366"/>
                    </a:lnTo>
                    <a:lnTo>
                      <a:pt x="30" y="348"/>
                    </a:lnTo>
                    <a:lnTo>
                      <a:pt x="90" y="264"/>
                    </a:lnTo>
                    <a:lnTo>
                      <a:pt x="72" y="228"/>
                    </a:lnTo>
                    <a:lnTo>
                      <a:pt x="114" y="0"/>
                    </a:lnTo>
                    <a:lnTo>
                      <a:pt x="168" y="12"/>
                    </a:lnTo>
                    <a:lnTo>
                      <a:pt x="150" y="90"/>
                    </a:lnTo>
                    <a:lnTo>
                      <a:pt x="162" y="120"/>
                    </a:lnTo>
                    <a:lnTo>
                      <a:pt x="156" y="132"/>
                    </a:lnTo>
                    <a:lnTo>
                      <a:pt x="174" y="150"/>
                    </a:lnTo>
                    <a:lnTo>
                      <a:pt x="198" y="198"/>
                    </a:lnTo>
                    <a:lnTo>
                      <a:pt x="222" y="210"/>
                    </a:lnTo>
                    <a:lnTo>
                      <a:pt x="192" y="288"/>
                    </a:lnTo>
                    <a:lnTo>
                      <a:pt x="204" y="300"/>
                    </a:lnTo>
                    <a:lnTo>
                      <a:pt x="222" y="282"/>
                    </a:lnTo>
                    <a:lnTo>
                      <a:pt x="234" y="294"/>
                    </a:lnTo>
                    <a:lnTo>
                      <a:pt x="240" y="354"/>
                    </a:lnTo>
                    <a:lnTo>
                      <a:pt x="258" y="366"/>
                    </a:lnTo>
                    <a:lnTo>
                      <a:pt x="264" y="396"/>
                    </a:lnTo>
                    <a:lnTo>
                      <a:pt x="276" y="390"/>
                    </a:lnTo>
                    <a:lnTo>
                      <a:pt x="294" y="396"/>
                    </a:lnTo>
                    <a:lnTo>
                      <a:pt x="300" y="384"/>
                    </a:lnTo>
                    <a:lnTo>
                      <a:pt x="342" y="396"/>
                    </a:lnTo>
                    <a:lnTo>
                      <a:pt x="354" y="378"/>
                    </a:lnTo>
                    <a:lnTo>
                      <a:pt x="366" y="402"/>
                    </a:lnTo>
                    <a:lnTo>
                      <a:pt x="336" y="594"/>
                    </a:lnTo>
                    <a:lnTo>
                      <a:pt x="222" y="576"/>
                    </a:lnTo>
                    <a:lnTo>
                      <a:pt x="168" y="56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93" name="Freeform 420"/>
              <p:cNvSpPr>
                <a:spLocks noChangeAspect="1"/>
              </p:cNvSpPr>
              <p:nvPr/>
            </p:nvSpPr>
            <p:spPr bwMode="auto">
              <a:xfrm>
                <a:off x="1713" y="1212"/>
                <a:ext cx="366" cy="594"/>
              </a:xfrm>
              <a:custGeom>
                <a:avLst/>
                <a:gdLst>
                  <a:gd name="T0" fmla="*/ 168 w 366"/>
                  <a:gd name="T1" fmla="*/ 564 h 594"/>
                  <a:gd name="T2" fmla="*/ 0 w 366"/>
                  <a:gd name="T3" fmla="*/ 528 h 594"/>
                  <a:gd name="T4" fmla="*/ 42 w 366"/>
                  <a:gd name="T5" fmla="*/ 366 h 594"/>
                  <a:gd name="T6" fmla="*/ 30 w 366"/>
                  <a:gd name="T7" fmla="*/ 348 h 594"/>
                  <a:gd name="T8" fmla="*/ 90 w 366"/>
                  <a:gd name="T9" fmla="*/ 264 h 594"/>
                  <a:gd name="T10" fmla="*/ 72 w 366"/>
                  <a:gd name="T11" fmla="*/ 228 h 594"/>
                  <a:gd name="T12" fmla="*/ 114 w 366"/>
                  <a:gd name="T13" fmla="*/ 0 h 594"/>
                  <a:gd name="T14" fmla="*/ 168 w 366"/>
                  <a:gd name="T15" fmla="*/ 12 h 594"/>
                  <a:gd name="T16" fmla="*/ 150 w 366"/>
                  <a:gd name="T17" fmla="*/ 90 h 594"/>
                  <a:gd name="T18" fmla="*/ 162 w 366"/>
                  <a:gd name="T19" fmla="*/ 120 h 594"/>
                  <a:gd name="T20" fmla="*/ 156 w 366"/>
                  <a:gd name="T21" fmla="*/ 132 h 594"/>
                  <a:gd name="T22" fmla="*/ 174 w 366"/>
                  <a:gd name="T23" fmla="*/ 150 h 594"/>
                  <a:gd name="T24" fmla="*/ 198 w 366"/>
                  <a:gd name="T25" fmla="*/ 198 h 594"/>
                  <a:gd name="T26" fmla="*/ 222 w 366"/>
                  <a:gd name="T27" fmla="*/ 210 h 594"/>
                  <a:gd name="T28" fmla="*/ 192 w 366"/>
                  <a:gd name="T29" fmla="*/ 288 h 594"/>
                  <a:gd name="T30" fmla="*/ 204 w 366"/>
                  <a:gd name="T31" fmla="*/ 300 h 594"/>
                  <a:gd name="T32" fmla="*/ 222 w 366"/>
                  <a:gd name="T33" fmla="*/ 282 h 594"/>
                  <a:gd name="T34" fmla="*/ 234 w 366"/>
                  <a:gd name="T35" fmla="*/ 294 h 594"/>
                  <a:gd name="T36" fmla="*/ 240 w 366"/>
                  <a:gd name="T37" fmla="*/ 354 h 594"/>
                  <a:gd name="T38" fmla="*/ 258 w 366"/>
                  <a:gd name="T39" fmla="*/ 366 h 594"/>
                  <a:gd name="T40" fmla="*/ 264 w 366"/>
                  <a:gd name="T41" fmla="*/ 396 h 594"/>
                  <a:gd name="T42" fmla="*/ 276 w 366"/>
                  <a:gd name="T43" fmla="*/ 390 h 594"/>
                  <a:gd name="T44" fmla="*/ 294 w 366"/>
                  <a:gd name="T45" fmla="*/ 396 h 594"/>
                  <a:gd name="T46" fmla="*/ 300 w 366"/>
                  <a:gd name="T47" fmla="*/ 384 h 594"/>
                  <a:gd name="T48" fmla="*/ 342 w 366"/>
                  <a:gd name="T49" fmla="*/ 396 h 594"/>
                  <a:gd name="T50" fmla="*/ 354 w 366"/>
                  <a:gd name="T51" fmla="*/ 378 h 594"/>
                  <a:gd name="T52" fmla="*/ 366 w 366"/>
                  <a:gd name="T53" fmla="*/ 402 h 594"/>
                  <a:gd name="T54" fmla="*/ 336 w 366"/>
                  <a:gd name="T55" fmla="*/ 594 h 594"/>
                  <a:gd name="T56" fmla="*/ 222 w 366"/>
                  <a:gd name="T57" fmla="*/ 576 h 594"/>
                  <a:gd name="T58" fmla="*/ 168 w 366"/>
                  <a:gd name="T59" fmla="*/ 564 h 594"/>
                  <a:gd name="T60" fmla="*/ 168 w 366"/>
                  <a:gd name="T61" fmla="*/ 570 h 594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w 366"/>
                  <a:gd name="T94" fmla="*/ 0 h 594"/>
                  <a:gd name="T95" fmla="*/ 366 w 366"/>
                  <a:gd name="T96" fmla="*/ 594 h 594"/>
                </a:gdLst>
                <a:ahLst/>
                <a:cxnLst>
                  <a:cxn ang="T62">
                    <a:pos x="T0" y="T1"/>
                  </a:cxn>
                  <a:cxn ang="T63">
                    <a:pos x="T2" y="T3"/>
                  </a:cxn>
                  <a:cxn ang="T64">
                    <a:pos x="T4" y="T5"/>
                  </a:cxn>
                  <a:cxn ang="T65">
                    <a:pos x="T6" y="T7"/>
                  </a:cxn>
                  <a:cxn ang="T66">
                    <a:pos x="T8" y="T9"/>
                  </a:cxn>
                  <a:cxn ang="T67">
                    <a:pos x="T10" y="T11"/>
                  </a:cxn>
                  <a:cxn ang="T68">
                    <a:pos x="T12" y="T13"/>
                  </a:cxn>
                  <a:cxn ang="T69">
                    <a:pos x="T14" y="T15"/>
                  </a:cxn>
                  <a:cxn ang="T70">
                    <a:pos x="T16" y="T17"/>
                  </a:cxn>
                  <a:cxn ang="T71">
                    <a:pos x="T18" y="T19"/>
                  </a:cxn>
                  <a:cxn ang="T72">
                    <a:pos x="T20" y="T21"/>
                  </a:cxn>
                  <a:cxn ang="T73">
                    <a:pos x="T22" y="T23"/>
                  </a:cxn>
                  <a:cxn ang="T74">
                    <a:pos x="T24" y="T25"/>
                  </a:cxn>
                  <a:cxn ang="T75">
                    <a:pos x="T26" y="T27"/>
                  </a:cxn>
                  <a:cxn ang="T76">
                    <a:pos x="T28" y="T29"/>
                  </a:cxn>
                  <a:cxn ang="T77">
                    <a:pos x="T30" y="T31"/>
                  </a:cxn>
                  <a:cxn ang="T78">
                    <a:pos x="T32" y="T33"/>
                  </a:cxn>
                  <a:cxn ang="T79">
                    <a:pos x="T34" y="T35"/>
                  </a:cxn>
                  <a:cxn ang="T80">
                    <a:pos x="T36" y="T37"/>
                  </a:cxn>
                  <a:cxn ang="T81">
                    <a:pos x="T38" y="T39"/>
                  </a:cxn>
                  <a:cxn ang="T82">
                    <a:pos x="T40" y="T41"/>
                  </a:cxn>
                  <a:cxn ang="T83">
                    <a:pos x="T42" y="T43"/>
                  </a:cxn>
                  <a:cxn ang="T84">
                    <a:pos x="T44" y="T45"/>
                  </a:cxn>
                  <a:cxn ang="T85">
                    <a:pos x="T46" y="T47"/>
                  </a:cxn>
                  <a:cxn ang="T86">
                    <a:pos x="T48" y="T49"/>
                  </a:cxn>
                  <a:cxn ang="T87">
                    <a:pos x="T50" y="T51"/>
                  </a:cxn>
                  <a:cxn ang="T88">
                    <a:pos x="T52" y="T53"/>
                  </a:cxn>
                  <a:cxn ang="T89">
                    <a:pos x="T54" y="T55"/>
                  </a:cxn>
                  <a:cxn ang="T90">
                    <a:pos x="T56" y="T57"/>
                  </a:cxn>
                  <a:cxn ang="T91">
                    <a:pos x="T58" y="T59"/>
                  </a:cxn>
                  <a:cxn ang="T92">
                    <a:pos x="T60" y="T61"/>
                  </a:cxn>
                </a:cxnLst>
                <a:rect l="T93" t="T94" r="T95" b="T96"/>
                <a:pathLst>
                  <a:path w="366" h="594">
                    <a:moveTo>
                      <a:pt x="168" y="564"/>
                    </a:moveTo>
                    <a:lnTo>
                      <a:pt x="0" y="528"/>
                    </a:lnTo>
                    <a:lnTo>
                      <a:pt x="42" y="366"/>
                    </a:lnTo>
                    <a:lnTo>
                      <a:pt x="30" y="348"/>
                    </a:lnTo>
                    <a:lnTo>
                      <a:pt x="90" y="264"/>
                    </a:lnTo>
                    <a:lnTo>
                      <a:pt x="72" y="228"/>
                    </a:lnTo>
                    <a:lnTo>
                      <a:pt x="114" y="0"/>
                    </a:lnTo>
                    <a:lnTo>
                      <a:pt x="168" y="12"/>
                    </a:lnTo>
                    <a:lnTo>
                      <a:pt x="150" y="90"/>
                    </a:lnTo>
                    <a:lnTo>
                      <a:pt x="162" y="120"/>
                    </a:lnTo>
                    <a:lnTo>
                      <a:pt x="156" y="132"/>
                    </a:lnTo>
                    <a:lnTo>
                      <a:pt x="174" y="150"/>
                    </a:lnTo>
                    <a:lnTo>
                      <a:pt x="198" y="198"/>
                    </a:lnTo>
                    <a:lnTo>
                      <a:pt x="222" y="210"/>
                    </a:lnTo>
                    <a:lnTo>
                      <a:pt x="192" y="288"/>
                    </a:lnTo>
                    <a:lnTo>
                      <a:pt x="204" y="300"/>
                    </a:lnTo>
                    <a:lnTo>
                      <a:pt x="222" y="282"/>
                    </a:lnTo>
                    <a:lnTo>
                      <a:pt x="234" y="294"/>
                    </a:lnTo>
                    <a:lnTo>
                      <a:pt x="240" y="354"/>
                    </a:lnTo>
                    <a:lnTo>
                      <a:pt x="258" y="366"/>
                    </a:lnTo>
                    <a:lnTo>
                      <a:pt x="264" y="396"/>
                    </a:lnTo>
                    <a:lnTo>
                      <a:pt x="276" y="390"/>
                    </a:lnTo>
                    <a:lnTo>
                      <a:pt x="294" y="396"/>
                    </a:lnTo>
                    <a:lnTo>
                      <a:pt x="300" y="384"/>
                    </a:lnTo>
                    <a:lnTo>
                      <a:pt x="342" y="396"/>
                    </a:lnTo>
                    <a:lnTo>
                      <a:pt x="354" y="378"/>
                    </a:lnTo>
                    <a:lnTo>
                      <a:pt x="366" y="402"/>
                    </a:lnTo>
                    <a:lnTo>
                      <a:pt x="336" y="594"/>
                    </a:lnTo>
                    <a:lnTo>
                      <a:pt x="222" y="576"/>
                    </a:lnTo>
                    <a:lnTo>
                      <a:pt x="168" y="564"/>
                    </a:lnTo>
                    <a:lnTo>
                      <a:pt x="168" y="57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94" name="Freeform 421"/>
              <p:cNvSpPr>
                <a:spLocks noChangeAspect="1"/>
              </p:cNvSpPr>
              <p:nvPr/>
            </p:nvSpPr>
            <p:spPr bwMode="auto">
              <a:xfrm>
                <a:off x="3183" y="1818"/>
                <a:ext cx="246" cy="438"/>
              </a:xfrm>
              <a:custGeom>
                <a:avLst/>
                <a:gdLst>
                  <a:gd name="T0" fmla="*/ 150 w 246"/>
                  <a:gd name="T1" fmla="*/ 438 h 438"/>
                  <a:gd name="T2" fmla="*/ 132 w 246"/>
                  <a:gd name="T3" fmla="*/ 414 h 438"/>
                  <a:gd name="T4" fmla="*/ 126 w 246"/>
                  <a:gd name="T5" fmla="*/ 384 h 438"/>
                  <a:gd name="T6" fmla="*/ 72 w 246"/>
                  <a:gd name="T7" fmla="*/ 348 h 438"/>
                  <a:gd name="T8" fmla="*/ 84 w 246"/>
                  <a:gd name="T9" fmla="*/ 294 h 438"/>
                  <a:gd name="T10" fmla="*/ 66 w 246"/>
                  <a:gd name="T11" fmla="*/ 288 h 438"/>
                  <a:gd name="T12" fmla="*/ 54 w 246"/>
                  <a:gd name="T13" fmla="*/ 294 h 438"/>
                  <a:gd name="T14" fmla="*/ 42 w 246"/>
                  <a:gd name="T15" fmla="*/ 264 h 438"/>
                  <a:gd name="T16" fmla="*/ 18 w 246"/>
                  <a:gd name="T17" fmla="*/ 240 h 438"/>
                  <a:gd name="T18" fmla="*/ 0 w 246"/>
                  <a:gd name="T19" fmla="*/ 222 h 438"/>
                  <a:gd name="T20" fmla="*/ 0 w 246"/>
                  <a:gd name="T21" fmla="*/ 168 h 438"/>
                  <a:gd name="T22" fmla="*/ 18 w 246"/>
                  <a:gd name="T23" fmla="*/ 156 h 438"/>
                  <a:gd name="T24" fmla="*/ 24 w 246"/>
                  <a:gd name="T25" fmla="*/ 132 h 438"/>
                  <a:gd name="T26" fmla="*/ 18 w 246"/>
                  <a:gd name="T27" fmla="*/ 96 h 438"/>
                  <a:gd name="T28" fmla="*/ 54 w 246"/>
                  <a:gd name="T29" fmla="*/ 84 h 438"/>
                  <a:gd name="T30" fmla="*/ 66 w 246"/>
                  <a:gd name="T31" fmla="*/ 60 h 438"/>
                  <a:gd name="T32" fmla="*/ 66 w 246"/>
                  <a:gd name="T33" fmla="*/ 42 h 438"/>
                  <a:gd name="T34" fmla="*/ 36 w 246"/>
                  <a:gd name="T35" fmla="*/ 12 h 438"/>
                  <a:gd name="T36" fmla="*/ 48 w 246"/>
                  <a:gd name="T37" fmla="*/ 12 h 438"/>
                  <a:gd name="T38" fmla="*/ 198 w 246"/>
                  <a:gd name="T39" fmla="*/ 0 h 438"/>
                  <a:gd name="T40" fmla="*/ 222 w 246"/>
                  <a:gd name="T41" fmla="*/ 60 h 438"/>
                  <a:gd name="T42" fmla="*/ 240 w 246"/>
                  <a:gd name="T43" fmla="*/ 246 h 438"/>
                  <a:gd name="T44" fmla="*/ 228 w 246"/>
                  <a:gd name="T45" fmla="*/ 264 h 438"/>
                  <a:gd name="T46" fmla="*/ 246 w 246"/>
                  <a:gd name="T47" fmla="*/ 294 h 438"/>
                  <a:gd name="T48" fmla="*/ 216 w 246"/>
                  <a:gd name="T49" fmla="*/ 336 h 438"/>
                  <a:gd name="T50" fmla="*/ 216 w 246"/>
                  <a:gd name="T51" fmla="*/ 366 h 438"/>
                  <a:gd name="T52" fmla="*/ 210 w 246"/>
                  <a:gd name="T53" fmla="*/ 378 h 438"/>
                  <a:gd name="T54" fmla="*/ 216 w 246"/>
                  <a:gd name="T55" fmla="*/ 390 h 438"/>
                  <a:gd name="T56" fmla="*/ 192 w 246"/>
                  <a:gd name="T57" fmla="*/ 402 h 438"/>
                  <a:gd name="T58" fmla="*/ 198 w 246"/>
                  <a:gd name="T59" fmla="*/ 426 h 438"/>
                  <a:gd name="T60" fmla="*/ 162 w 246"/>
                  <a:gd name="T61" fmla="*/ 414 h 438"/>
                  <a:gd name="T62" fmla="*/ 150 w 246"/>
                  <a:gd name="T63" fmla="*/ 432 h 438"/>
                  <a:gd name="T64" fmla="*/ 150 w 246"/>
                  <a:gd name="T65" fmla="*/ 438 h 438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246"/>
                  <a:gd name="T100" fmla="*/ 0 h 438"/>
                  <a:gd name="T101" fmla="*/ 246 w 246"/>
                  <a:gd name="T102" fmla="*/ 438 h 438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246" h="438">
                    <a:moveTo>
                      <a:pt x="150" y="438"/>
                    </a:moveTo>
                    <a:lnTo>
                      <a:pt x="132" y="414"/>
                    </a:lnTo>
                    <a:lnTo>
                      <a:pt x="126" y="384"/>
                    </a:lnTo>
                    <a:lnTo>
                      <a:pt x="72" y="348"/>
                    </a:lnTo>
                    <a:lnTo>
                      <a:pt x="84" y="294"/>
                    </a:lnTo>
                    <a:lnTo>
                      <a:pt x="66" y="288"/>
                    </a:lnTo>
                    <a:lnTo>
                      <a:pt x="54" y="294"/>
                    </a:lnTo>
                    <a:lnTo>
                      <a:pt x="42" y="264"/>
                    </a:lnTo>
                    <a:lnTo>
                      <a:pt x="18" y="240"/>
                    </a:lnTo>
                    <a:lnTo>
                      <a:pt x="0" y="222"/>
                    </a:lnTo>
                    <a:lnTo>
                      <a:pt x="0" y="168"/>
                    </a:lnTo>
                    <a:lnTo>
                      <a:pt x="18" y="156"/>
                    </a:lnTo>
                    <a:lnTo>
                      <a:pt x="24" y="132"/>
                    </a:lnTo>
                    <a:lnTo>
                      <a:pt x="18" y="96"/>
                    </a:lnTo>
                    <a:lnTo>
                      <a:pt x="54" y="84"/>
                    </a:lnTo>
                    <a:lnTo>
                      <a:pt x="66" y="60"/>
                    </a:lnTo>
                    <a:lnTo>
                      <a:pt x="66" y="42"/>
                    </a:lnTo>
                    <a:lnTo>
                      <a:pt x="36" y="12"/>
                    </a:lnTo>
                    <a:lnTo>
                      <a:pt x="48" y="12"/>
                    </a:lnTo>
                    <a:lnTo>
                      <a:pt x="198" y="0"/>
                    </a:lnTo>
                    <a:lnTo>
                      <a:pt x="222" y="60"/>
                    </a:lnTo>
                    <a:lnTo>
                      <a:pt x="240" y="246"/>
                    </a:lnTo>
                    <a:lnTo>
                      <a:pt x="228" y="264"/>
                    </a:lnTo>
                    <a:lnTo>
                      <a:pt x="246" y="294"/>
                    </a:lnTo>
                    <a:lnTo>
                      <a:pt x="216" y="336"/>
                    </a:lnTo>
                    <a:lnTo>
                      <a:pt x="216" y="366"/>
                    </a:lnTo>
                    <a:lnTo>
                      <a:pt x="210" y="378"/>
                    </a:lnTo>
                    <a:lnTo>
                      <a:pt x="216" y="390"/>
                    </a:lnTo>
                    <a:lnTo>
                      <a:pt x="192" y="402"/>
                    </a:lnTo>
                    <a:lnTo>
                      <a:pt x="198" y="426"/>
                    </a:lnTo>
                    <a:lnTo>
                      <a:pt x="162" y="414"/>
                    </a:lnTo>
                    <a:lnTo>
                      <a:pt x="150" y="432"/>
                    </a:lnTo>
                    <a:lnTo>
                      <a:pt x="150" y="438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95" name="Freeform 422"/>
              <p:cNvSpPr>
                <a:spLocks noChangeAspect="1"/>
              </p:cNvSpPr>
              <p:nvPr/>
            </p:nvSpPr>
            <p:spPr bwMode="auto">
              <a:xfrm>
                <a:off x="3183" y="1818"/>
                <a:ext cx="246" cy="444"/>
              </a:xfrm>
              <a:custGeom>
                <a:avLst/>
                <a:gdLst>
                  <a:gd name="T0" fmla="*/ 150 w 246"/>
                  <a:gd name="T1" fmla="*/ 438 h 444"/>
                  <a:gd name="T2" fmla="*/ 132 w 246"/>
                  <a:gd name="T3" fmla="*/ 414 h 444"/>
                  <a:gd name="T4" fmla="*/ 126 w 246"/>
                  <a:gd name="T5" fmla="*/ 384 h 444"/>
                  <a:gd name="T6" fmla="*/ 72 w 246"/>
                  <a:gd name="T7" fmla="*/ 348 h 444"/>
                  <a:gd name="T8" fmla="*/ 84 w 246"/>
                  <a:gd name="T9" fmla="*/ 294 h 444"/>
                  <a:gd name="T10" fmla="*/ 66 w 246"/>
                  <a:gd name="T11" fmla="*/ 288 h 444"/>
                  <a:gd name="T12" fmla="*/ 54 w 246"/>
                  <a:gd name="T13" fmla="*/ 294 h 444"/>
                  <a:gd name="T14" fmla="*/ 42 w 246"/>
                  <a:gd name="T15" fmla="*/ 264 h 444"/>
                  <a:gd name="T16" fmla="*/ 18 w 246"/>
                  <a:gd name="T17" fmla="*/ 240 h 444"/>
                  <a:gd name="T18" fmla="*/ 0 w 246"/>
                  <a:gd name="T19" fmla="*/ 222 h 444"/>
                  <a:gd name="T20" fmla="*/ 0 w 246"/>
                  <a:gd name="T21" fmla="*/ 168 h 444"/>
                  <a:gd name="T22" fmla="*/ 18 w 246"/>
                  <a:gd name="T23" fmla="*/ 156 h 444"/>
                  <a:gd name="T24" fmla="*/ 24 w 246"/>
                  <a:gd name="T25" fmla="*/ 132 h 444"/>
                  <a:gd name="T26" fmla="*/ 18 w 246"/>
                  <a:gd name="T27" fmla="*/ 96 h 444"/>
                  <a:gd name="T28" fmla="*/ 54 w 246"/>
                  <a:gd name="T29" fmla="*/ 84 h 444"/>
                  <a:gd name="T30" fmla="*/ 66 w 246"/>
                  <a:gd name="T31" fmla="*/ 60 h 444"/>
                  <a:gd name="T32" fmla="*/ 66 w 246"/>
                  <a:gd name="T33" fmla="*/ 42 h 444"/>
                  <a:gd name="T34" fmla="*/ 36 w 246"/>
                  <a:gd name="T35" fmla="*/ 12 h 444"/>
                  <a:gd name="T36" fmla="*/ 48 w 246"/>
                  <a:gd name="T37" fmla="*/ 12 h 444"/>
                  <a:gd name="T38" fmla="*/ 198 w 246"/>
                  <a:gd name="T39" fmla="*/ 0 h 444"/>
                  <a:gd name="T40" fmla="*/ 222 w 246"/>
                  <a:gd name="T41" fmla="*/ 60 h 444"/>
                  <a:gd name="T42" fmla="*/ 240 w 246"/>
                  <a:gd name="T43" fmla="*/ 246 h 444"/>
                  <a:gd name="T44" fmla="*/ 228 w 246"/>
                  <a:gd name="T45" fmla="*/ 264 h 444"/>
                  <a:gd name="T46" fmla="*/ 246 w 246"/>
                  <a:gd name="T47" fmla="*/ 294 h 444"/>
                  <a:gd name="T48" fmla="*/ 216 w 246"/>
                  <a:gd name="T49" fmla="*/ 336 h 444"/>
                  <a:gd name="T50" fmla="*/ 216 w 246"/>
                  <a:gd name="T51" fmla="*/ 366 h 444"/>
                  <a:gd name="T52" fmla="*/ 210 w 246"/>
                  <a:gd name="T53" fmla="*/ 378 h 444"/>
                  <a:gd name="T54" fmla="*/ 216 w 246"/>
                  <a:gd name="T55" fmla="*/ 390 h 444"/>
                  <a:gd name="T56" fmla="*/ 192 w 246"/>
                  <a:gd name="T57" fmla="*/ 402 h 444"/>
                  <a:gd name="T58" fmla="*/ 198 w 246"/>
                  <a:gd name="T59" fmla="*/ 426 h 444"/>
                  <a:gd name="T60" fmla="*/ 162 w 246"/>
                  <a:gd name="T61" fmla="*/ 414 h 444"/>
                  <a:gd name="T62" fmla="*/ 150 w 246"/>
                  <a:gd name="T63" fmla="*/ 432 h 444"/>
                  <a:gd name="T64" fmla="*/ 150 w 246"/>
                  <a:gd name="T65" fmla="*/ 438 h 444"/>
                  <a:gd name="T66" fmla="*/ 150 w 246"/>
                  <a:gd name="T67" fmla="*/ 444 h 444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w 246"/>
                  <a:gd name="T103" fmla="*/ 0 h 444"/>
                  <a:gd name="T104" fmla="*/ 246 w 246"/>
                  <a:gd name="T105" fmla="*/ 444 h 444"/>
                </a:gdLst>
                <a:ahLst/>
                <a:cxnLst>
                  <a:cxn ang="T68">
                    <a:pos x="T0" y="T1"/>
                  </a:cxn>
                  <a:cxn ang="T69">
                    <a:pos x="T2" y="T3"/>
                  </a:cxn>
                  <a:cxn ang="T70">
                    <a:pos x="T4" y="T5"/>
                  </a:cxn>
                  <a:cxn ang="T71">
                    <a:pos x="T6" y="T7"/>
                  </a:cxn>
                  <a:cxn ang="T72">
                    <a:pos x="T8" y="T9"/>
                  </a:cxn>
                  <a:cxn ang="T73">
                    <a:pos x="T10" y="T11"/>
                  </a:cxn>
                  <a:cxn ang="T74">
                    <a:pos x="T12" y="T13"/>
                  </a:cxn>
                  <a:cxn ang="T75">
                    <a:pos x="T14" y="T15"/>
                  </a:cxn>
                  <a:cxn ang="T76">
                    <a:pos x="T16" y="T17"/>
                  </a:cxn>
                  <a:cxn ang="T77">
                    <a:pos x="T18" y="T19"/>
                  </a:cxn>
                  <a:cxn ang="T78">
                    <a:pos x="T20" y="T21"/>
                  </a:cxn>
                  <a:cxn ang="T79">
                    <a:pos x="T22" y="T23"/>
                  </a:cxn>
                  <a:cxn ang="T80">
                    <a:pos x="T24" y="T25"/>
                  </a:cxn>
                  <a:cxn ang="T81">
                    <a:pos x="T26" y="T27"/>
                  </a:cxn>
                  <a:cxn ang="T82">
                    <a:pos x="T28" y="T29"/>
                  </a:cxn>
                  <a:cxn ang="T83">
                    <a:pos x="T30" y="T31"/>
                  </a:cxn>
                  <a:cxn ang="T84">
                    <a:pos x="T32" y="T33"/>
                  </a:cxn>
                  <a:cxn ang="T85">
                    <a:pos x="T34" y="T35"/>
                  </a:cxn>
                  <a:cxn ang="T86">
                    <a:pos x="T36" y="T37"/>
                  </a:cxn>
                  <a:cxn ang="T87">
                    <a:pos x="T38" y="T39"/>
                  </a:cxn>
                  <a:cxn ang="T88">
                    <a:pos x="T40" y="T41"/>
                  </a:cxn>
                  <a:cxn ang="T89">
                    <a:pos x="T42" y="T43"/>
                  </a:cxn>
                  <a:cxn ang="T90">
                    <a:pos x="T44" y="T45"/>
                  </a:cxn>
                  <a:cxn ang="T91">
                    <a:pos x="T46" y="T47"/>
                  </a:cxn>
                  <a:cxn ang="T92">
                    <a:pos x="T48" y="T49"/>
                  </a:cxn>
                  <a:cxn ang="T93">
                    <a:pos x="T50" y="T51"/>
                  </a:cxn>
                  <a:cxn ang="T94">
                    <a:pos x="T52" y="T53"/>
                  </a:cxn>
                  <a:cxn ang="T95">
                    <a:pos x="T54" y="T55"/>
                  </a:cxn>
                  <a:cxn ang="T96">
                    <a:pos x="T56" y="T57"/>
                  </a:cxn>
                  <a:cxn ang="T97">
                    <a:pos x="T58" y="T59"/>
                  </a:cxn>
                  <a:cxn ang="T98">
                    <a:pos x="T60" y="T61"/>
                  </a:cxn>
                  <a:cxn ang="T99">
                    <a:pos x="T62" y="T63"/>
                  </a:cxn>
                  <a:cxn ang="T100">
                    <a:pos x="T64" y="T65"/>
                  </a:cxn>
                  <a:cxn ang="T101">
                    <a:pos x="T66" y="T67"/>
                  </a:cxn>
                </a:cxnLst>
                <a:rect l="T102" t="T103" r="T104" b="T105"/>
                <a:pathLst>
                  <a:path w="246" h="444">
                    <a:moveTo>
                      <a:pt x="150" y="438"/>
                    </a:moveTo>
                    <a:lnTo>
                      <a:pt x="132" y="414"/>
                    </a:lnTo>
                    <a:lnTo>
                      <a:pt x="126" y="384"/>
                    </a:lnTo>
                    <a:lnTo>
                      <a:pt x="72" y="348"/>
                    </a:lnTo>
                    <a:lnTo>
                      <a:pt x="84" y="294"/>
                    </a:lnTo>
                    <a:lnTo>
                      <a:pt x="66" y="288"/>
                    </a:lnTo>
                    <a:lnTo>
                      <a:pt x="54" y="294"/>
                    </a:lnTo>
                    <a:lnTo>
                      <a:pt x="42" y="264"/>
                    </a:lnTo>
                    <a:lnTo>
                      <a:pt x="18" y="240"/>
                    </a:lnTo>
                    <a:lnTo>
                      <a:pt x="0" y="222"/>
                    </a:lnTo>
                    <a:lnTo>
                      <a:pt x="0" y="168"/>
                    </a:lnTo>
                    <a:lnTo>
                      <a:pt x="18" y="156"/>
                    </a:lnTo>
                    <a:lnTo>
                      <a:pt x="24" y="132"/>
                    </a:lnTo>
                    <a:lnTo>
                      <a:pt x="18" y="96"/>
                    </a:lnTo>
                    <a:lnTo>
                      <a:pt x="54" y="84"/>
                    </a:lnTo>
                    <a:lnTo>
                      <a:pt x="66" y="60"/>
                    </a:lnTo>
                    <a:lnTo>
                      <a:pt x="66" y="42"/>
                    </a:lnTo>
                    <a:lnTo>
                      <a:pt x="36" y="12"/>
                    </a:lnTo>
                    <a:lnTo>
                      <a:pt x="48" y="12"/>
                    </a:lnTo>
                    <a:lnTo>
                      <a:pt x="198" y="0"/>
                    </a:lnTo>
                    <a:lnTo>
                      <a:pt x="222" y="60"/>
                    </a:lnTo>
                    <a:lnTo>
                      <a:pt x="240" y="246"/>
                    </a:lnTo>
                    <a:lnTo>
                      <a:pt x="228" y="264"/>
                    </a:lnTo>
                    <a:lnTo>
                      <a:pt x="246" y="294"/>
                    </a:lnTo>
                    <a:lnTo>
                      <a:pt x="216" y="336"/>
                    </a:lnTo>
                    <a:lnTo>
                      <a:pt x="216" y="366"/>
                    </a:lnTo>
                    <a:lnTo>
                      <a:pt x="210" y="378"/>
                    </a:lnTo>
                    <a:lnTo>
                      <a:pt x="216" y="390"/>
                    </a:lnTo>
                    <a:lnTo>
                      <a:pt x="192" y="402"/>
                    </a:lnTo>
                    <a:lnTo>
                      <a:pt x="198" y="426"/>
                    </a:lnTo>
                    <a:lnTo>
                      <a:pt x="162" y="414"/>
                    </a:lnTo>
                    <a:lnTo>
                      <a:pt x="150" y="432"/>
                    </a:lnTo>
                    <a:lnTo>
                      <a:pt x="150" y="438"/>
                    </a:lnTo>
                    <a:lnTo>
                      <a:pt x="150" y="44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96" name="Freeform 423"/>
              <p:cNvSpPr>
                <a:spLocks noChangeAspect="1"/>
              </p:cNvSpPr>
              <p:nvPr/>
            </p:nvSpPr>
            <p:spPr bwMode="auto">
              <a:xfrm>
                <a:off x="3399" y="1860"/>
                <a:ext cx="186" cy="324"/>
              </a:xfrm>
              <a:custGeom>
                <a:avLst/>
                <a:gdLst>
                  <a:gd name="T0" fmla="*/ 0 w 186"/>
                  <a:gd name="T1" fmla="*/ 324 h 324"/>
                  <a:gd name="T2" fmla="*/ 0 w 186"/>
                  <a:gd name="T3" fmla="*/ 294 h 324"/>
                  <a:gd name="T4" fmla="*/ 30 w 186"/>
                  <a:gd name="T5" fmla="*/ 252 h 324"/>
                  <a:gd name="T6" fmla="*/ 12 w 186"/>
                  <a:gd name="T7" fmla="*/ 222 h 324"/>
                  <a:gd name="T8" fmla="*/ 24 w 186"/>
                  <a:gd name="T9" fmla="*/ 204 h 324"/>
                  <a:gd name="T10" fmla="*/ 6 w 186"/>
                  <a:gd name="T11" fmla="*/ 18 h 324"/>
                  <a:gd name="T12" fmla="*/ 24 w 186"/>
                  <a:gd name="T13" fmla="*/ 24 h 324"/>
                  <a:gd name="T14" fmla="*/ 48 w 186"/>
                  <a:gd name="T15" fmla="*/ 12 h 324"/>
                  <a:gd name="T16" fmla="*/ 162 w 186"/>
                  <a:gd name="T17" fmla="*/ 0 h 324"/>
                  <a:gd name="T18" fmla="*/ 186 w 186"/>
                  <a:gd name="T19" fmla="*/ 204 h 324"/>
                  <a:gd name="T20" fmla="*/ 186 w 186"/>
                  <a:gd name="T21" fmla="*/ 228 h 324"/>
                  <a:gd name="T22" fmla="*/ 150 w 186"/>
                  <a:gd name="T23" fmla="*/ 240 h 324"/>
                  <a:gd name="T24" fmla="*/ 156 w 186"/>
                  <a:gd name="T25" fmla="*/ 252 h 324"/>
                  <a:gd name="T26" fmla="*/ 126 w 186"/>
                  <a:gd name="T27" fmla="*/ 300 h 324"/>
                  <a:gd name="T28" fmla="*/ 108 w 186"/>
                  <a:gd name="T29" fmla="*/ 300 h 324"/>
                  <a:gd name="T30" fmla="*/ 102 w 186"/>
                  <a:gd name="T31" fmla="*/ 288 h 324"/>
                  <a:gd name="T32" fmla="*/ 84 w 186"/>
                  <a:gd name="T33" fmla="*/ 312 h 324"/>
                  <a:gd name="T34" fmla="*/ 72 w 186"/>
                  <a:gd name="T35" fmla="*/ 306 h 324"/>
                  <a:gd name="T36" fmla="*/ 60 w 186"/>
                  <a:gd name="T37" fmla="*/ 324 h 324"/>
                  <a:gd name="T38" fmla="*/ 24 w 186"/>
                  <a:gd name="T39" fmla="*/ 312 h 324"/>
                  <a:gd name="T40" fmla="*/ 24 w 186"/>
                  <a:gd name="T41" fmla="*/ 324 h 324"/>
                  <a:gd name="T42" fmla="*/ 12 w 186"/>
                  <a:gd name="T43" fmla="*/ 318 h 324"/>
                  <a:gd name="T44" fmla="*/ 6 w 186"/>
                  <a:gd name="T45" fmla="*/ 324 h 324"/>
                  <a:gd name="T46" fmla="*/ 0 w 186"/>
                  <a:gd name="T47" fmla="*/ 324 h 324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w 186"/>
                  <a:gd name="T73" fmla="*/ 0 h 324"/>
                  <a:gd name="T74" fmla="*/ 186 w 186"/>
                  <a:gd name="T75" fmla="*/ 324 h 324"/>
                </a:gdLst>
                <a:ahLst/>
                <a:cxnLst>
                  <a:cxn ang="T48">
                    <a:pos x="T0" y="T1"/>
                  </a:cxn>
                  <a:cxn ang="T49">
                    <a:pos x="T2" y="T3"/>
                  </a:cxn>
                  <a:cxn ang="T50">
                    <a:pos x="T4" y="T5"/>
                  </a:cxn>
                  <a:cxn ang="T51">
                    <a:pos x="T6" y="T7"/>
                  </a:cxn>
                  <a:cxn ang="T52">
                    <a:pos x="T8" y="T9"/>
                  </a:cxn>
                  <a:cxn ang="T53">
                    <a:pos x="T10" y="T11"/>
                  </a:cxn>
                  <a:cxn ang="T54">
                    <a:pos x="T12" y="T13"/>
                  </a:cxn>
                  <a:cxn ang="T55">
                    <a:pos x="T14" y="T15"/>
                  </a:cxn>
                  <a:cxn ang="T56">
                    <a:pos x="T16" y="T17"/>
                  </a:cxn>
                  <a:cxn ang="T57">
                    <a:pos x="T18" y="T19"/>
                  </a:cxn>
                  <a:cxn ang="T58">
                    <a:pos x="T20" y="T21"/>
                  </a:cxn>
                  <a:cxn ang="T59">
                    <a:pos x="T22" y="T23"/>
                  </a:cxn>
                  <a:cxn ang="T60">
                    <a:pos x="T24" y="T25"/>
                  </a:cxn>
                  <a:cxn ang="T61">
                    <a:pos x="T26" y="T27"/>
                  </a:cxn>
                  <a:cxn ang="T62">
                    <a:pos x="T28" y="T29"/>
                  </a:cxn>
                  <a:cxn ang="T63">
                    <a:pos x="T30" y="T31"/>
                  </a:cxn>
                  <a:cxn ang="T64">
                    <a:pos x="T32" y="T33"/>
                  </a:cxn>
                  <a:cxn ang="T65">
                    <a:pos x="T34" y="T35"/>
                  </a:cxn>
                  <a:cxn ang="T66">
                    <a:pos x="T36" y="T37"/>
                  </a:cxn>
                  <a:cxn ang="T67">
                    <a:pos x="T38" y="T39"/>
                  </a:cxn>
                  <a:cxn ang="T68">
                    <a:pos x="T40" y="T41"/>
                  </a:cxn>
                  <a:cxn ang="T69">
                    <a:pos x="T42" y="T43"/>
                  </a:cxn>
                  <a:cxn ang="T70">
                    <a:pos x="T44" y="T45"/>
                  </a:cxn>
                  <a:cxn ang="T71">
                    <a:pos x="T46" y="T47"/>
                  </a:cxn>
                </a:cxnLst>
                <a:rect l="T72" t="T73" r="T74" b="T75"/>
                <a:pathLst>
                  <a:path w="186" h="324">
                    <a:moveTo>
                      <a:pt x="0" y="324"/>
                    </a:moveTo>
                    <a:lnTo>
                      <a:pt x="0" y="294"/>
                    </a:lnTo>
                    <a:lnTo>
                      <a:pt x="30" y="252"/>
                    </a:lnTo>
                    <a:lnTo>
                      <a:pt x="12" y="222"/>
                    </a:lnTo>
                    <a:lnTo>
                      <a:pt x="24" y="204"/>
                    </a:lnTo>
                    <a:lnTo>
                      <a:pt x="6" y="18"/>
                    </a:lnTo>
                    <a:lnTo>
                      <a:pt x="24" y="24"/>
                    </a:lnTo>
                    <a:lnTo>
                      <a:pt x="48" y="12"/>
                    </a:lnTo>
                    <a:lnTo>
                      <a:pt x="162" y="0"/>
                    </a:lnTo>
                    <a:lnTo>
                      <a:pt x="186" y="204"/>
                    </a:lnTo>
                    <a:lnTo>
                      <a:pt x="186" y="228"/>
                    </a:lnTo>
                    <a:lnTo>
                      <a:pt x="150" y="240"/>
                    </a:lnTo>
                    <a:lnTo>
                      <a:pt x="156" y="252"/>
                    </a:lnTo>
                    <a:lnTo>
                      <a:pt x="126" y="300"/>
                    </a:lnTo>
                    <a:lnTo>
                      <a:pt x="108" y="300"/>
                    </a:lnTo>
                    <a:lnTo>
                      <a:pt x="102" y="288"/>
                    </a:lnTo>
                    <a:lnTo>
                      <a:pt x="84" y="312"/>
                    </a:lnTo>
                    <a:lnTo>
                      <a:pt x="72" y="306"/>
                    </a:lnTo>
                    <a:lnTo>
                      <a:pt x="60" y="324"/>
                    </a:lnTo>
                    <a:lnTo>
                      <a:pt x="24" y="312"/>
                    </a:lnTo>
                    <a:lnTo>
                      <a:pt x="24" y="324"/>
                    </a:lnTo>
                    <a:lnTo>
                      <a:pt x="12" y="318"/>
                    </a:lnTo>
                    <a:lnTo>
                      <a:pt x="6" y="324"/>
                    </a:lnTo>
                    <a:lnTo>
                      <a:pt x="0" y="32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97" name="Freeform 424"/>
              <p:cNvSpPr>
                <a:spLocks noChangeAspect="1"/>
              </p:cNvSpPr>
              <p:nvPr/>
            </p:nvSpPr>
            <p:spPr bwMode="auto">
              <a:xfrm>
                <a:off x="3399" y="1860"/>
                <a:ext cx="186" cy="330"/>
              </a:xfrm>
              <a:custGeom>
                <a:avLst/>
                <a:gdLst>
                  <a:gd name="T0" fmla="*/ 0 w 186"/>
                  <a:gd name="T1" fmla="*/ 324 h 330"/>
                  <a:gd name="T2" fmla="*/ 0 w 186"/>
                  <a:gd name="T3" fmla="*/ 294 h 330"/>
                  <a:gd name="T4" fmla="*/ 30 w 186"/>
                  <a:gd name="T5" fmla="*/ 252 h 330"/>
                  <a:gd name="T6" fmla="*/ 12 w 186"/>
                  <a:gd name="T7" fmla="*/ 222 h 330"/>
                  <a:gd name="T8" fmla="*/ 24 w 186"/>
                  <a:gd name="T9" fmla="*/ 204 h 330"/>
                  <a:gd name="T10" fmla="*/ 6 w 186"/>
                  <a:gd name="T11" fmla="*/ 18 h 330"/>
                  <a:gd name="T12" fmla="*/ 24 w 186"/>
                  <a:gd name="T13" fmla="*/ 24 h 330"/>
                  <a:gd name="T14" fmla="*/ 48 w 186"/>
                  <a:gd name="T15" fmla="*/ 12 h 330"/>
                  <a:gd name="T16" fmla="*/ 162 w 186"/>
                  <a:gd name="T17" fmla="*/ 0 h 330"/>
                  <a:gd name="T18" fmla="*/ 186 w 186"/>
                  <a:gd name="T19" fmla="*/ 204 h 330"/>
                  <a:gd name="T20" fmla="*/ 186 w 186"/>
                  <a:gd name="T21" fmla="*/ 228 h 330"/>
                  <a:gd name="T22" fmla="*/ 150 w 186"/>
                  <a:gd name="T23" fmla="*/ 240 h 330"/>
                  <a:gd name="T24" fmla="*/ 156 w 186"/>
                  <a:gd name="T25" fmla="*/ 252 h 330"/>
                  <a:gd name="T26" fmla="*/ 126 w 186"/>
                  <a:gd name="T27" fmla="*/ 300 h 330"/>
                  <a:gd name="T28" fmla="*/ 108 w 186"/>
                  <a:gd name="T29" fmla="*/ 300 h 330"/>
                  <a:gd name="T30" fmla="*/ 102 w 186"/>
                  <a:gd name="T31" fmla="*/ 288 h 330"/>
                  <a:gd name="T32" fmla="*/ 84 w 186"/>
                  <a:gd name="T33" fmla="*/ 312 h 330"/>
                  <a:gd name="T34" fmla="*/ 72 w 186"/>
                  <a:gd name="T35" fmla="*/ 306 h 330"/>
                  <a:gd name="T36" fmla="*/ 60 w 186"/>
                  <a:gd name="T37" fmla="*/ 324 h 330"/>
                  <a:gd name="T38" fmla="*/ 24 w 186"/>
                  <a:gd name="T39" fmla="*/ 312 h 330"/>
                  <a:gd name="T40" fmla="*/ 24 w 186"/>
                  <a:gd name="T41" fmla="*/ 324 h 330"/>
                  <a:gd name="T42" fmla="*/ 12 w 186"/>
                  <a:gd name="T43" fmla="*/ 318 h 330"/>
                  <a:gd name="T44" fmla="*/ 6 w 186"/>
                  <a:gd name="T45" fmla="*/ 324 h 330"/>
                  <a:gd name="T46" fmla="*/ 0 w 186"/>
                  <a:gd name="T47" fmla="*/ 324 h 330"/>
                  <a:gd name="T48" fmla="*/ 0 w 186"/>
                  <a:gd name="T49" fmla="*/ 330 h 330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w 186"/>
                  <a:gd name="T76" fmla="*/ 0 h 330"/>
                  <a:gd name="T77" fmla="*/ 186 w 186"/>
                  <a:gd name="T78" fmla="*/ 330 h 330"/>
                </a:gdLst>
                <a:ahLst/>
                <a:cxnLst>
                  <a:cxn ang="T50">
                    <a:pos x="T0" y="T1"/>
                  </a:cxn>
                  <a:cxn ang="T51">
                    <a:pos x="T2" y="T3"/>
                  </a:cxn>
                  <a:cxn ang="T52">
                    <a:pos x="T4" y="T5"/>
                  </a:cxn>
                  <a:cxn ang="T53">
                    <a:pos x="T6" y="T7"/>
                  </a:cxn>
                  <a:cxn ang="T54">
                    <a:pos x="T8" y="T9"/>
                  </a:cxn>
                  <a:cxn ang="T55">
                    <a:pos x="T10" y="T11"/>
                  </a:cxn>
                  <a:cxn ang="T56">
                    <a:pos x="T12" y="T13"/>
                  </a:cxn>
                  <a:cxn ang="T57">
                    <a:pos x="T14" y="T15"/>
                  </a:cxn>
                  <a:cxn ang="T58">
                    <a:pos x="T16" y="T17"/>
                  </a:cxn>
                  <a:cxn ang="T59">
                    <a:pos x="T18" y="T19"/>
                  </a:cxn>
                  <a:cxn ang="T60">
                    <a:pos x="T20" y="T21"/>
                  </a:cxn>
                  <a:cxn ang="T61">
                    <a:pos x="T22" y="T23"/>
                  </a:cxn>
                  <a:cxn ang="T62">
                    <a:pos x="T24" y="T25"/>
                  </a:cxn>
                  <a:cxn ang="T63">
                    <a:pos x="T26" y="T27"/>
                  </a:cxn>
                  <a:cxn ang="T64">
                    <a:pos x="T28" y="T29"/>
                  </a:cxn>
                  <a:cxn ang="T65">
                    <a:pos x="T30" y="T31"/>
                  </a:cxn>
                  <a:cxn ang="T66">
                    <a:pos x="T32" y="T33"/>
                  </a:cxn>
                  <a:cxn ang="T67">
                    <a:pos x="T34" y="T35"/>
                  </a:cxn>
                  <a:cxn ang="T68">
                    <a:pos x="T36" y="T37"/>
                  </a:cxn>
                  <a:cxn ang="T69">
                    <a:pos x="T38" y="T39"/>
                  </a:cxn>
                  <a:cxn ang="T70">
                    <a:pos x="T40" y="T41"/>
                  </a:cxn>
                  <a:cxn ang="T71">
                    <a:pos x="T42" y="T43"/>
                  </a:cxn>
                  <a:cxn ang="T72">
                    <a:pos x="T44" y="T45"/>
                  </a:cxn>
                  <a:cxn ang="T73">
                    <a:pos x="T46" y="T47"/>
                  </a:cxn>
                  <a:cxn ang="T74">
                    <a:pos x="T48" y="T49"/>
                  </a:cxn>
                </a:cxnLst>
                <a:rect l="T75" t="T76" r="T77" b="T78"/>
                <a:pathLst>
                  <a:path w="186" h="330">
                    <a:moveTo>
                      <a:pt x="0" y="324"/>
                    </a:moveTo>
                    <a:lnTo>
                      <a:pt x="0" y="294"/>
                    </a:lnTo>
                    <a:lnTo>
                      <a:pt x="30" y="252"/>
                    </a:lnTo>
                    <a:lnTo>
                      <a:pt x="12" y="222"/>
                    </a:lnTo>
                    <a:lnTo>
                      <a:pt x="24" y="204"/>
                    </a:lnTo>
                    <a:lnTo>
                      <a:pt x="6" y="18"/>
                    </a:lnTo>
                    <a:lnTo>
                      <a:pt x="24" y="24"/>
                    </a:lnTo>
                    <a:lnTo>
                      <a:pt x="48" y="12"/>
                    </a:lnTo>
                    <a:lnTo>
                      <a:pt x="162" y="0"/>
                    </a:lnTo>
                    <a:lnTo>
                      <a:pt x="186" y="204"/>
                    </a:lnTo>
                    <a:lnTo>
                      <a:pt x="186" y="228"/>
                    </a:lnTo>
                    <a:lnTo>
                      <a:pt x="150" y="240"/>
                    </a:lnTo>
                    <a:lnTo>
                      <a:pt x="156" y="252"/>
                    </a:lnTo>
                    <a:lnTo>
                      <a:pt x="126" y="300"/>
                    </a:lnTo>
                    <a:lnTo>
                      <a:pt x="108" y="300"/>
                    </a:lnTo>
                    <a:lnTo>
                      <a:pt x="102" y="288"/>
                    </a:lnTo>
                    <a:lnTo>
                      <a:pt x="84" y="312"/>
                    </a:lnTo>
                    <a:lnTo>
                      <a:pt x="72" y="306"/>
                    </a:lnTo>
                    <a:lnTo>
                      <a:pt x="60" y="324"/>
                    </a:lnTo>
                    <a:lnTo>
                      <a:pt x="24" y="312"/>
                    </a:lnTo>
                    <a:lnTo>
                      <a:pt x="24" y="324"/>
                    </a:lnTo>
                    <a:lnTo>
                      <a:pt x="12" y="318"/>
                    </a:lnTo>
                    <a:lnTo>
                      <a:pt x="6" y="324"/>
                    </a:lnTo>
                    <a:lnTo>
                      <a:pt x="0" y="324"/>
                    </a:lnTo>
                    <a:lnTo>
                      <a:pt x="0" y="33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98" name="Freeform 425"/>
              <p:cNvSpPr>
                <a:spLocks noChangeAspect="1"/>
              </p:cNvSpPr>
              <p:nvPr/>
            </p:nvSpPr>
            <p:spPr bwMode="auto">
              <a:xfrm>
                <a:off x="2877" y="1752"/>
                <a:ext cx="372" cy="246"/>
              </a:xfrm>
              <a:custGeom>
                <a:avLst/>
                <a:gdLst>
                  <a:gd name="T0" fmla="*/ 306 w 372"/>
                  <a:gd name="T1" fmla="*/ 246 h 246"/>
                  <a:gd name="T2" fmla="*/ 288 w 372"/>
                  <a:gd name="T3" fmla="*/ 228 h 246"/>
                  <a:gd name="T4" fmla="*/ 54 w 372"/>
                  <a:gd name="T5" fmla="*/ 234 h 246"/>
                  <a:gd name="T6" fmla="*/ 42 w 372"/>
                  <a:gd name="T7" fmla="*/ 180 h 246"/>
                  <a:gd name="T8" fmla="*/ 12 w 372"/>
                  <a:gd name="T9" fmla="*/ 90 h 246"/>
                  <a:gd name="T10" fmla="*/ 0 w 372"/>
                  <a:gd name="T11" fmla="*/ 66 h 246"/>
                  <a:gd name="T12" fmla="*/ 12 w 372"/>
                  <a:gd name="T13" fmla="*/ 36 h 246"/>
                  <a:gd name="T14" fmla="*/ 6 w 372"/>
                  <a:gd name="T15" fmla="*/ 12 h 246"/>
                  <a:gd name="T16" fmla="*/ 12 w 372"/>
                  <a:gd name="T17" fmla="*/ 6 h 246"/>
                  <a:gd name="T18" fmla="*/ 306 w 372"/>
                  <a:gd name="T19" fmla="*/ 0 h 246"/>
                  <a:gd name="T20" fmla="*/ 318 w 372"/>
                  <a:gd name="T21" fmla="*/ 18 h 246"/>
                  <a:gd name="T22" fmla="*/ 312 w 372"/>
                  <a:gd name="T23" fmla="*/ 36 h 246"/>
                  <a:gd name="T24" fmla="*/ 318 w 372"/>
                  <a:gd name="T25" fmla="*/ 60 h 246"/>
                  <a:gd name="T26" fmla="*/ 342 w 372"/>
                  <a:gd name="T27" fmla="*/ 78 h 246"/>
                  <a:gd name="T28" fmla="*/ 372 w 372"/>
                  <a:gd name="T29" fmla="*/ 108 h 246"/>
                  <a:gd name="T30" fmla="*/ 372 w 372"/>
                  <a:gd name="T31" fmla="*/ 126 h 246"/>
                  <a:gd name="T32" fmla="*/ 360 w 372"/>
                  <a:gd name="T33" fmla="*/ 150 h 246"/>
                  <a:gd name="T34" fmla="*/ 324 w 372"/>
                  <a:gd name="T35" fmla="*/ 162 h 246"/>
                  <a:gd name="T36" fmla="*/ 330 w 372"/>
                  <a:gd name="T37" fmla="*/ 198 h 246"/>
                  <a:gd name="T38" fmla="*/ 324 w 372"/>
                  <a:gd name="T39" fmla="*/ 222 h 246"/>
                  <a:gd name="T40" fmla="*/ 306 w 372"/>
                  <a:gd name="T41" fmla="*/ 234 h 246"/>
                  <a:gd name="T42" fmla="*/ 306 w 372"/>
                  <a:gd name="T43" fmla="*/ 246 h 24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372"/>
                  <a:gd name="T67" fmla="*/ 0 h 246"/>
                  <a:gd name="T68" fmla="*/ 372 w 372"/>
                  <a:gd name="T69" fmla="*/ 246 h 246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372" h="246">
                    <a:moveTo>
                      <a:pt x="306" y="246"/>
                    </a:moveTo>
                    <a:lnTo>
                      <a:pt x="288" y="228"/>
                    </a:lnTo>
                    <a:lnTo>
                      <a:pt x="54" y="234"/>
                    </a:lnTo>
                    <a:lnTo>
                      <a:pt x="42" y="180"/>
                    </a:lnTo>
                    <a:lnTo>
                      <a:pt x="12" y="90"/>
                    </a:lnTo>
                    <a:lnTo>
                      <a:pt x="0" y="66"/>
                    </a:lnTo>
                    <a:lnTo>
                      <a:pt x="12" y="36"/>
                    </a:lnTo>
                    <a:lnTo>
                      <a:pt x="6" y="12"/>
                    </a:lnTo>
                    <a:lnTo>
                      <a:pt x="12" y="6"/>
                    </a:lnTo>
                    <a:lnTo>
                      <a:pt x="306" y="0"/>
                    </a:lnTo>
                    <a:lnTo>
                      <a:pt x="318" y="18"/>
                    </a:lnTo>
                    <a:lnTo>
                      <a:pt x="312" y="36"/>
                    </a:lnTo>
                    <a:lnTo>
                      <a:pt x="318" y="60"/>
                    </a:lnTo>
                    <a:lnTo>
                      <a:pt x="342" y="78"/>
                    </a:lnTo>
                    <a:lnTo>
                      <a:pt x="372" y="108"/>
                    </a:lnTo>
                    <a:lnTo>
                      <a:pt x="372" y="126"/>
                    </a:lnTo>
                    <a:lnTo>
                      <a:pt x="360" y="150"/>
                    </a:lnTo>
                    <a:lnTo>
                      <a:pt x="324" y="162"/>
                    </a:lnTo>
                    <a:lnTo>
                      <a:pt x="330" y="198"/>
                    </a:lnTo>
                    <a:lnTo>
                      <a:pt x="324" y="222"/>
                    </a:lnTo>
                    <a:lnTo>
                      <a:pt x="306" y="234"/>
                    </a:lnTo>
                    <a:lnTo>
                      <a:pt x="306" y="246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799" name="Freeform 426"/>
              <p:cNvSpPr>
                <a:spLocks noChangeAspect="1"/>
              </p:cNvSpPr>
              <p:nvPr/>
            </p:nvSpPr>
            <p:spPr bwMode="auto">
              <a:xfrm>
                <a:off x="2877" y="1752"/>
                <a:ext cx="372" cy="252"/>
              </a:xfrm>
              <a:custGeom>
                <a:avLst/>
                <a:gdLst>
                  <a:gd name="T0" fmla="*/ 306 w 372"/>
                  <a:gd name="T1" fmla="*/ 246 h 252"/>
                  <a:gd name="T2" fmla="*/ 288 w 372"/>
                  <a:gd name="T3" fmla="*/ 228 h 252"/>
                  <a:gd name="T4" fmla="*/ 54 w 372"/>
                  <a:gd name="T5" fmla="*/ 234 h 252"/>
                  <a:gd name="T6" fmla="*/ 42 w 372"/>
                  <a:gd name="T7" fmla="*/ 180 h 252"/>
                  <a:gd name="T8" fmla="*/ 12 w 372"/>
                  <a:gd name="T9" fmla="*/ 90 h 252"/>
                  <a:gd name="T10" fmla="*/ 0 w 372"/>
                  <a:gd name="T11" fmla="*/ 66 h 252"/>
                  <a:gd name="T12" fmla="*/ 12 w 372"/>
                  <a:gd name="T13" fmla="*/ 36 h 252"/>
                  <a:gd name="T14" fmla="*/ 6 w 372"/>
                  <a:gd name="T15" fmla="*/ 12 h 252"/>
                  <a:gd name="T16" fmla="*/ 12 w 372"/>
                  <a:gd name="T17" fmla="*/ 6 h 252"/>
                  <a:gd name="T18" fmla="*/ 306 w 372"/>
                  <a:gd name="T19" fmla="*/ 0 h 252"/>
                  <a:gd name="T20" fmla="*/ 318 w 372"/>
                  <a:gd name="T21" fmla="*/ 18 h 252"/>
                  <a:gd name="T22" fmla="*/ 312 w 372"/>
                  <a:gd name="T23" fmla="*/ 36 h 252"/>
                  <a:gd name="T24" fmla="*/ 318 w 372"/>
                  <a:gd name="T25" fmla="*/ 60 h 252"/>
                  <a:gd name="T26" fmla="*/ 342 w 372"/>
                  <a:gd name="T27" fmla="*/ 78 h 252"/>
                  <a:gd name="T28" fmla="*/ 372 w 372"/>
                  <a:gd name="T29" fmla="*/ 108 h 252"/>
                  <a:gd name="T30" fmla="*/ 372 w 372"/>
                  <a:gd name="T31" fmla="*/ 126 h 252"/>
                  <a:gd name="T32" fmla="*/ 360 w 372"/>
                  <a:gd name="T33" fmla="*/ 150 h 252"/>
                  <a:gd name="T34" fmla="*/ 324 w 372"/>
                  <a:gd name="T35" fmla="*/ 162 h 252"/>
                  <a:gd name="T36" fmla="*/ 330 w 372"/>
                  <a:gd name="T37" fmla="*/ 198 h 252"/>
                  <a:gd name="T38" fmla="*/ 324 w 372"/>
                  <a:gd name="T39" fmla="*/ 222 h 252"/>
                  <a:gd name="T40" fmla="*/ 306 w 372"/>
                  <a:gd name="T41" fmla="*/ 234 h 252"/>
                  <a:gd name="T42" fmla="*/ 306 w 372"/>
                  <a:gd name="T43" fmla="*/ 246 h 252"/>
                  <a:gd name="T44" fmla="*/ 306 w 372"/>
                  <a:gd name="T45" fmla="*/ 252 h 252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372"/>
                  <a:gd name="T70" fmla="*/ 0 h 252"/>
                  <a:gd name="T71" fmla="*/ 372 w 372"/>
                  <a:gd name="T72" fmla="*/ 252 h 252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372" h="252">
                    <a:moveTo>
                      <a:pt x="306" y="246"/>
                    </a:moveTo>
                    <a:lnTo>
                      <a:pt x="288" y="228"/>
                    </a:lnTo>
                    <a:lnTo>
                      <a:pt x="54" y="234"/>
                    </a:lnTo>
                    <a:lnTo>
                      <a:pt x="42" y="180"/>
                    </a:lnTo>
                    <a:lnTo>
                      <a:pt x="12" y="90"/>
                    </a:lnTo>
                    <a:lnTo>
                      <a:pt x="0" y="66"/>
                    </a:lnTo>
                    <a:lnTo>
                      <a:pt x="12" y="36"/>
                    </a:lnTo>
                    <a:lnTo>
                      <a:pt x="6" y="12"/>
                    </a:lnTo>
                    <a:lnTo>
                      <a:pt x="12" y="6"/>
                    </a:lnTo>
                    <a:lnTo>
                      <a:pt x="306" y="0"/>
                    </a:lnTo>
                    <a:lnTo>
                      <a:pt x="318" y="18"/>
                    </a:lnTo>
                    <a:lnTo>
                      <a:pt x="312" y="36"/>
                    </a:lnTo>
                    <a:lnTo>
                      <a:pt x="318" y="60"/>
                    </a:lnTo>
                    <a:lnTo>
                      <a:pt x="342" y="78"/>
                    </a:lnTo>
                    <a:lnTo>
                      <a:pt x="372" y="108"/>
                    </a:lnTo>
                    <a:lnTo>
                      <a:pt x="372" y="126"/>
                    </a:lnTo>
                    <a:lnTo>
                      <a:pt x="360" y="150"/>
                    </a:lnTo>
                    <a:lnTo>
                      <a:pt x="324" y="162"/>
                    </a:lnTo>
                    <a:lnTo>
                      <a:pt x="330" y="198"/>
                    </a:lnTo>
                    <a:lnTo>
                      <a:pt x="324" y="222"/>
                    </a:lnTo>
                    <a:lnTo>
                      <a:pt x="306" y="234"/>
                    </a:lnTo>
                    <a:lnTo>
                      <a:pt x="306" y="246"/>
                    </a:lnTo>
                    <a:lnTo>
                      <a:pt x="306" y="25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00" name="Freeform 427"/>
              <p:cNvSpPr>
                <a:spLocks noChangeAspect="1"/>
              </p:cNvSpPr>
              <p:nvPr/>
            </p:nvSpPr>
            <p:spPr bwMode="auto">
              <a:xfrm>
                <a:off x="2541" y="2022"/>
                <a:ext cx="456" cy="246"/>
              </a:xfrm>
              <a:custGeom>
                <a:avLst/>
                <a:gdLst>
                  <a:gd name="T0" fmla="*/ 414 w 456"/>
                  <a:gd name="T1" fmla="*/ 12 h 246"/>
                  <a:gd name="T2" fmla="*/ 438 w 456"/>
                  <a:gd name="T3" fmla="*/ 24 h 246"/>
                  <a:gd name="T4" fmla="*/ 426 w 456"/>
                  <a:gd name="T5" fmla="*/ 48 h 246"/>
                  <a:gd name="T6" fmla="*/ 456 w 456"/>
                  <a:gd name="T7" fmla="*/ 78 h 246"/>
                  <a:gd name="T8" fmla="*/ 456 w 456"/>
                  <a:gd name="T9" fmla="*/ 246 h 246"/>
                  <a:gd name="T10" fmla="*/ 0 w 456"/>
                  <a:gd name="T11" fmla="*/ 234 h 246"/>
                  <a:gd name="T12" fmla="*/ 12 w 456"/>
                  <a:gd name="T13" fmla="*/ 0 h 246"/>
                  <a:gd name="T14" fmla="*/ 414 w 456"/>
                  <a:gd name="T15" fmla="*/ 12 h 24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456"/>
                  <a:gd name="T25" fmla="*/ 0 h 246"/>
                  <a:gd name="T26" fmla="*/ 456 w 456"/>
                  <a:gd name="T27" fmla="*/ 246 h 246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456" h="246">
                    <a:moveTo>
                      <a:pt x="414" y="12"/>
                    </a:moveTo>
                    <a:lnTo>
                      <a:pt x="438" y="24"/>
                    </a:lnTo>
                    <a:lnTo>
                      <a:pt x="426" y="48"/>
                    </a:lnTo>
                    <a:lnTo>
                      <a:pt x="456" y="78"/>
                    </a:lnTo>
                    <a:lnTo>
                      <a:pt x="456" y="246"/>
                    </a:lnTo>
                    <a:lnTo>
                      <a:pt x="0" y="234"/>
                    </a:lnTo>
                    <a:lnTo>
                      <a:pt x="12" y="0"/>
                    </a:lnTo>
                    <a:lnTo>
                      <a:pt x="414" y="1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01" name="Freeform 428"/>
              <p:cNvSpPr>
                <a:spLocks noChangeAspect="1"/>
              </p:cNvSpPr>
              <p:nvPr/>
            </p:nvSpPr>
            <p:spPr bwMode="auto">
              <a:xfrm>
                <a:off x="2541" y="2022"/>
                <a:ext cx="456" cy="246"/>
              </a:xfrm>
              <a:custGeom>
                <a:avLst/>
                <a:gdLst>
                  <a:gd name="T0" fmla="*/ 414 w 456"/>
                  <a:gd name="T1" fmla="*/ 12 h 246"/>
                  <a:gd name="T2" fmla="*/ 438 w 456"/>
                  <a:gd name="T3" fmla="*/ 24 h 246"/>
                  <a:gd name="T4" fmla="*/ 426 w 456"/>
                  <a:gd name="T5" fmla="*/ 48 h 246"/>
                  <a:gd name="T6" fmla="*/ 456 w 456"/>
                  <a:gd name="T7" fmla="*/ 78 h 246"/>
                  <a:gd name="T8" fmla="*/ 456 w 456"/>
                  <a:gd name="T9" fmla="*/ 246 h 246"/>
                  <a:gd name="T10" fmla="*/ 0 w 456"/>
                  <a:gd name="T11" fmla="*/ 234 h 246"/>
                  <a:gd name="T12" fmla="*/ 12 w 456"/>
                  <a:gd name="T13" fmla="*/ 0 h 246"/>
                  <a:gd name="T14" fmla="*/ 414 w 456"/>
                  <a:gd name="T15" fmla="*/ 12 h 246"/>
                  <a:gd name="T16" fmla="*/ 414 w 456"/>
                  <a:gd name="T17" fmla="*/ 18 h 24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456"/>
                  <a:gd name="T28" fmla="*/ 0 h 246"/>
                  <a:gd name="T29" fmla="*/ 456 w 456"/>
                  <a:gd name="T30" fmla="*/ 246 h 246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456" h="246">
                    <a:moveTo>
                      <a:pt x="414" y="12"/>
                    </a:moveTo>
                    <a:lnTo>
                      <a:pt x="438" y="24"/>
                    </a:lnTo>
                    <a:lnTo>
                      <a:pt x="426" y="48"/>
                    </a:lnTo>
                    <a:lnTo>
                      <a:pt x="456" y="78"/>
                    </a:lnTo>
                    <a:lnTo>
                      <a:pt x="456" y="246"/>
                    </a:lnTo>
                    <a:lnTo>
                      <a:pt x="0" y="234"/>
                    </a:lnTo>
                    <a:lnTo>
                      <a:pt x="12" y="0"/>
                    </a:lnTo>
                    <a:lnTo>
                      <a:pt x="414" y="12"/>
                    </a:lnTo>
                    <a:lnTo>
                      <a:pt x="414" y="1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02" name="Freeform 429"/>
              <p:cNvSpPr>
                <a:spLocks noChangeAspect="1"/>
              </p:cNvSpPr>
              <p:nvPr/>
            </p:nvSpPr>
            <p:spPr bwMode="auto">
              <a:xfrm>
                <a:off x="3321" y="2064"/>
                <a:ext cx="450" cy="228"/>
              </a:xfrm>
              <a:custGeom>
                <a:avLst/>
                <a:gdLst>
                  <a:gd name="T0" fmla="*/ 360 w 450"/>
                  <a:gd name="T1" fmla="*/ 186 h 228"/>
                  <a:gd name="T2" fmla="*/ 84 w 450"/>
                  <a:gd name="T3" fmla="*/ 210 h 228"/>
                  <a:gd name="T4" fmla="*/ 84 w 450"/>
                  <a:gd name="T5" fmla="*/ 222 h 228"/>
                  <a:gd name="T6" fmla="*/ 0 w 450"/>
                  <a:gd name="T7" fmla="*/ 228 h 228"/>
                  <a:gd name="T8" fmla="*/ 6 w 450"/>
                  <a:gd name="T9" fmla="*/ 222 h 228"/>
                  <a:gd name="T10" fmla="*/ 18 w 450"/>
                  <a:gd name="T11" fmla="*/ 222 h 228"/>
                  <a:gd name="T12" fmla="*/ 12 w 450"/>
                  <a:gd name="T13" fmla="*/ 192 h 228"/>
                  <a:gd name="T14" fmla="*/ 12 w 450"/>
                  <a:gd name="T15" fmla="*/ 186 h 228"/>
                  <a:gd name="T16" fmla="*/ 24 w 450"/>
                  <a:gd name="T17" fmla="*/ 168 h 228"/>
                  <a:gd name="T18" fmla="*/ 60 w 450"/>
                  <a:gd name="T19" fmla="*/ 180 h 228"/>
                  <a:gd name="T20" fmla="*/ 54 w 450"/>
                  <a:gd name="T21" fmla="*/ 156 h 228"/>
                  <a:gd name="T22" fmla="*/ 78 w 450"/>
                  <a:gd name="T23" fmla="*/ 144 h 228"/>
                  <a:gd name="T24" fmla="*/ 72 w 450"/>
                  <a:gd name="T25" fmla="*/ 132 h 228"/>
                  <a:gd name="T26" fmla="*/ 78 w 450"/>
                  <a:gd name="T27" fmla="*/ 120 h 228"/>
                  <a:gd name="T28" fmla="*/ 84 w 450"/>
                  <a:gd name="T29" fmla="*/ 120 h 228"/>
                  <a:gd name="T30" fmla="*/ 90 w 450"/>
                  <a:gd name="T31" fmla="*/ 114 h 228"/>
                  <a:gd name="T32" fmla="*/ 102 w 450"/>
                  <a:gd name="T33" fmla="*/ 120 h 228"/>
                  <a:gd name="T34" fmla="*/ 102 w 450"/>
                  <a:gd name="T35" fmla="*/ 108 h 228"/>
                  <a:gd name="T36" fmla="*/ 138 w 450"/>
                  <a:gd name="T37" fmla="*/ 120 h 228"/>
                  <a:gd name="T38" fmla="*/ 150 w 450"/>
                  <a:gd name="T39" fmla="*/ 102 h 228"/>
                  <a:gd name="T40" fmla="*/ 162 w 450"/>
                  <a:gd name="T41" fmla="*/ 108 h 228"/>
                  <a:gd name="T42" fmla="*/ 180 w 450"/>
                  <a:gd name="T43" fmla="*/ 84 h 228"/>
                  <a:gd name="T44" fmla="*/ 186 w 450"/>
                  <a:gd name="T45" fmla="*/ 96 h 228"/>
                  <a:gd name="T46" fmla="*/ 204 w 450"/>
                  <a:gd name="T47" fmla="*/ 96 h 228"/>
                  <a:gd name="T48" fmla="*/ 234 w 450"/>
                  <a:gd name="T49" fmla="*/ 48 h 228"/>
                  <a:gd name="T50" fmla="*/ 228 w 450"/>
                  <a:gd name="T51" fmla="*/ 36 h 228"/>
                  <a:gd name="T52" fmla="*/ 264 w 450"/>
                  <a:gd name="T53" fmla="*/ 24 h 228"/>
                  <a:gd name="T54" fmla="*/ 264 w 450"/>
                  <a:gd name="T55" fmla="*/ 0 h 228"/>
                  <a:gd name="T56" fmla="*/ 288 w 450"/>
                  <a:gd name="T57" fmla="*/ 0 h 228"/>
                  <a:gd name="T58" fmla="*/ 300 w 450"/>
                  <a:gd name="T59" fmla="*/ 18 h 228"/>
                  <a:gd name="T60" fmla="*/ 336 w 450"/>
                  <a:gd name="T61" fmla="*/ 30 h 228"/>
                  <a:gd name="T62" fmla="*/ 384 w 450"/>
                  <a:gd name="T63" fmla="*/ 12 h 228"/>
                  <a:gd name="T64" fmla="*/ 402 w 450"/>
                  <a:gd name="T65" fmla="*/ 36 h 228"/>
                  <a:gd name="T66" fmla="*/ 402 w 450"/>
                  <a:gd name="T67" fmla="*/ 36 h 228"/>
                  <a:gd name="T68" fmla="*/ 414 w 450"/>
                  <a:gd name="T69" fmla="*/ 72 h 228"/>
                  <a:gd name="T70" fmla="*/ 450 w 450"/>
                  <a:gd name="T71" fmla="*/ 102 h 228"/>
                  <a:gd name="T72" fmla="*/ 390 w 450"/>
                  <a:gd name="T73" fmla="*/ 174 h 228"/>
                  <a:gd name="T74" fmla="*/ 360 w 450"/>
                  <a:gd name="T75" fmla="*/ 186 h 228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w 450"/>
                  <a:gd name="T115" fmla="*/ 0 h 228"/>
                  <a:gd name="T116" fmla="*/ 450 w 450"/>
                  <a:gd name="T117" fmla="*/ 228 h 228"/>
                </a:gdLst>
                <a:ahLst/>
                <a:cxnLst>
                  <a:cxn ang="T76">
                    <a:pos x="T0" y="T1"/>
                  </a:cxn>
                  <a:cxn ang="T77">
                    <a:pos x="T2" y="T3"/>
                  </a:cxn>
                  <a:cxn ang="T78">
                    <a:pos x="T4" y="T5"/>
                  </a:cxn>
                  <a:cxn ang="T79">
                    <a:pos x="T6" y="T7"/>
                  </a:cxn>
                  <a:cxn ang="T80">
                    <a:pos x="T8" y="T9"/>
                  </a:cxn>
                  <a:cxn ang="T81">
                    <a:pos x="T10" y="T11"/>
                  </a:cxn>
                  <a:cxn ang="T82">
                    <a:pos x="T12" y="T13"/>
                  </a:cxn>
                  <a:cxn ang="T83">
                    <a:pos x="T14" y="T15"/>
                  </a:cxn>
                  <a:cxn ang="T84">
                    <a:pos x="T16" y="T17"/>
                  </a:cxn>
                  <a:cxn ang="T85">
                    <a:pos x="T18" y="T19"/>
                  </a:cxn>
                  <a:cxn ang="T86">
                    <a:pos x="T20" y="T21"/>
                  </a:cxn>
                  <a:cxn ang="T87">
                    <a:pos x="T22" y="T23"/>
                  </a:cxn>
                  <a:cxn ang="T88">
                    <a:pos x="T24" y="T25"/>
                  </a:cxn>
                  <a:cxn ang="T89">
                    <a:pos x="T26" y="T27"/>
                  </a:cxn>
                  <a:cxn ang="T90">
                    <a:pos x="T28" y="T29"/>
                  </a:cxn>
                  <a:cxn ang="T91">
                    <a:pos x="T30" y="T31"/>
                  </a:cxn>
                  <a:cxn ang="T92">
                    <a:pos x="T32" y="T33"/>
                  </a:cxn>
                  <a:cxn ang="T93">
                    <a:pos x="T34" y="T35"/>
                  </a:cxn>
                  <a:cxn ang="T94">
                    <a:pos x="T36" y="T37"/>
                  </a:cxn>
                  <a:cxn ang="T95">
                    <a:pos x="T38" y="T39"/>
                  </a:cxn>
                  <a:cxn ang="T96">
                    <a:pos x="T40" y="T41"/>
                  </a:cxn>
                  <a:cxn ang="T97">
                    <a:pos x="T42" y="T43"/>
                  </a:cxn>
                  <a:cxn ang="T98">
                    <a:pos x="T44" y="T45"/>
                  </a:cxn>
                  <a:cxn ang="T99">
                    <a:pos x="T46" y="T47"/>
                  </a:cxn>
                  <a:cxn ang="T100">
                    <a:pos x="T48" y="T49"/>
                  </a:cxn>
                  <a:cxn ang="T101">
                    <a:pos x="T50" y="T51"/>
                  </a:cxn>
                  <a:cxn ang="T102">
                    <a:pos x="T52" y="T53"/>
                  </a:cxn>
                  <a:cxn ang="T103">
                    <a:pos x="T54" y="T55"/>
                  </a:cxn>
                  <a:cxn ang="T104">
                    <a:pos x="T56" y="T57"/>
                  </a:cxn>
                  <a:cxn ang="T105">
                    <a:pos x="T58" y="T59"/>
                  </a:cxn>
                  <a:cxn ang="T106">
                    <a:pos x="T60" y="T61"/>
                  </a:cxn>
                  <a:cxn ang="T107">
                    <a:pos x="T62" y="T63"/>
                  </a:cxn>
                  <a:cxn ang="T108">
                    <a:pos x="T64" y="T65"/>
                  </a:cxn>
                  <a:cxn ang="T109">
                    <a:pos x="T66" y="T67"/>
                  </a:cxn>
                  <a:cxn ang="T110">
                    <a:pos x="T68" y="T69"/>
                  </a:cxn>
                  <a:cxn ang="T111">
                    <a:pos x="T70" y="T71"/>
                  </a:cxn>
                  <a:cxn ang="T112">
                    <a:pos x="T72" y="T73"/>
                  </a:cxn>
                  <a:cxn ang="T113">
                    <a:pos x="T74" y="T75"/>
                  </a:cxn>
                </a:cxnLst>
                <a:rect l="T114" t="T115" r="T116" b="T117"/>
                <a:pathLst>
                  <a:path w="450" h="228">
                    <a:moveTo>
                      <a:pt x="360" y="186"/>
                    </a:moveTo>
                    <a:lnTo>
                      <a:pt x="84" y="210"/>
                    </a:lnTo>
                    <a:lnTo>
                      <a:pt x="84" y="222"/>
                    </a:lnTo>
                    <a:lnTo>
                      <a:pt x="0" y="228"/>
                    </a:lnTo>
                    <a:lnTo>
                      <a:pt x="6" y="222"/>
                    </a:lnTo>
                    <a:lnTo>
                      <a:pt x="18" y="222"/>
                    </a:lnTo>
                    <a:lnTo>
                      <a:pt x="12" y="192"/>
                    </a:lnTo>
                    <a:lnTo>
                      <a:pt x="12" y="186"/>
                    </a:lnTo>
                    <a:lnTo>
                      <a:pt x="24" y="168"/>
                    </a:lnTo>
                    <a:lnTo>
                      <a:pt x="60" y="180"/>
                    </a:lnTo>
                    <a:lnTo>
                      <a:pt x="54" y="156"/>
                    </a:lnTo>
                    <a:lnTo>
                      <a:pt x="78" y="144"/>
                    </a:lnTo>
                    <a:lnTo>
                      <a:pt x="72" y="132"/>
                    </a:lnTo>
                    <a:lnTo>
                      <a:pt x="78" y="120"/>
                    </a:lnTo>
                    <a:lnTo>
                      <a:pt x="84" y="120"/>
                    </a:lnTo>
                    <a:lnTo>
                      <a:pt x="90" y="114"/>
                    </a:lnTo>
                    <a:lnTo>
                      <a:pt x="102" y="120"/>
                    </a:lnTo>
                    <a:lnTo>
                      <a:pt x="102" y="108"/>
                    </a:lnTo>
                    <a:lnTo>
                      <a:pt x="138" y="120"/>
                    </a:lnTo>
                    <a:lnTo>
                      <a:pt x="150" y="102"/>
                    </a:lnTo>
                    <a:lnTo>
                      <a:pt x="162" y="108"/>
                    </a:lnTo>
                    <a:lnTo>
                      <a:pt x="180" y="84"/>
                    </a:lnTo>
                    <a:lnTo>
                      <a:pt x="186" y="96"/>
                    </a:lnTo>
                    <a:lnTo>
                      <a:pt x="204" y="96"/>
                    </a:lnTo>
                    <a:lnTo>
                      <a:pt x="234" y="48"/>
                    </a:lnTo>
                    <a:lnTo>
                      <a:pt x="228" y="36"/>
                    </a:lnTo>
                    <a:lnTo>
                      <a:pt x="264" y="24"/>
                    </a:lnTo>
                    <a:lnTo>
                      <a:pt x="264" y="0"/>
                    </a:lnTo>
                    <a:lnTo>
                      <a:pt x="288" y="0"/>
                    </a:lnTo>
                    <a:lnTo>
                      <a:pt x="300" y="18"/>
                    </a:lnTo>
                    <a:lnTo>
                      <a:pt x="336" y="30"/>
                    </a:lnTo>
                    <a:lnTo>
                      <a:pt x="384" y="12"/>
                    </a:lnTo>
                    <a:lnTo>
                      <a:pt x="402" y="36"/>
                    </a:lnTo>
                    <a:lnTo>
                      <a:pt x="414" y="72"/>
                    </a:lnTo>
                    <a:lnTo>
                      <a:pt x="450" y="102"/>
                    </a:lnTo>
                    <a:lnTo>
                      <a:pt x="390" y="174"/>
                    </a:lnTo>
                    <a:lnTo>
                      <a:pt x="360" y="186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03" name="Freeform 430"/>
              <p:cNvSpPr>
                <a:spLocks noChangeAspect="1"/>
              </p:cNvSpPr>
              <p:nvPr/>
            </p:nvSpPr>
            <p:spPr bwMode="auto">
              <a:xfrm>
                <a:off x="3321" y="2064"/>
                <a:ext cx="450" cy="228"/>
              </a:xfrm>
              <a:custGeom>
                <a:avLst/>
                <a:gdLst>
                  <a:gd name="T0" fmla="*/ 360 w 450"/>
                  <a:gd name="T1" fmla="*/ 186 h 228"/>
                  <a:gd name="T2" fmla="*/ 84 w 450"/>
                  <a:gd name="T3" fmla="*/ 210 h 228"/>
                  <a:gd name="T4" fmla="*/ 84 w 450"/>
                  <a:gd name="T5" fmla="*/ 222 h 228"/>
                  <a:gd name="T6" fmla="*/ 0 w 450"/>
                  <a:gd name="T7" fmla="*/ 228 h 228"/>
                  <a:gd name="T8" fmla="*/ 6 w 450"/>
                  <a:gd name="T9" fmla="*/ 222 h 228"/>
                  <a:gd name="T10" fmla="*/ 18 w 450"/>
                  <a:gd name="T11" fmla="*/ 222 h 228"/>
                  <a:gd name="T12" fmla="*/ 12 w 450"/>
                  <a:gd name="T13" fmla="*/ 192 h 228"/>
                  <a:gd name="T14" fmla="*/ 12 w 450"/>
                  <a:gd name="T15" fmla="*/ 186 h 228"/>
                  <a:gd name="T16" fmla="*/ 24 w 450"/>
                  <a:gd name="T17" fmla="*/ 168 h 228"/>
                  <a:gd name="T18" fmla="*/ 60 w 450"/>
                  <a:gd name="T19" fmla="*/ 180 h 228"/>
                  <a:gd name="T20" fmla="*/ 54 w 450"/>
                  <a:gd name="T21" fmla="*/ 156 h 228"/>
                  <a:gd name="T22" fmla="*/ 78 w 450"/>
                  <a:gd name="T23" fmla="*/ 144 h 228"/>
                  <a:gd name="T24" fmla="*/ 72 w 450"/>
                  <a:gd name="T25" fmla="*/ 132 h 228"/>
                  <a:gd name="T26" fmla="*/ 78 w 450"/>
                  <a:gd name="T27" fmla="*/ 120 h 228"/>
                  <a:gd name="T28" fmla="*/ 84 w 450"/>
                  <a:gd name="T29" fmla="*/ 120 h 228"/>
                  <a:gd name="T30" fmla="*/ 90 w 450"/>
                  <a:gd name="T31" fmla="*/ 114 h 228"/>
                  <a:gd name="T32" fmla="*/ 102 w 450"/>
                  <a:gd name="T33" fmla="*/ 120 h 228"/>
                  <a:gd name="T34" fmla="*/ 102 w 450"/>
                  <a:gd name="T35" fmla="*/ 108 h 228"/>
                  <a:gd name="T36" fmla="*/ 138 w 450"/>
                  <a:gd name="T37" fmla="*/ 120 h 228"/>
                  <a:gd name="T38" fmla="*/ 150 w 450"/>
                  <a:gd name="T39" fmla="*/ 102 h 228"/>
                  <a:gd name="T40" fmla="*/ 162 w 450"/>
                  <a:gd name="T41" fmla="*/ 108 h 228"/>
                  <a:gd name="T42" fmla="*/ 180 w 450"/>
                  <a:gd name="T43" fmla="*/ 84 h 228"/>
                  <a:gd name="T44" fmla="*/ 186 w 450"/>
                  <a:gd name="T45" fmla="*/ 96 h 228"/>
                  <a:gd name="T46" fmla="*/ 204 w 450"/>
                  <a:gd name="T47" fmla="*/ 96 h 228"/>
                  <a:gd name="T48" fmla="*/ 234 w 450"/>
                  <a:gd name="T49" fmla="*/ 48 h 228"/>
                  <a:gd name="T50" fmla="*/ 228 w 450"/>
                  <a:gd name="T51" fmla="*/ 36 h 228"/>
                  <a:gd name="T52" fmla="*/ 264 w 450"/>
                  <a:gd name="T53" fmla="*/ 24 h 228"/>
                  <a:gd name="T54" fmla="*/ 264 w 450"/>
                  <a:gd name="T55" fmla="*/ 0 h 228"/>
                  <a:gd name="T56" fmla="*/ 288 w 450"/>
                  <a:gd name="T57" fmla="*/ 0 h 228"/>
                  <a:gd name="T58" fmla="*/ 300 w 450"/>
                  <a:gd name="T59" fmla="*/ 18 h 228"/>
                  <a:gd name="T60" fmla="*/ 336 w 450"/>
                  <a:gd name="T61" fmla="*/ 30 h 228"/>
                  <a:gd name="T62" fmla="*/ 384 w 450"/>
                  <a:gd name="T63" fmla="*/ 12 h 228"/>
                  <a:gd name="T64" fmla="*/ 402 w 450"/>
                  <a:gd name="T65" fmla="*/ 36 h 228"/>
                  <a:gd name="T66" fmla="*/ 408 w 450"/>
                  <a:gd name="T67" fmla="*/ 36 h 228"/>
                  <a:gd name="T68" fmla="*/ 402 w 450"/>
                  <a:gd name="T69" fmla="*/ 36 h 228"/>
                  <a:gd name="T70" fmla="*/ 414 w 450"/>
                  <a:gd name="T71" fmla="*/ 72 h 228"/>
                  <a:gd name="T72" fmla="*/ 450 w 450"/>
                  <a:gd name="T73" fmla="*/ 102 h 228"/>
                  <a:gd name="T74" fmla="*/ 390 w 450"/>
                  <a:gd name="T75" fmla="*/ 174 h 228"/>
                  <a:gd name="T76" fmla="*/ 360 w 450"/>
                  <a:gd name="T77" fmla="*/ 186 h 228"/>
                  <a:gd name="T78" fmla="*/ 360 w 450"/>
                  <a:gd name="T79" fmla="*/ 192 h 228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w 450"/>
                  <a:gd name="T121" fmla="*/ 0 h 228"/>
                  <a:gd name="T122" fmla="*/ 450 w 450"/>
                  <a:gd name="T123" fmla="*/ 228 h 228"/>
                </a:gdLst>
                <a:ahLst/>
                <a:cxnLst>
                  <a:cxn ang="T80">
                    <a:pos x="T0" y="T1"/>
                  </a:cxn>
                  <a:cxn ang="T81">
                    <a:pos x="T2" y="T3"/>
                  </a:cxn>
                  <a:cxn ang="T82">
                    <a:pos x="T4" y="T5"/>
                  </a:cxn>
                  <a:cxn ang="T83">
                    <a:pos x="T6" y="T7"/>
                  </a:cxn>
                  <a:cxn ang="T84">
                    <a:pos x="T8" y="T9"/>
                  </a:cxn>
                  <a:cxn ang="T85">
                    <a:pos x="T10" y="T11"/>
                  </a:cxn>
                  <a:cxn ang="T86">
                    <a:pos x="T12" y="T13"/>
                  </a:cxn>
                  <a:cxn ang="T87">
                    <a:pos x="T14" y="T15"/>
                  </a:cxn>
                  <a:cxn ang="T88">
                    <a:pos x="T16" y="T17"/>
                  </a:cxn>
                  <a:cxn ang="T89">
                    <a:pos x="T18" y="T19"/>
                  </a:cxn>
                  <a:cxn ang="T90">
                    <a:pos x="T20" y="T21"/>
                  </a:cxn>
                  <a:cxn ang="T91">
                    <a:pos x="T22" y="T23"/>
                  </a:cxn>
                  <a:cxn ang="T92">
                    <a:pos x="T24" y="T25"/>
                  </a:cxn>
                  <a:cxn ang="T93">
                    <a:pos x="T26" y="T27"/>
                  </a:cxn>
                  <a:cxn ang="T94">
                    <a:pos x="T28" y="T29"/>
                  </a:cxn>
                  <a:cxn ang="T95">
                    <a:pos x="T30" y="T31"/>
                  </a:cxn>
                  <a:cxn ang="T96">
                    <a:pos x="T32" y="T33"/>
                  </a:cxn>
                  <a:cxn ang="T97">
                    <a:pos x="T34" y="T35"/>
                  </a:cxn>
                  <a:cxn ang="T98">
                    <a:pos x="T36" y="T37"/>
                  </a:cxn>
                  <a:cxn ang="T99">
                    <a:pos x="T38" y="T39"/>
                  </a:cxn>
                  <a:cxn ang="T100">
                    <a:pos x="T40" y="T41"/>
                  </a:cxn>
                  <a:cxn ang="T101">
                    <a:pos x="T42" y="T43"/>
                  </a:cxn>
                  <a:cxn ang="T102">
                    <a:pos x="T44" y="T45"/>
                  </a:cxn>
                  <a:cxn ang="T103">
                    <a:pos x="T46" y="T47"/>
                  </a:cxn>
                  <a:cxn ang="T104">
                    <a:pos x="T48" y="T49"/>
                  </a:cxn>
                  <a:cxn ang="T105">
                    <a:pos x="T50" y="T51"/>
                  </a:cxn>
                  <a:cxn ang="T106">
                    <a:pos x="T52" y="T53"/>
                  </a:cxn>
                  <a:cxn ang="T107">
                    <a:pos x="T54" y="T55"/>
                  </a:cxn>
                  <a:cxn ang="T108">
                    <a:pos x="T56" y="T57"/>
                  </a:cxn>
                  <a:cxn ang="T109">
                    <a:pos x="T58" y="T59"/>
                  </a:cxn>
                  <a:cxn ang="T110">
                    <a:pos x="T60" y="T61"/>
                  </a:cxn>
                  <a:cxn ang="T111">
                    <a:pos x="T62" y="T63"/>
                  </a:cxn>
                  <a:cxn ang="T112">
                    <a:pos x="T64" y="T65"/>
                  </a:cxn>
                  <a:cxn ang="T113">
                    <a:pos x="T66" y="T67"/>
                  </a:cxn>
                  <a:cxn ang="T114">
                    <a:pos x="T68" y="T69"/>
                  </a:cxn>
                  <a:cxn ang="T115">
                    <a:pos x="T70" y="T71"/>
                  </a:cxn>
                  <a:cxn ang="T116">
                    <a:pos x="T72" y="T73"/>
                  </a:cxn>
                  <a:cxn ang="T117">
                    <a:pos x="T74" y="T75"/>
                  </a:cxn>
                  <a:cxn ang="T118">
                    <a:pos x="T76" y="T77"/>
                  </a:cxn>
                  <a:cxn ang="T119">
                    <a:pos x="T78" y="T79"/>
                  </a:cxn>
                </a:cxnLst>
                <a:rect l="T120" t="T121" r="T122" b="T123"/>
                <a:pathLst>
                  <a:path w="450" h="228">
                    <a:moveTo>
                      <a:pt x="360" y="186"/>
                    </a:moveTo>
                    <a:lnTo>
                      <a:pt x="84" y="210"/>
                    </a:lnTo>
                    <a:lnTo>
                      <a:pt x="84" y="222"/>
                    </a:lnTo>
                    <a:lnTo>
                      <a:pt x="0" y="228"/>
                    </a:lnTo>
                    <a:lnTo>
                      <a:pt x="6" y="222"/>
                    </a:lnTo>
                    <a:lnTo>
                      <a:pt x="18" y="222"/>
                    </a:lnTo>
                    <a:lnTo>
                      <a:pt x="12" y="192"/>
                    </a:lnTo>
                    <a:lnTo>
                      <a:pt x="12" y="186"/>
                    </a:lnTo>
                    <a:lnTo>
                      <a:pt x="24" y="168"/>
                    </a:lnTo>
                    <a:lnTo>
                      <a:pt x="60" y="180"/>
                    </a:lnTo>
                    <a:lnTo>
                      <a:pt x="54" y="156"/>
                    </a:lnTo>
                    <a:lnTo>
                      <a:pt x="78" y="144"/>
                    </a:lnTo>
                    <a:lnTo>
                      <a:pt x="72" y="132"/>
                    </a:lnTo>
                    <a:lnTo>
                      <a:pt x="78" y="120"/>
                    </a:lnTo>
                    <a:lnTo>
                      <a:pt x="84" y="120"/>
                    </a:lnTo>
                    <a:lnTo>
                      <a:pt x="90" y="114"/>
                    </a:lnTo>
                    <a:lnTo>
                      <a:pt x="102" y="120"/>
                    </a:lnTo>
                    <a:lnTo>
                      <a:pt x="102" y="108"/>
                    </a:lnTo>
                    <a:lnTo>
                      <a:pt x="138" y="120"/>
                    </a:lnTo>
                    <a:lnTo>
                      <a:pt x="150" y="102"/>
                    </a:lnTo>
                    <a:lnTo>
                      <a:pt x="162" y="108"/>
                    </a:lnTo>
                    <a:lnTo>
                      <a:pt x="180" y="84"/>
                    </a:lnTo>
                    <a:lnTo>
                      <a:pt x="186" y="96"/>
                    </a:lnTo>
                    <a:lnTo>
                      <a:pt x="204" y="96"/>
                    </a:lnTo>
                    <a:lnTo>
                      <a:pt x="234" y="48"/>
                    </a:lnTo>
                    <a:lnTo>
                      <a:pt x="228" y="36"/>
                    </a:lnTo>
                    <a:lnTo>
                      <a:pt x="264" y="24"/>
                    </a:lnTo>
                    <a:lnTo>
                      <a:pt x="264" y="0"/>
                    </a:lnTo>
                    <a:lnTo>
                      <a:pt x="288" y="0"/>
                    </a:lnTo>
                    <a:lnTo>
                      <a:pt x="300" y="18"/>
                    </a:lnTo>
                    <a:lnTo>
                      <a:pt x="336" y="30"/>
                    </a:lnTo>
                    <a:lnTo>
                      <a:pt x="384" y="12"/>
                    </a:lnTo>
                    <a:lnTo>
                      <a:pt x="402" y="36"/>
                    </a:lnTo>
                    <a:lnTo>
                      <a:pt x="408" y="36"/>
                    </a:lnTo>
                    <a:lnTo>
                      <a:pt x="402" y="36"/>
                    </a:lnTo>
                    <a:lnTo>
                      <a:pt x="414" y="72"/>
                    </a:lnTo>
                    <a:lnTo>
                      <a:pt x="450" y="102"/>
                    </a:lnTo>
                    <a:lnTo>
                      <a:pt x="390" y="174"/>
                    </a:lnTo>
                    <a:lnTo>
                      <a:pt x="360" y="186"/>
                    </a:lnTo>
                    <a:lnTo>
                      <a:pt x="360" y="19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04" name="Freeform 431"/>
              <p:cNvSpPr>
                <a:spLocks noChangeAspect="1"/>
              </p:cNvSpPr>
              <p:nvPr/>
            </p:nvSpPr>
            <p:spPr bwMode="auto">
              <a:xfrm>
                <a:off x="3039" y="2574"/>
                <a:ext cx="348" cy="306"/>
              </a:xfrm>
              <a:custGeom>
                <a:avLst/>
                <a:gdLst>
                  <a:gd name="T0" fmla="*/ 306 w 348"/>
                  <a:gd name="T1" fmla="*/ 210 h 306"/>
                  <a:gd name="T2" fmla="*/ 264 w 348"/>
                  <a:gd name="T3" fmla="*/ 198 h 306"/>
                  <a:gd name="T4" fmla="*/ 246 w 348"/>
                  <a:gd name="T5" fmla="*/ 216 h 306"/>
                  <a:gd name="T6" fmla="*/ 270 w 348"/>
                  <a:gd name="T7" fmla="*/ 228 h 306"/>
                  <a:gd name="T8" fmla="*/ 300 w 348"/>
                  <a:gd name="T9" fmla="*/ 216 h 306"/>
                  <a:gd name="T10" fmla="*/ 288 w 348"/>
                  <a:gd name="T11" fmla="*/ 228 h 306"/>
                  <a:gd name="T12" fmla="*/ 306 w 348"/>
                  <a:gd name="T13" fmla="*/ 234 h 306"/>
                  <a:gd name="T14" fmla="*/ 312 w 348"/>
                  <a:gd name="T15" fmla="*/ 222 h 306"/>
                  <a:gd name="T16" fmla="*/ 330 w 348"/>
                  <a:gd name="T17" fmla="*/ 210 h 306"/>
                  <a:gd name="T18" fmla="*/ 336 w 348"/>
                  <a:gd name="T19" fmla="*/ 234 h 306"/>
                  <a:gd name="T20" fmla="*/ 306 w 348"/>
                  <a:gd name="T21" fmla="*/ 258 h 306"/>
                  <a:gd name="T22" fmla="*/ 312 w 348"/>
                  <a:gd name="T23" fmla="*/ 270 h 306"/>
                  <a:gd name="T24" fmla="*/ 348 w 348"/>
                  <a:gd name="T25" fmla="*/ 288 h 306"/>
                  <a:gd name="T26" fmla="*/ 342 w 348"/>
                  <a:gd name="T27" fmla="*/ 300 h 306"/>
                  <a:gd name="T28" fmla="*/ 336 w 348"/>
                  <a:gd name="T29" fmla="*/ 294 h 306"/>
                  <a:gd name="T30" fmla="*/ 324 w 348"/>
                  <a:gd name="T31" fmla="*/ 306 h 306"/>
                  <a:gd name="T32" fmla="*/ 318 w 348"/>
                  <a:gd name="T33" fmla="*/ 282 h 306"/>
                  <a:gd name="T34" fmla="*/ 276 w 348"/>
                  <a:gd name="T35" fmla="*/ 270 h 306"/>
                  <a:gd name="T36" fmla="*/ 282 w 348"/>
                  <a:gd name="T37" fmla="*/ 288 h 306"/>
                  <a:gd name="T38" fmla="*/ 270 w 348"/>
                  <a:gd name="T39" fmla="*/ 300 h 306"/>
                  <a:gd name="T40" fmla="*/ 258 w 348"/>
                  <a:gd name="T41" fmla="*/ 282 h 306"/>
                  <a:gd name="T42" fmla="*/ 252 w 348"/>
                  <a:gd name="T43" fmla="*/ 294 h 306"/>
                  <a:gd name="T44" fmla="*/ 240 w 348"/>
                  <a:gd name="T45" fmla="*/ 282 h 306"/>
                  <a:gd name="T46" fmla="*/ 234 w 348"/>
                  <a:gd name="T47" fmla="*/ 300 h 306"/>
                  <a:gd name="T48" fmla="*/ 222 w 348"/>
                  <a:gd name="T49" fmla="*/ 300 h 306"/>
                  <a:gd name="T50" fmla="*/ 204 w 348"/>
                  <a:gd name="T51" fmla="*/ 294 h 306"/>
                  <a:gd name="T52" fmla="*/ 192 w 348"/>
                  <a:gd name="T53" fmla="*/ 270 h 306"/>
                  <a:gd name="T54" fmla="*/ 174 w 348"/>
                  <a:gd name="T55" fmla="*/ 270 h 306"/>
                  <a:gd name="T56" fmla="*/ 174 w 348"/>
                  <a:gd name="T57" fmla="*/ 252 h 306"/>
                  <a:gd name="T58" fmla="*/ 156 w 348"/>
                  <a:gd name="T59" fmla="*/ 258 h 306"/>
                  <a:gd name="T60" fmla="*/ 156 w 348"/>
                  <a:gd name="T61" fmla="*/ 246 h 306"/>
                  <a:gd name="T62" fmla="*/ 132 w 348"/>
                  <a:gd name="T63" fmla="*/ 252 h 306"/>
                  <a:gd name="T64" fmla="*/ 144 w 348"/>
                  <a:gd name="T65" fmla="*/ 264 h 306"/>
                  <a:gd name="T66" fmla="*/ 126 w 348"/>
                  <a:gd name="T67" fmla="*/ 270 h 306"/>
                  <a:gd name="T68" fmla="*/ 66 w 348"/>
                  <a:gd name="T69" fmla="*/ 252 h 306"/>
                  <a:gd name="T70" fmla="*/ 18 w 348"/>
                  <a:gd name="T71" fmla="*/ 258 h 306"/>
                  <a:gd name="T72" fmla="*/ 12 w 348"/>
                  <a:gd name="T73" fmla="*/ 252 h 306"/>
                  <a:gd name="T74" fmla="*/ 30 w 348"/>
                  <a:gd name="T75" fmla="*/ 234 h 306"/>
                  <a:gd name="T76" fmla="*/ 24 w 348"/>
                  <a:gd name="T77" fmla="*/ 192 h 306"/>
                  <a:gd name="T78" fmla="*/ 36 w 348"/>
                  <a:gd name="T79" fmla="*/ 156 h 306"/>
                  <a:gd name="T80" fmla="*/ 0 w 348"/>
                  <a:gd name="T81" fmla="*/ 84 h 306"/>
                  <a:gd name="T82" fmla="*/ 0 w 348"/>
                  <a:gd name="T83" fmla="*/ 6 h 306"/>
                  <a:gd name="T84" fmla="*/ 186 w 348"/>
                  <a:gd name="T85" fmla="*/ 0 h 306"/>
                  <a:gd name="T86" fmla="*/ 192 w 348"/>
                  <a:gd name="T87" fmla="*/ 6 h 306"/>
                  <a:gd name="T88" fmla="*/ 192 w 348"/>
                  <a:gd name="T89" fmla="*/ 30 h 306"/>
                  <a:gd name="T90" fmla="*/ 198 w 348"/>
                  <a:gd name="T91" fmla="*/ 30 h 306"/>
                  <a:gd name="T92" fmla="*/ 192 w 348"/>
                  <a:gd name="T93" fmla="*/ 36 h 306"/>
                  <a:gd name="T94" fmla="*/ 210 w 348"/>
                  <a:gd name="T95" fmla="*/ 54 h 306"/>
                  <a:gd name="T96" fmla="*/ 192 w 348"/>
                  <a:gd name="T97" fmla="*/ 60 h 306"/>
                  <a:gd name="T98" fmla="*/ 204 w 348"/>
                  <a:gd name="T99" fmla="*/ 66 h 306"/>
                  <a:gd name="T100" fmla="*/ 174 w 348"/>
                  <a:gd name="T101" fmla="*/ 108 h 306"/>
                  <a:gd name="T102" fmla="*/ 168 w 348"/>
                  <a:gd name="T103" fmla="*/ 156 h 306"/>
                  <a:gd name="T104" fmla="*/ 288 w 348"/>
                  <a:gd name="T105" fmla="*/ 150 h 306"/>
                  <a:gd name="T106" fmla="*/ 288 w 348"/>
                  <a:gd name="T107" fmla="*/ 174 h 306"/>
                  <a:gd name="T108" fmla="*/ 306 w 348"/>
                  <a:gd name="T109" fmla="*/ 210 h 30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w 348"/>
                  <a:gd name="T166" fmla="*/ 0 h 306"/>
                  <a:gd name="T167" fmla="*/ 348 w 348"/>
                  <a:gd name="T168" fmla="*/ 306 h 306"/>
                </a:gdLst>
                <a:ahLst/>
                <a:cxnLst>
                  <a:cxn ang="T110">
                    <a:pos x="T0" y="T1"/>
                  </a:cxn>
                  <a:cxn ang="T111">
                    <a:pos x="T2" y="T3"/>
                  </a:cxn>
                  <a:cxn ang="T112">
                    <a:pos x="T4" y="T5"/>
                  </a:cxn>
                  <a:cxn ang="T113">
                    <a:pos x="T6" y="T7"/>
                  </a:cxn>
                  <a:cxn ang="T114">
                    <a:pos x="T8" y="T9"/>
                  </a:cxn>
                  <a:cxn ang="T115">
                    <a:pos x="T10" y="T11"/>
                  </a:cxn>
                  <a:cxn ang="T116">
                    <a:pos x="T12" y="T13"/>
                  </a:cxn>
                  <a:cxn ang="T117">
                    <a:pos x="T14" y="T15"/>
                  </a:cxn>
                  <a:cxn ang="T118">
                    <a:pos x="T16" y="T17"/>
                  </a:cxn>
                  <a:cxn ang="T119">
                    <a:pos x="T18" y="T19"/>
                  </a:cxn>
                  <a:cxn ang="T120">
                    <a:pos x="T20" y="T21"/>
                  </a:cxn>
                  <a:cxn ang="T121">
                    <a:pos x="T22" y="T23"/>
                  </a:cxn>
                  <a:cxn ang="T122">
                    <a:pos x="T24" y="T25"/>
                  </a:cxn>
                  <a:cxn ang="T123">
                    <a:pos x="T26" y="T27"/>
                  </a:cxn>
                  <a:cxn ang="T124">
                    <a:pos x="T28" y="T29"/>
                  </a:cxn>
                  <a:cxn ang="T125">
                    <a:pos x="T30" y="T31"/>
                  </a:cxn>
                  <a:cxn ang="T126">
                    <a:pos x="T32" y="T33"/>
                  </a:cxn>
                  <a:cxn ang="T127">
                    <a:pos x="T34" y="T35"/>
                  </a:cxn>
                  <a:cxn ang="T128">
                    <a:pos x="T36" y="T37"/>
                  </a:cxn>
                  <a:cxn ang="T129">
                    <a:pos x="T38" y="T39"/>
                  </a:cxn>
                  <a:cxn ang="T130">
                    <a:pos x="T40" y="T41"/>
                  </a:cxn>
                  <a:cxn ang="T131">
                    <a:pos x="T42" y="T43"/>
                  </a:cxn>
                  <a:cxn ang="T132">
                    <a:pos x="T44" y="T45"/>
                  </a:cxn>
                  <a:cxn ang="T133">
                    <a:pos x="T46" y="T47"/>
                  </a:cxn>
                  <a:cxn ang="T134">
                    <a:pos x="T48" y="T49"/>
                  </a:cxn>
                  <a:cxn ang="T135">
                    <a:pos x="T50" y="T51"/>
                  </a:cxn>
                  <a:cxn ang="T136">
                    <a:pos x="T52" y="T53"/>
                  </a:cxn>
                  <a:cxn ang="T137">
                    <a:pos x="T54" y="T55"/>
                  </a:cxn>
                  <a:cxn ang="T138">
                    <a:pos x="T56" y="T57"/>
                  </a:cxn>
                  <a:cxn ang="T139">
                    <a:pos x="T58" y="T59"/>
                  </a:cxn>
                  <a:cxn ang="T140">
                    <a:pos x="T60" y="T61"/>
                  </a:cxn>
                  <a:cxn ang="T141">
                    <a:pos x="T62" y="T63"/>
                  </a:cxn>
                  <a:cxn ang="T142">
                    <a:pos x="T64" y="T65"/>
                  </a:cxn>
                  <a:cxn ang="T143">
                    <a:pos x="T66" y="T67"/>
                  </a:cxn>
                  <a:cxn ang="T144">
                    <a:pos x="T68" y="T69"/>
                  </a:cxn>
                  <a:cxn ang="T145">
                    <a:pos x="T70" y="T71"/>
                  </a:cxn>
                  <a:cxn ang="T146">
                    <a:pos x="T72" y="T73"/>
                  </a:cxn>
                  <a:cxn ang="T147">
                    <a:pos x="T74" y="T75"/>
                  </a:cxn>
                  <a:cxn ang="T148">
                    <a:pos x="T76" y="T77"/>
                  </a:cxn>
                  <a:cxn ang="T149">
                    <a:pos x="T78" y="T79"/>
                  </a:cxn>
                  <a:cxn ang="T150">
                    <a:pos x="T80" y="T81"/>
                  </a:cxn>
                  <a:cxn ang="T151">
                    <a:pos x="T82" y="T83"/>
                  </a:cxn>
                  <a:cxn ang="T152">
                    <a:pos x="T84" y="T85"/>
                  </a:cxn>
                  <a:cxn ang="T153">
                    <a:pos x="T86" y="T87"/>
                  </a:cxn>
                  <a:cxn ang="T154">
                    <a:pos x="T88" y="T89"/>
                  </a:cxn>
                  <a:cxn ang="T155">
                    <a:pos x="T90" y="T91"/>
                  </a:cxn>
                  <a:cxn ang="T156">
                    <a:pos x="T92" y="T93"/>
                  </a:cxn>
                  <a:cxn ang="T157">
                    <a:pos x="T94" y="T95"/>
                  </a:cxn>
                  <a:cxn ang="T158">
                    <a:pos x="T96" y="T97"/>
                  </a:cxn>
                  <a:cxn ang="T159">
                    <a:pos x="T98" y="T99"/>
                  </a:cxn>
                  <a:cxn ang="T160">
                    <a:pos x="T100" y="T101"/>
                  </a:cxn>
                  <a:cxn ang="T161">
                    <a:pos x="T102" y="T103"/>
                  </a:cxn>
                  <a:cxn ang="T162">
                    <a:pos x="T104" y="T105"/>
                  </a:cxn>
                  <a:cxn ang="T163">
                    <a:pos x="T106" y="T107"/>
                  </a:cxn>
                  <a:cxn ang="T164">
                    <a:pos x="T108" y="T109"/>
                  </a:cxn>
                </a:cxnLst>
                <a:rect l="T165" t="T166" r="T167" b="T168"/>
                <a:pathLst>
                  <a:path w="348" h="306">
                    <a:moveTo>
                      <a:pt x="306" y="210"/>
                    </a:moveTo>
                    <a:lnTo>
                      <a:pt x="264" y="198"/>
                    </a:lnTo>
                    <a:lnTo>
                      <a:pt x="246" y="216"/>
                    </a:lnTo>
                    <a:lnTo>
                      <a:pt x="270" y="228"/>
                    </a:lnTo>
                    <a:lnTo>
                      <a:pt x="300" y="216"/>
                    </a:lnTo>
                    <a:lnTo>
                      <a:pt x="288" y="228"/>
                    </a:lnTo>
                    <a:lnTo>
                      <a:pt x="306" y="234"/>
                    </a:lnTo>
                    <a:lnTo>
                      <a:pt x="312" y="222"/>
                    </a:lnTo>
                    <a:lnTo>
                      <a:pt x="330" y="210"/>
                    </a:lnTo>
                    <a:lnTo>
                      <a:pt x="336" y="234"/>
                    </a:lnTo>
                    <a:lnTo>
                      <a:pt x="306" y="258"/>
                    </a:lnTo>
                    <a:lnTo>
                      <a:pt x="312" y="270"/>
                    </a:lnTo>
                    <a:lnTo>
                      <a:pt x="348" y="288"/>
                    </a:lnTo>
                    <a:lnTo>
                      <a:pt x="342" y="300"/>
                    </a:lnTo>
                    <a:lnTo>
                      <a:pt x="336" y="294"/>
                    </a:lnTo>
                    <a:lnTo>
                      <a:pt x="324" y="306"/>
                    </a:lnTo>
                    <a:lnTo>
                      <a:pt x="318" y="282"/>
                    </a:lnTo>
                    <a:lnTo>
                      <a:pt x="276" y="270"/>
                    </a:lnTo>
                    <a:lnTo>
                      <a:pt x="282" y="288"/>
                    </a:lnTo>
                    <a:lnTo>
                      <a:pt x="270" y="300"/>
                    </a:lnTo>
                    <a:lnTo>
                      <a:pt x="258" y="282"/>
                    </a:lnTo>
                    <a:lnTo>
                      <a:pt x="252" y="294"/>
                    </a:lnTo>
                    <a:lnTo>
                      <a:pt x="240" y="282"/>
                    </a:lnTo>
                    <a:lnTo>
                      <a:pt x="234" y="300"/>
                    </a:lnTo>
                    <a:lnTo>
                      <a:pt x="222" y="300"/>
                    </a:lnTo>
                    <a:lnTo>
                      <a:pt x="204" y="294"/>
                    </a:lnTo>
                    <a:lnTo>
                      <a:pt x="192" y="270"/>
                    </a:lnTo>
                    <a:lnTo>
                      <a:pt x="174" y="270"/>
                    </a:lnTo>
                    <a:lnTo>
                      <a:pt x="174" y="252"/>
                    </a:lnTo>
                    <a:lnTo>
                      <a:pt x="156" y="258"/>
                    </a:lnTo>
                    <a:lnTo>
                      <a:pt x="156" y="246"/>
                    </a:lnTo>
                    <a:lnTo>
                      <a:pt x="132" y="252"/>
                    </a:lnTo>
                    <a:lnTo>
                      <a:pt x="144" y="264"/>
                    </a:lnTo>
                    <a:lnTo>
                      <a:pt x="126" y="270"/>
                    </a:lnTo>
                    <a:lnTo>
                      <a:pt x="66" y="252"/>
                    </a:lnTo>
                    <a:lnTo>
                      <a:pt x="18" y="258"/>
                    </a:lnTo>
                    <a:lnTo>
                      <a:pt x="12" y="252"/>
                    </a:lnTo>
                    <a:lnTo>
                      <a:pt x="30" y="234"/>
                    </a:lnTo>
                    <a:lnTo>
                      <a:pt x="24" y="192"/>
                    </a:lnTo>
                    <a:lnTo>
                      <a:pt x="36" y="156"/>
                    </a:lnTo>
                    <a:lnTo>
                      <a:pt x="0" y="84"/>
                    </a:lnTo>
                    <a:lnTo>
                      <a:pt x="0" y="6"/>
                    </a:lnTo>
                    <a:lnTo>
                      <a:pt x="186" y="0"/>
                    </a:lnTo>
                    <a:lnTo>
                      <a:pt x="192" y="6"/>
                    </a:lnTo>
                    <a:lnTo>
                      <a:pt x="192" y="30"/>
                    </a:lnTo>
                    <a:lnTo>
                      <a:pt x="198" y="30"/>
                    </a:lnTo>
                    <a:lnTo>
                      <a:pt x="192" y="36"/>
                    </a:lnTo>
                    <a:lnTo>
                      <a:pt x="210" y="54"/>
                    </a:lnTo>
                    <a:lnTo>
                      <a:pt x="192" y="60"/>
                    </a:lnTo>
                    <a:lnTo>
                      <a:pt x="204" y="66"/>
                    </a:lnTo>
                    <a:lnTo>
                      <a:pt x="174" y="108"/>
                    </a:lnTo>
                    <a:lnTo>
                      <a:pt x="168" y="156"/>
                    </a:lnTo>
                    <a:lnTo>
                      <a:pt x="288" y="150"/>
                    </a:lnTo>
                    <a:lnTo>
                      <a:pt x="288" y="174"/>
                    </a:lnTo>
                    <a:lnTo>
                      <a:pt x="306" y="21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05" name="Freeform 432"/>
              <p:cNvSpPr>
                <a:spLocks noChangeAspect="1"/>
              </p:cNvSpPr>
              <p:nvPr/>
            </p:nvSpPr>
            <p:spPr bwMode="auto">
              <a:xfrm>
                <a:off x="3039" y="2574"/>
                <a:ext cx="348" cy="306"/>
              </a:xfrm>
              <a:custGeom>
                <a:avLst/>
                <a:gdLst>
                  <a:gd name="T0" fmla="*/ 306 w 348"/>
                  <a:gd name="T1" fmla="*/ 210 h 306"/>
                  <a:gd name="T2" fmla="*/ 264 w 348"/>
                  <a:gd name="T3" fmla="*/ 198 h 306"/>
                  <a:gd name="T4" fmla="*/ 246 w 348"/>
                  <a:gd name="T5" fmla="*/ 216 h 306"/>
                  <a:gd name="T6" fmla="*/ 270 w 348"/>
                  <a:gd name="T7" fmla="*/ 228 h 306"/>
                  <a:gd name="T8" fmla="*/ 300 w 348"/>
                  <a:gd name="T9" fmla="*/ 216 h 306"/>
                  <a:gd name="T10" fmla="*/ 288 w 348"/>
                  <a:gd name="T11" fmla="*/ 228 h 306"/>
                  <a:gd name="T12" fmla="*/ 306 w 348"/>
                  <a:gd name="T13" fmla="*/ 234 h 306"/>
                  <a:gd name="T14" fmla="*/ 312 w 348"/>
                  <a:gd name="T15" fmla="*/ 222 h 306"/>
                  <a:gd name="T16" fmla="*/ 330 w 348"/>
                  <a:gd name="T17" fmla="*/ 210 h 306"/>
                  <a:gd name="T18" fmla="*/ 336 w 348"/>
                  <a:gd name="T19" fmla="*/ 234 h 306"/>
                  <a:gd name="T20" fmla="*/ 306 w 348"/>
                  <a:gd name="T21" fmla="*/ 258 h 306"/>
                  <a:gd name="T22" fmla="*/ 312 w 348"/>
                  <a:gd name="T23" fmla="*/ 270 h 306"/>
                  <a:gd name="T24" fmla="*/ 348 w 348"/>
                  <a:gd name="T25" fmla="*/ 288 h 306"/>
                  <a:gd name="T26" fmla="*/ 342 w 348"/>
                  <a:gd name="T27" fmla="*/ 300 h 306"/>
                  <a:gd name="T28" fmla="*/ 336 w 348"/>
                  <a:gd name="T29" fmla="*/ 294 h 306"/>
                  <a:gd name="T30" fmla="*/ 324 w 348"/>
                  <a:gd name="T31" fmla="*/ 306 h 306"/>
                  <a:gd name="T32" fmla="*/ 318 w 348"/>
                  <a:gd name="T33" fmla="*/ 282 h 306"/>
                  <a:gd name="T34" fmla="*/ 276 w 348"/>
                  <a:gd name="T35" fmla="*/ 270 h 306"/>
                  <a:gd name="T36" fmla="*/ 282 w 348"/>
                  <a:gd name="T37" fmla="*/ 288 h 306"/>
                  <a:gd name="T38" fmla="*/ 270 w 348"/>
                  <a:gd name="T39" fmla="*/ 300 h 306"/>
                  <a:gd name="T40" fmla="*/ 258 w 348"/>
                  <a:gd name="T41" fmla="*/ 282 h 306"/>
                  <a:gd name="T42" fmla="*/ 252 w 348"/>
                  <a:gd name="T43" fmla="*/ 294 h 306"/>
                  <a:gd name="T44" fmla="*/ 240 w 348"/>
                  <a:gd name="T45" fmla="*/ 282 h 306"/>
                  <a:gd name="T46" fmla="*/ 234 w 348"/>
                  <a:gd name="T47" fmla="*/ 300 h 306"/>
                  <a:gd name="T48" fmla="*/ 222 w 348"/>
                  <a:gd name="T49" fmla="*/ 300 h 306"/>
                  <a:gd name="T50" fmla="*/ 204 w 348"/>
                  <a:gd name="T51" fmla="*/ 294 h 306"/>
                  <a:gd name="T52" fmla="*/ 192 w 348"/>
                  <a:gd name="T53" fmla="*/ 270 h 306"/>
                  <a:gd name="T54" fmla="*/ 174 w 348"/>
                  <a:gd name="T55" fmla="*/ 270 h 306"/>
                  <a:gd name="T56" fmla="*/ 174 w 348"/>
                  <a:gd name="T57" fmla="*/ 252 h 306"/>
                  <a:gd name="T58" fmla="*/ 156 w 348"/>
                  <a:gd name="T59" fmla="*/ 258 h 306"/>
                  <a:gd name="T60" fmla="*/ 156 w 348"/>
                  <a:gd name="T61" fmla="*/ 246 h 306"/>
                  <a:gd name="T62" fmla="*/ 132 w 348"/>
                  <a:gd name="T63" fmla="*/ 252 h 306"/>
                  <a:gd name="T64" fmla="*/ 144 w 348"/>
                  <a:gd name="T65" fmla="*/ 264 h 306"/>
                  <a:gd name="T66" fmla="*/ 126 w 348"/>
                  <a:gd name="T67" fmla="*/ 270 h 306"/>
                  <a:gd name="T68" fmla="*/ 66 w 348"/>
                  <a:gd name="T69" fmla="*/ 252 h 306"/>
                  <a:gd name="T70" fmla="*/ 18 w 348"/>
                  <a:gd name="T71" fmla="*/ 258 h 306"/>
                  <a:gd name="T72" fmla="*/ 12 w 348"/>
                  <a:gd name="T73" fmla="*/ 252 h 306"/>
                  <a:gd name="T74" fmla="*/ 30 w 348"/>
                  <a:gd name="T75" fmla="*/ 234 h 306"/>
                  <a:gd name="T76" fmla="*/ 24 w 348"/>
                  <a:gd name="T77" fmla="*/ 192 h 306"/>
                  <a:gd name="T78" fmla="*/ 36 w 348"/>
                  <a:gd name="T79" fmla="*/ 156 h 306"/>
                  <a:gd name="T80" fmla="*/ 0 w 348"/>
                  <a:gd name="T81" fmla="*/ 84 h 306"/>
                  <a:gd name="T82" fmla="*/ 0 w 348"/>
                  <a:gd name="T83" fmla="*/ 6 h 306"/>
                  <a:gd name="T84" fmla="*/ 186 w 348"/>
                  <a:gd name="T85" fmla="*/ 0 h 306"/>
                  <a:gd name="T86" fmla="*/ 192 w 348"/>
                  <a:gd name="T87" fmla="*/ 6 h 306"/>
                  <a:gd name="T88" fmla="*/ 192 w 348"/>
                  <a:gd name="T89" fmla="*/ 30 h 306"/>
                  <a:gd name="T90" fmla="*/ 198 w 348"/>
                  <a:gd name="T91" fmla="*/ 30 h 306"/>
                  <a:gd name="T92" fmla="*/ 192 w 348"/>
                  <a:gd name="T93" fmla="*/ 36 h 306"/>
                  <a:gd name="T94" fmla="*/ 210 w 348"/>
                  <a:gd name="T95" fmla="*/ 54 h 306"/>
                  <a:gd name="T96" fmla="*/ 192 w 348"/>
                  <a:gd name="T97" fmla="*/ 60 h 306"/>
                  <a:gd name="T98" fmla="*/ 204 w 348"/>
                  <a:gd name="T99" fmla="*/ 66 h 306"/>
                  <a:gd name="T100" fmla="*/ 174 w 348"/>
                  <a:gd name="T101" fmla="*/ 108 h 306"/>
                  <a:gd name="T102" fmla="*/ 168 w 348"/>
                  <a:gd name="T103" fmla="*/ 156 h 306"/>
                  <a:gd name="T104" fmla="*/ 288 w 348"/>
                  <a:gd name="T105" fmla="*/ 150 h 306"/>
                  <a:gd name="T106" fmla="*/ 288 w 348"/>
                  <a:gd name="T107" fmla="*/ 174 h 306"/>
                  <a:gd name="T108" fmla="*/ 306 w 348"/>
                  <a:gd name="T109" fmla="*/ 210 h 306"/>
                  <a:gd name="T110" fmla="*/ 306 w 348"/>
                  <a:gd name="T111" fmla="*/ 216 h 30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w 348"/>
                  <a:gd name="T169" fmla="*/ 0 h 306"/>
                  <a:gd name="T170" fmla="*/ 348 w 348"/>
                  <a:gd name="T171" fmla="*/ 306 h 306"/>
                </a:gdLst>
                <a:ahLst/>
                <a:cxnLst>
                  <a:cxn ang="T112">
                    <a:pos x="T0" y="T1"/>
                  </a:cxn>
                  <a:cxn ang="T113">
                    <a:pos x="T2" y="T3"/>
                  </a:cxn>
                  <a:cxn ang="T114">
                    <a:pos x="T4" y="T5"/>
                  </a:cxn>
                  <a:cxn ang="T115">
                    <a:pos x="T6" y="T7"/>
                  </a:cxn>
                  <a:cxn ang="T116">
                    <a:pos x="T8" y="T9"/>
                  </a:cxn>
                  <a:cxn ang="T117">
                    <a:pos x="T10" y="T11"/>
                  </a:cxn>
                  <a:cxn ang="T118">
                    <a:pos x="T12" y="T13"/>
                  </a:cxn>
                  <a:cxn ang="T119">
                    <a:pos x="T14" y="T15"/>
                  </a:cxn>
                  <a:cxn ang="T120">
                    <a:pos x="T16" y="T17"/>
                  </a:cxn>
                  <a:cxn ang="T121">
                    <a:pos x="T18" y="T19"/>
                  </a:cxn>
                  <a:cxn ang="T122">
                    <a:pos x="T20" y="T21"/>
                  </a:cxn>
                  <a:cxn ang="T123">
                    <a:pos x="T22" y="T23"/>
                  </a:cxn>
                  <a:cxn ang="T124">
                    <a:pos x="T24" y="T25"/>
                  </a:cxn>
                  <a:cxn ang="T125">
                    <a:pos x="T26" y="T27"/>
                  </a:cxn>
                  <a:cxn ang="T126">
                    <a:pos x="T28" y="T29"/>
                  </a:cxn>
                  <a:cxn ang="T127">
                    <a:pos x="T30" y="T31"/>
                  </a:cxn>
                  <a:cxn ang="T128">
                    <a:pos x="T32" y="T33"/>
                  </a:cxn>
                  <a:cxn ang="T129">
                    <a:pos x="T34" y="T35"/>
                  </a:cxn>
                  <a:cxn ang="T130">
                    <a:pos x="T36" y="T37"/>
                  </a:cxn>
                  <a:cxn ang="T131">
                    <a:pos x="T38" y="T39"/>
                  </a:cxn>
                  <a:cxn ang="T132">
                    <a:pos x="T40" y="T41"/>
                  </a:cxn>
                  <a:cxn ang="T133">
                    <a:pos x="T42" y="T43"/>
                  </a:cxn>
                  <a:cxn ang="T134">
                    <a:pos x="T44" y="T45"/>
                  </a:cxn>
                  <a:cxn ang="T135">
                    <a:pos x="T46" y="T47"/>
                  </a:cxn>
                  <a:cxn ang="T136">
                    <a:pos x="T48" y="T49"/>
                  </a:cxn>
                  <a:cxn ang="T137">
                    <a:pos x="T50" y="T51"/>
                  </a:cxn>
                  <a:cxn ang="T138">
                    <a:pos x="T52" y="T53"/>
                  </a:cxn>
                  <a:cxn ang="T139">
                    <a:pos x="T54" y="T55"/>
                  </a:cxn>
                  <a:cxn ang="T140">
                    <a:pos x="T56" y="T57"/>
                  </a:cxn>
                  <a:cxn ang="T141">
                    <a:pos x="T58" y="T59"/>
                  </a:cxn>
                  <a:cxn ang="T142">
                    <a:pos x="T60" y="T61"/>
                  </a:cxn>
                  <a:cxn ang="T143">
                    <a:pos x="T62" y="T63"/>
                  </a:cxn>
                  <a:cxn ang="T144">
                    <a:pos x="T64" y="T65"/>
                  </a:cxn>
                  <a:cxn ang="T145">
                    <a:pos x="T66" y="T67"/>
                  </a:cxn>
                  <a:cxn ang="T146">
                    <a:pos x="T68" y="T69"/>
                  </a:cxn>
                  <a:cxn ang="T147">
                    <a:pos x="T70" y="T71"/>
                  </a:cxn>
                  <a:cxn ang="T148">
                    <a:pos x="T72" y="T73"/>
                  </a:cxn>
                  <a:cxn ang="T149">
                    <a:pos x="T74" y="T75"/>
                  </a:cxn>
                  <a:cxn ang="T150">
                    <a:pos x="T76" y="T77"/>
                  </a:cxn>
                  <a:cxn ang="T151">
                    <a:pos x="T78" y="T79"/>
                  </a:cxn>
                  <a:cxn ang="T152">
                    <a:pos x="T80" y="T81"/>
                  </a:cxn>
                  <a:cxn ang="T153">
                    <a:pos x="T82" y="T83"/>
                  </a:cxn>
                  <a:cxn ang="T154">
                    <a:pos x="T84" y="T85"/>
                  </a:cxn>
                  <a:cxn ang="T155">
                    <a:pos x="T86" y="T87"/>
                  </a:cxn>
                  <a:cxn ang="T156">
                    <a:pos x="T88" y="T89"/>
                  </a:cxn>
                  <a:cxn ang="T157">
                    <a:pos x="T90" y="T91"/>
                  </a:cxn>
                  <a:cxn ang="T158">
                    <a:pos x="T92" y="T93"/>
                  </a:cxn>
                  <a:cxn ang="T159">
                    <a:pos x="T94" y="T95"/>
                  </a:cxn>
                  <a:cxn ang="T160">
                    <a:pos x="T96" y="T97"/>
                  </a:cxn>
                  <a:cxn ang="T161">
                    <a:pos x="T98" y="T99"/>
                  </a:cxn>
                  <a:cxn ang="T162">
                    <a:pos x="T100" y="T101"/>
                  </a:cxn>
                  <a:cxn ang="T163">
                    <a:pos x="T102" y="T103"/>
                  </a:cxn>
                  <a:cxn ang="T164">
                    <a:pos x="T104" y="T105"/>
                  </a:cxn>
                  <a:cxn ang="T165">
                    <a:pos x="T106" y="T107"/>
                  </a:cxn>
                  <a:cxn ang="T166">
                    <a:pos x="T108" y="T109"/>
                  </a:cxn>
                  <a:cxn ang="T167">
                    <a:pos x="T110" y="T111"/>
                  </a:cxn>
                </a:cxnLst>
                <a:rect l="T168" t="T169" r="T170" b="T171"/>
                <a:pathLst>
                  <a:path w="348" h="306">
                    <a:moveTo>
                      <a:pt x="306" y="210"/>
                    </a:moveTo>
                    <a:lnTo>
                      <a:pt x="264" y="198"/>
                    </a:lnTo>
                    <a:lnTo>
                      <a:pt x="246" y="216"/>
                    </a:lnTo>
                    <a:lnTo>
                      <a:pt x="270" y="228"/>
                    </a:lnTo>
                    <a:lnTo>
                      <a:pt x="300" y="216"/>
                    </a:lnTo>
                    <a:lnTo>
                      <a:pt x="288" y="228"/>
                    </a:lnTo>
                    <a:lnTo>
                      <a:pt x="306" y="234"/>
                    </a:lnTo>
                    <a:lnTo>
                      <a:pt x="312" y="222"/>
                    </a:lnTo>
                    <a:lnTo>
                      <a:pt x="330" y="210"/>
                    </a:lnTo>
                    <a:lnTo>
                      <a:pt x="336" y="234"/>
                    </a:lnTo>
                    <a:lnTo>
                      <a:pt x="306" y="258"/>
                    </a:lnTo>
                    <a:lnTo>
                      <a:pt x="312" y="270"/>
                    </a:lnTo>
                    <a:lnTo>
                      <a:pt x="348" y="288"/>
                    </a:lnTo>
                    <a:lnTo>
                      <a:pt x="342" y="300"/>
                    </a:lnTo>
                    <a:lnTo>
                      <a:pt x="336" y="294"/>
                    </a:lnTo>
                    <a:lnTo>
                      <a:pt x="324" y="306"/>
                    </a:lnTo>
                    <a:lnTo>
                      <a:pt x="318" y="282"/>
                    </a:lnTo>
                    <a:lnTo>
                      <a:pt x="276" y="270"/>
                    </a:lnTo>
                    <a:lnTo>
                      <a:pt x="282" y="288"/>
                    </a:lnTo>
                    <a:lnTo>
                      <a:pt x="270" y="300"/>
                    </a:lnTo>
                    <a:lnTo>
                      <a:pt x="258" y="282"/>
                    </a:lnTo>
                    <a:lnTo>
                      <a:pt x="252" y="294"/>
                    </a:lnTo>
                    <a:lnTo>
                      <a:pt x="240" y="282"/>
                    </a:lnTo>
                    <a:lnTo>
                      <a:pt x="234" y="300"/>
                    </a:lnTo>
                    <a:lnTo>
                      <a:pt x="222" y="300"/>
                    </a:lnTo>
                    <a:lnTo>
                      <a:pt x="204" y="294"/>
                    </a:lnTo>
                    <a:lnTo>
                      <a:pt x="192" y="270"/>
                    </a:lnTo>
                    <a:lnTo>
                      <a:pt x="174" y="270"/>
                    </a:lnTo>
                    <a:lnTo>
                      <a:pt x="174" y="252"/>
                    </a:lnTo>
                    <a:lnTo>
                      <a:pt x="156" y="258"/>
                    </a:lnTo>
                    <a:lnTo>
                      <a:pt x="156" y="246"/>
                    </a:lnTo>
                    <a:lnTo>
                      <a:pt x="132" y="252"/>
                    </a:lnTo>
                    <a:lnTo>
                      <a:pt x="144" y="264"/>
                    </a:lnTo>
                    <a:lnTo>
                      <a:pt x="126" y="270"/>
                    </a:lnTo>
                    <a:lnTo>
                      <a:pt x="66" y="252"/>
                    </a:lnTo>
                    <a:lnTo>
                      <a:pt x="18" y="258"/>
                    </a:lnTo>
                    <a:lnTo>
                      <a:pt x="12" y="252"/>
                    </a:lnTo>
                    <a:lnTo>
                      <a:pt x="30" y="234"/>
                    </a:lnTo>
                    <a:lnTo>
                      <a:pt x="24" y="192"/>
                    </a:lnTo>
                    <a:lnTo>
                      <a:pt x="36" y="156"/>
                    </a:lnTo>
                    <a:lnTo>
                      <a:pt x="0" y="84"/>
                    </a:lnTo>
                    <a:lnTo>
                      <a:pt x="0" y="6"/>
                    </a:lnTo>
                    <a:lnTo>
                      <a:pt x="186" y="0"/>
                    </a:lnTo>
                    <a:lnTo>
                      <a:pt x="192" y="6"/>
                    </a:lnTo>
                    <a:lnTo>
                      <a:pt x="192" y="30"/>
                    </a:lnTo>
                    <a:lnTo>
                      <a:pt x="198" y="30"/>
                    </a:lnTo>
                    <a:lnTo>
                      <a:pt x="192" y="36"/>
                    </a:lnTo>
                    <a:lnTo>
                      <a:pt x="210" y="54"/>
                    </a:lnTo>
                    <a:lnTo>
                      <a:pt x="192" y="60"/>
                    </a:lnTo>
                    <a:lnTo>
                      <a:pt x="204" y="66"/>
                    </a:lnTo>
                    <a:lnTo>
                      <a:pt x="174" y="108"/>
                    </a:lnTo>
                    <a:lnTo>
                      <a:pt x="168" y="156"/>
                    </a:lnTo>
                    <a:lnTo>
                      <a:pt x="288" y="150"/>
                    </a:lnTo>
                    <a:lnTo>
                      <a:pt x="288" y="174"/>
                    </a:lnTo>
                    <a:lnTo>
                      <a:pt x="306" y="210"/>
                    </a:lnTo>
                    <a:lnTo>
                      <a:pt x="306" y="21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06" name="Freeform 433"/>
              <p:cNvSpPr>
                <a:spLocks noChangeAspect="1"/>
              </p:cNvSpPr>
              <p:nvPr/>
            </p:nvSpPr>
            <p:spPr bwMode="auto">
              <a:xfrm>
                <a:off x="4269" y="1248"/>
                <a:ext cx="228" cy="360"/>
              </a:xfrm>
              <a:custGeom>
                <a:avLst/>
                <a:gdLst>
                  <a:gd name="T0" fmla="*/ 66 w 228"/>
                  <a:gd name="T1" fmla="*/ 360 h 360"/>
                  <a:gd name="T2" fmla="*/ 60 w 228"/>
                  <a:gd name="T3" fmla="*/ 360 h 360"/>
                  <a:gd name="T4" fmla="*/ 42 w 228"/>
                  <a:gd name="T5" fmla="*/ 336 h 360"/>
                  <a:gd name="T6" fmla="*/ 0 w 228"/>
                  <a:gd name="T7" fmla="*/ 198 h 360"/>
                  <a:gd name="T8" fmla="*/ 18 w 228"/>
                  <a:gd name="T9" fmla="*/ 198 h 360"/>
                  <a:gd name="T10" fmla="*/ 12 w 228"/>
                  <a:gd name="T11" fmla="*/ 180 h 360"/>
                  <a:gd name="T12" fmla="*/ 24 w 228"/>
                  <a:gd name="T13" fmla="*/ 180 h 360"/>
                  <a:gd name="T14" fmla="*/ 18 w 228"/>
                  <a:gd name="T15" fmla="*/ 174 h 360"/>
                  <a:gd name="T16" fmla="*/ 30 w 228"/>
                  <a:gd name="T17" fmla="*/ 138 h 360"/>
                  <a:gd name="T18" fmla="*/ 30 w 228"/>
                  <a:gd name="T19" fmla="*/ 78 h 360"/>
                  <a:gd name="T20" fmla="*/ 54 w 228"/>
                  <a:gd name="T21" fmla="*/ 12 h 360"/>
                  <a:gd name="T22" fmla="*/ 66 w 228"/>
                  <a:gd name="T23" fmla="*/ 6 h 360"/>
                  <a:gd name="T24" fmla="*/ 78 w 228"/>
                  <a:gd name="T25" fmla="*/ 24 h 360"/>
                  <a:gd name="T26" fmla="*/ 108 w 228"/>
                  <a:gd name="T27" fmla="*/ 0 h 360"/>
                  <a:gd name="T28" fmla="*/ 138 w 228"/>
                  <a:gd name="T29" fmla="*/ 18 h 360"/>
                  <a:gd name="T30" fmla="*/ 168 w 228"/>
                  <a:gd name="T31" fmla="*/ 120 h 360"/>
                  <a:gd name="T32" fmla="*/ 186 w 228"/>
                  <a:gd name="T33" fmla="*/ 120 h 360"/>
                  <a:gd name="T34" fmla="*/ 192 w 228"/>
                  <a:gd name="T35" fmla="*/ 144 h 360"/>
                  <a:gd name="T36" fmla="*/ 216 w 228"/>
                  <a:gd name="T37" fmla="*/ 150 h 360"/>
                  <a:gd name="T38" fmla="*/ 216 w 228"/>
                  <a:gd name="T39" fmla="*/ 168 h 360"/>
                  <a:gd name="T40" fmla="*/ 228 w 228"/>
                  <a:gd name="T41" fmla="*/ 168 h 360"/>
                  <a:gd name="T42" fmla="*/ 222 w 228"/>
                  <a:gd name="T43" fmla="*/ 186 h 360"/>
                  <a:gd name="T44" fmla="*/ 192 w 228"/>
                  <a:gd name="T45" fmla="*/ 204 h 360"/>
                  <a:gd name="T46" fmla="*/ 180 w 228"/>
                  <a:gd name="T47" fmla="*/ 222 h 360"/>
                  <a:gd name="T48" fmla="*/ 174 w 228"/>
                  <a:gd name="T49" fmla="*/ 210 h 360"/>
                  <a:gd name="T50" fmla="*/ 162 w 228"/>
                  <a:gd name="T51" fmla="*/ 222 h 360"/>
                  <a:gd name="T52" fmla="*/ 156 w 228"/>
                  <a:gd name="T53" fmla="*/ 216 h 360"/>
                  <a:gd name="T54" fmla="*/ 156 w 228"/>
                  <a:gd name="T55" fmla="*/ 234 h 360"/>
                  <a:gd name="T56" fmla="*/ 144 w 228"/>
                  <a:gd name="T57" fmla="*/ 234 h 360"/>
                  <a:gd name="T58" fmla="*/ 150 w 228"/>
                  <a:gd name="T59" fmla="*/ 228 h 360"/>
                  <a:gd name="T60" fmla="*/ 138 w 228"/>
                  <a:gd name="T61" fmla="*/ 216 h 360"/>
                  <a:gd name="T62" fmla="*/ 126 w 228"/>
                  <a:gd name="T63" fmla="*/ 270 h 360"/>
                  <a:gd name="T64" fmla="*/ 120 w 228"/>
                  <a:gd name="T65" fmla="*/ 264 h 360"/>
                  <a:gd name="T66" fmla="*/ 114 w 228"/>
                  <a:gd name="T67" fmla="*/ 282 h 360"/>
                  <a:gd name="T68" fmla="*/ 102 w 228"/>
                  <a:gd name="T69" fmla="*/ 282 h 360"/>
                  <a:gd name="T70" fmla="*/ 102 w 228"/>
                  <a:gd name="T71" fmla="*/ 300 h 360"/>
                  <a:gd name="T72" fmla="*/ 96 w 228"/>
                  <a:gd name="T73" fmla="*/ 288 h 360"/>
                  <a:gd name="T74" fmla="*/ 84 w 228"/>
                  <a:gd name="T75" fmla="*/ 294 h 360"/>
                  <a:gd name="T76" fmla="*/ 66 w 228"/>
                  <a:gd name="T77" fmla="*/ 360 h 360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w 228"/>
                  <a:gd name="T118" fmla="*/ 0 h 360"/>
                  <a:gd name="T119" fmla="*/ 228 w 228"/>
                  <a:gd name="T120" fmla="*/ 360 h 360"/>
                </a:gdLst>
                <a:ahLst/>
                <a:cxnLst>
                  <a:cxn ang="T78">
                    <a:pos x="T0" y="T1"/>
                  </a:cxn>
                  <a:cxn ang="T79">
                    <a:pos x="T2" y="T3"/>
                  </a:cxn>
                  <a:cxn ang="T80">
                    <a:pos x="T4" y="T5"/>
                  </a:cxn>
                  <a:cxn ang="T81">
                    <a:pos x="T6" y="T7"/>
                  </a:cxn>
                  <a:cxn ang="T82">
                    <a:pos x="T8" y="T9"/>
                  </a:cxn>
                  <a:cxn ang="T83">
                    <a:pos x="T10" y="T11"/>
                  </a:cxn>
                  <a:cxn ang="T84">
                    <a:pos x="T12" y="T13"/>
                  </a:cxn>
                  <a:cxn ang="T85">
                    <a:pos x="T14" y="T15"/>
                  </a:cxn>
                  <a:cxn ang="T86">
                    <a:pos x="T16" y="T17"/>
                  </a:cxn>
                  <a:cxn ang="T87">
                    <a:pos x="T18" y="T19"/>
                  </a:cxn>
                  <a:cxn ang="T88">
                    <a:pos x="T20" y="T21"/>
                  </a:cxn>
                  <a:cxn ang="T89">
                    <a:pos x="T22" y="T23"/>
                  </a:cxn>
                  <a:cxn ang="T90">
                    <a:pos x="T24" y="T25"/>
                  </a:cxn>
                  <a:cxn ang="T91">
                    <a:pos x="T26" y="T27"/>
                  </a:cxn>
                  <a:cxn ang="T92">
                    <a:pos x="T28" y="T29"/>
                  </a:cxn>
                  <a:cxn ang="T93">
                    <a:pos x="T30" y="T31"/>
                  </a:cxn>
                  <a:cxn ang="T94">
                    <a:pos x="T32" y="T33"/>
                  </a:cxn>
                  <a:cxn ang="T95">
                    <a:pos x="T34" y="T35"/>
                  </a:cxn>
                  <a:cxn ang="T96">
                    <a:pos x="T36" y="T37"/>
                  </a:cxn>
                  <a:cxn ang="T97">
                    <a:pos x="T38" y="T39"/>
                  </a:cxn>
                  <a:cxn ang="T98">
                    <a:pos x="T40" y="T41"/>
                  </a:cxn>
                  <a:cxn ang="T99">
                    <a:pos x="T42" y="T43"/>
                  </a:cxn>
                  <a:cxn ang="T100">
                    <a:pos x="T44" y="T45"/>
                  </a:cxn>
                  <a:cxn ang="T101">
                    <a:pos x="T46" y="T47"/>
                  </a:cxn>
                  <a:cxn ang="T102">
                    <a:pos x="T48" y="T49"/>
                  </a:cxn>
                  <a:cxn ang="T103">
                    <a:pos x="T50" y="T51"/>
                  </a:cxn>
                  <a:cxn ang="T104">
                    <a:pos x="T52" y="T53"/>
                  </a:cxn>
                  <a:cxn ang="T105">
                    <a:pos x="T54" y="T55"/>
                  </a:cxn>
                  <a:cxn ang="T106">
                    <a:pos x="T56" y="T57"/>
                  </a:cxn>
                  <a:cxn ang="T107">
                    <a:pos x="T58" y="T59"/>
                  </a:cxn>
                  <a:cxn ang="T108">
                    <a:pos x="T60" y="T61"/>
                  </a:cxn>
                  <a:cxn ang="T109">
                    <a:pos x="T62" y="T63"/>
                  </a:cxn>
                  <a:cxn ang="T110">
                    <a:pos x="T64" y="T65"/>
                  </a:cxn>
                  <a:cxn ang="T111">
                    <a:pos x="T66" y="T67"/>
                  </a:cxn>
                  <a:cxn ang="T112">
                    <a:pos x="T68" y="T69"/>
                  </a:cxn>
                  <a:cxn ang="T113">
                    <a:pos x="T70" y="T71"/>
                  </a:cxn>
                  <a:cxn ang="T114">
                    <a:pos x="T72" y="T73"/>
                  </a:cxn>
                  <a:cxn ang="T115">
                    <a:pos x="T74" y="T75"/>
                  </a:cxn>
                  <a:cxn ang="T116">
                    <a:pos x="T76" y="T77"/>
                  </a:cxn>
                </a:cxnLst>
                <a:rect l="T117" t="T118" r="T119" b="T120"/>
                <a:pathLst>
                  <a:path w="228" h="360">
                    <a:moveTo>
                      <a:pt x="66" y="360"/>
                    </a:moveTo>
                    <a:lnTo>
                      <a:pt x="60" y="360"/>
                    </a:lnTo>
                    <a:lnTo>
                      <a:pt x="42" y="336"/>
                    </a:lnTo>
                    <a:lnTo>
                      <a:pt x="0" y="198"/>
                    </a:lnTo>
                    <a:lnTo>
                      <a:pt x="18" y="198"/>
                    </a:lnTo>
                    <a:lnTo>
                      <a:pt x="12" y="180"/>
                    </a:lnTo>
                    <a:lnTo>
                      <a:pt x="24" y="180"/>
                    </a:lnTo>
                    <a:lnTo>
                      <a:pt x="18" y="174"/>
                    </a:lnTo>
                    <a:lnTo>
                      <a:pt x="30" y="138"/>
                    </a:lnTo>
                    <a:lnTo>
                      <a:pt x="30" y="78"/>
                    </a:lnTo>
                    <a:lnTo>
                      <a:pt x="54" y="12"/>
                    </a:lnTo>
                    <a:lnTo>
                      <a:pt x="66" y="6"/>
                    </a:lnTo>
                    <a:lnTo>
                      <a:pt x="78" y="24"/>
                    </a:lnTo>
                    <a:lnTo>
                      <a:pt x="108" y="0"/>
                    </a:lnTo>
                    <a:lnTo>
                      <a:pt x="138" y="18"/>
                    </a:lnTo>
                    <a:lnTo>
                      <a:pt x="168" y="120"/>
                    </a:lnTo>
                    <a:lnTo>
                      <a:pt x="186" y="120"/>
                    </a:lnTo>
                    <a:lnTo>
                      <a:pt x="192" y="144"/>
                    </a:lnTo>
                    <a:lnTo>
                      <a:pt x="216" y="150"/>
                    </a:lnTo>
                    <a:lnTo>
                      <a:pt x="216" y="168"/>
                    </a:lnTo>
                    <a:lnTo>
                      <a:pt x="228" y="168"/>
                    </a:lnTo>
                    <a:lnTo>
                      <a:pt x="222" y="186"/>
                    </a:lnTo>
                    <a:lnTo>
                      <a:pt x="192" y="204"/>
                    </a:lnTo>
                    <a:lnTo>
                      <a:pt x="180" y="222"/>
                    </a:lnTo>
                    <a:lnTo>
                      <a:pt x="174" y="210"/>
                    </a:lnTo>
                    <a:lnTo>
                      <a:pt x="162" y="222"/>
                    </a:lnTo>
                    <a:lnTo>
                      <a:pt x="156" y="216"/>
                    </a:lnTo>
                    <a:lnTo>
                      <a:pt x="156" y="234"/>
                    </a:lnTo>
                    <a:lnTo>
                      <a:pt x="144" y="234"/>
                    </a:lnTo>
                    <a:lnTo>
                      <a:pt x="150" y="228"/>
                    </a:lnTo>
                    <a:lnTo>
                      <a:pt x="138" y="216"/>
                    </a:lnTo>
                    <a:lnTo>
                      <a:pt x="126" y="270"/>
                    </a:lnTo>
                    <a:lnTo>
                      <a:pt x="120" y="264"/>
                    </a:lnTo>
                    <a:lnTo>
                      <a:pt x="114" y="282"/>
                    </a:lnTo>
                    <a:lnTo>
                      <a:pt x="102" y="282"/>
                    </a:lnTo>
                    <a:lnTo>
                      <a:pt x="102" y="300"/>
                    </a:lnTo>
                    <a:lnTo>
                      <a:pt x="96" y="288"/>
                    </a:lnTo>
                    <a:lnTo>
                      <a:pt x="84" y="294"/>
                    </a:lnTo>
                    <a:lnTo>
                      <a:pt x="66" y="36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07" name="Freeform 434"/>
              <p:cNvSpPr>
                <a:spLocks noChangeAspect="1"/>
              </p:cNvSpPr>
              <p:nvPr/>
            </p:nvSpPr>
            <p:spPr bwMode="auto">
              <a:xfrm>
                <a:off x="4269" y="1248"/>
                <a:ext cx="228" cy="366"/>
              </a:xfrm>
              <a:custGeom>
                <a:avLst/>
                <a:gdLst>
                  <a:gd name="T0" fmla="*/ 66 w 228"/>
                  <a:gd name="T1" fmla="*/ 360 h 366"/>
                  <a:gd name="T2" fmla="*/ 60 w 228"/>
                  <a:gd name="T3" fmla="*/ 360 h 366"/>
                  <a:gd name="T4" fmla="*/ 42 w 228"/>
                  <a:gd name="T5" fmla="*/ 336 h 366"/>
                  <a:gd name="T6" fmla="*/ 0 w 228"/>
                  <a:gd name="T7" fmla="*/ 198 h 366"/>
                  <a:gd name="T8" fmla="*/ 18 w 228"/>
                  <a:gd name="T9" fmla="*/ 198 h 366"/>
                  <a:gd name="T10" fmla="*/ 12 w 228"/>
                  <a:gd name="T11" fmla="*/ 180 h 366"/>
                  <a:gd name="T12" fmla="*/ 24 w 228"/>
                  <a:gd name="T13" fmla="*/ 180 h 366"/>
                  <a:gd name="T14" fmla="*/ 18 w 228"/>
                  <a:gd name="T15" fmla="*/ 174 h 366"/>
                  <a:gd name="T16" fmla="*/ 30 w 228"/>
                  <a:gd name="T17" fmla="*/ 138 h 366"/>
                  <a:gd name="T18" fmla="*/ 30 w 228"/>
                  <a:gd name="T19" fmla="*/ 78 h 366"/>
                  <a:gd name="T20" fmla="*/ 54 w 228"/>
                  <a:gd name="T21" fmla="*/ 12 h 366"/>
                  <a:gd name="T22" fmla="*/ 66 w 228"/>
                  <a:gd name="T23" fmla="*/ 6 h 366"/>
                  <a:gd name="T24" fmla="*/ 78 w 228"/>
                  <a:gd name="T25" fmla="*/ 24 h 366"/>
                  <a:gd name="T26" fmla="*/ 108 w 228"/>
                  <a:gd name="T27" fmla="*/ 0 h 366"/>
                  <a:gd name="T28" fmla="*/ 138 w 228"/>
                  <a:gd name="T29" fmla="*/ 18 h 366"/>
                  <a:gd name="T30" fmla="*/ 168 w 228"/>
                  <a:gd name="T31" fmla="*/ 120 h 366"/>
                  <a:gd name="T32" fmla="*/ 186 w 228"/>
                  <a:gd name="T33" fmla="*/ 120 h 366"/>
                  <a:gd name="T34" fmla="*/ 192 w 228"/>
                  <a:gd name="T35" fmla="*/ 144 h 366"/>
                  <a:gd name="T36" fmla="*/ 216 w 228"/>
                  <a:gd name="T37" fmla="*/ 150 h 366"/>
                  <a:gd name="T38" fmla="*/ 216 w 228"/>
                  <a:gd name="T39" fmla="*/ 168 h 366"/>
                  <a:gd name="T40" fmla="*/ 228 w 228"/>
                  <a:gd name="T41" fmla="*/ 168 h 366"/>
                  <a:gd name="T42" fmla="*/ 222 w 228"/>
                  <a:gd name="T43" fmla="*/ 186 h 366"/>
                  <a:gd name="T44" fmla="*/ 192 w 228"/>
                  <a:gd name="T45" fmla="*/ 204 h 366"/>
                  <a:gd name="T46" fmla="*/ 180 w 228"/>
                  <a:gd name="T47" fmla="*/ 222 h 366"/>
                  <a:gd name="T48" fmla="*/ 174 w 228"/>
                  <a:gd name="T49" fmla="*/ 210 h 366"/>
                  <a:gd name="T50" fmla="*/ 162 w 228"/>
                  <a:gd name="T51" fmla="*/ 222 h 366"/>
                  <a:gd name="T52" fmla="*/ 156 w 228"/>
                  <a:gd name="T53" fmla="*/ 216 h 366"/>
                  <a:gd name="T54" fmla="*/ 156 w 228"/>
                  <a:gd name="T55" fmla="*/ 234 h 366"/>
                  <a:gd name="T56" fmla="*/ 144 w 228"/>
                  <a:gd name="T57" fmla="*/ 234 h 366"/>
                  <a:gd name="T58" fmla="*/ 150 w 228"/>
                  <a:gd name="T59" fmla="*/ 228 h 366"/>
                  <a:gd name="T60" fmla="*/ 138 w 228"/>
                  <a:gd name="T61" fmla="*/ 216 h 366"/>
                  <a:gd name="T62" fmla="*/ 126 w 228"/>
                  <a:gd name="T63" fmla="*/ 270 h 366"/>
                  <a:gd name="T64" fmla="*/ 120 w 228"/>
                  <a:gd name="T65" fmla="*/ 264 h 366"/>
                  <a:gd name="T66" fmla="*/ 114 w 228"/>
                  <a:gd name="T67" fmla="*/ 282 h 366"/>
                  <a:gd name="T68" fmla="*/ 102 w 228"/>
                  <a:gd name="T69" fmla="*/ 282 h 366"/>
                  <a:gd name="T70" fmla="*/ 102 w 228"/>
                  <a:gd name="T71" fmla="*/ 300 h 366"/>
                  <a:gd name="T72" fmla="*/ 96 w 228"/>
                  <a:gd name="T73" fmla="*/ 288 h 366"/>
                  <a:gd name="T74" fmla="*/ 84 w 228"/>
                  <a:gd name="T75" fmla="*/ 294 h 366"/>
                  <a:gd name="T76" fmla="*/ 66 w 228"/>
                  <a:gd name="T77" fmla="*/ 360 h 366"/>
                  <a:gd name="T78" fmla="*/ 66 w 228"/>
                  <a:gd name="T79" fmla="*/ 366 h 36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w 228"/>
                  <a:gd name="T121" fmla="*/ 0 h 366"/>
                  <a:gd name="T122" fmla="*/ 228 w 228"/>
                  <a:gd name="T123" fmla="*/ 366 h 366"/>
                </a:gdLst>
                <a:ahLst/>
                <a:cxnLst>
                  <a:cxn ang="T80">
                    <a:pos x="T0" y="T1"/>
                  </a:cxn>
                  <a:cxn ang="T81">
                    <a:pos x="T2" y="T3"/>
                  </a:cxn>
                  <a:cxn ang="T82">
                    <a:pos x="T4" y="T5"/>
                  </a:cxn>
                  <a:cxn ang="T83">
                    <a:pos x="T6" y="T7"/>
                  </a:cxn>
                  <a:cxn ang="T84">
                    <a:pos x="T8" y="T9"/>
                  </a:cxn>
                  <a:cxn ang="T85">
                    <a:pos x="T10" y="T11"/>
                  </a:cxn>
                  <a:cxn ang="T86">
                    <a:pos x="T12" y="T13"/>
                  </a:cxn>
                  <a:cxn ang="T87">
                    <a:pos x="T14" y="T15"/>
                  </a:cxn>
                  <a:cxn ang="T88">
                    <a:pos x="T16" y="T17"/>
                  </a:cxn>
                  <a:cxn ang="T89">
                    <a:pos x="T18" y="T19"/>
                  </a:cxn>
                  <a:cxn ang="T90">
                    <a:pos x="T20" y="T21"/>
                  </a:cxn>
                  <a:cxn ang="T91">
                    <a:pos x="T22" y="T23"/>
                  </a:cxn>
                  <a:cxn ang="T92">
                    <a:pos x="T24" y="T25"/>
                  </a:cxn>
                  <a:cxn ang="T93">
                    <a:pos x="T26" y="T27"/>
                  </a:cxn>
                  <a:cxn ang="T94">
                    <a:pos x="T28" y="T29"/>
                  </a:cxn>
                  <a:cxn ang="T95">
                    <a:pos x="T30" y="T31"/>
                  </a:cxn>
                  <a:cxn ang="T96">
                    <a:pos x="T32" y="T33"/>
                  </a:cxn>
                  <a:cxn ang="T97">
                    <a:pos x="T34" y="T35"/>
                  </a:cxn>
                  <a:cxn ang="T98">
                    <a:pos x="T36" y="T37"/>
                  </a:cxn>
                  <a:cxn ang="T99">
                    <a:pos x="T38" y="T39"/>
                  </a:cxn>
                  <a:cxn ang="T100">
                    <a:pos x="T40" y="T41"/>
                  </a:cxn>
                  <a:cxn ang="T101">
                    <a:pos x="T42" y="T43"/>
                  </a:cxn>
                  <a:cxn ang="T102">
                    <a:pos x="T44" y="T45"/>
                  </a:cxn>
                  <a:cxn ang="T103">
                    <a:pos x="T46" y="T47"/>
                  </a:cxn>
                  <a:cxn ang="T104">
                    <a:pos x="T48" y="T49"/>
                  </a:cxn>
                  <a:cxn ang="T105">
                    <a:pos x="T50" y="T51"/>
                  </a:cxn>
                  <a:cxn ang="T106">
                    <a:pos x="T52" y="T53"/>
                  </a:cxn>
                  <a:cxn ang="T107">
                    <a:pos x="T54" y="T55"/>
                  </a:cxn>
                  <a:cxn ang="T108">
                    <a:pos x="T56" y="T57"/>
                  </a:cxn>
                  <a:cxn ang="T109">
                    <a:pos x="T58" y="T59"/>
                  </a:cxn>
                  <a:cxn ang="T110">
                    <a:pos x="T60" y="T61"/>
                  </a:cxn>
                  <a:cxn ang="T111">
                    <a:pos x="T62" y="T63"/>
                  </a:cxn>
                  <a:cxn ang="T112">
                    <a:pos x="T64" y="T65"/>
                  </a:cxn>
                  <a:cxn ang="T113">
                    <a:pos x="T66" y="T67"/>
                  </a:cxn>
                  <a:cxn ang="T114">
                    <a:pos x="T68" y="T69"/>
                  </a:cxn>
                  <a:cxn ang="T115">
                    <a:pos x="T70" y="T71"/>
                  </a:cxn>
                  <a:cxn ang="T116">
                    <a:pos x="T72" y="T73"/>
                  </a:cxn>
                  <a:cxn ang="T117">
                    <a:pos x="T74" y="T75"/>
                  </a:cxn>
                  <a:cxn ang="T118">
                    <a:pos x="T76" y="T77"/>
                  </a:cxn>
                  <a:cxn ang="T119">
                    <a:pos x="T78" y="T79"/>
                  </a:cxn>
                </a:cxnLst>
                <a:rect l="T120" t="T121" r="T122" b="T123"/>
                <a:pathLst>
                  <a:path w="228" h="366">
                    <a:moveTo>
                      <a:pt x="66" y="360"/>
                    </a:moveTo>
                    <a:lnTo>
                      <a:pt x="60" y="360"/>
                    </a:lnTo>
                    <a:lnTo>
                      <a:pt x="42" y="336"/>
                    </a:lnTo>
                    <a:lnTo>
                      <a:pt x="0" y="198"/>
                    </a:lnTo>
                    <a:lnTo>
                      <a:pt x="18" y="198"/>
                    </a:lnTo>
                    <a:lnTo>
                      <a:pt x="12" y="180"/>
                    </a:lnTo>
                    <a:lnTo>
                      <a:pt x="24" y="180"/>
                    </a:lnTo>
                    <a:lnTo>
                      <a:pt x="18" y="174"/>
                    </a:lnTo>
                    <a:lnTo>
                      <a:pt x="30" y="138"/>
                    </a:lnTo>
                    <a:lnTo>
                      <a:pt x="30" y="78"/>
                    </a:lnTo>
                    <a:lnTo>
                      <a:pt x="54" y="12"/>
                    </a:lnTo>
                    <a:lnTo>
                      <a:pt x="66" y="6"/>
                    </a:lnTo>
                    <a:lnTo>
                      <a:pt x="78" y="24"/>
                    </a:lnTo>
                    <a:lnTo>
                      <a:pt x="108" y="0"/>
                    </a:lnTo>
                    <a:lnTo>
                      <a:pt x="138" y="18"/>
                    </a:lnTo>
                    <a:lnTo>
                      <a:pt x="168" y="120"/>
                    </a:lnTo>
                    <a:lnTo>
                      <a:pt x="186" y="120"/>
                    </a:lnTo>
                    <a:lnTo>
                      <a:pt x="192" y="144"/>
                    </a:lnTo>
                    <a:lnTo>
                      <a:pt x="216" y="150"/>
                    </a:lnTo>
                    <a:lnTo>
                      <a:pt x="216" y="168"/>
                    </a:lnTo>
                    <a:lnTo>
                      <a:pt x="228" y="168"/>
                    </a:lnTo>
                    <a:lnTo>
                      <a:pt x="222" y="186"/>
                    </a:lnTo>
                    <a:lnTo>
                      <a:pt x="192" y="204"/>
                    </a:lnTo>
                    <a:lnTo>
                      <a:pt x="180" y="222"/>
                    </a:lnTo>
                    <a:lnTo>
                      <a:pt x="174" y="210"/>
                    </a:lnTo>
                    <a:lnTo>
                      <a:pt x="162" y="222"/>
                    </a:lnTo>
                    <a:lnTo>
                      <a:pt x="156" y="216"/>
                    </a:lnTo>
                    <a:lnTo>
                      <a:pt x="156" y="234"/>
                    </a:lnTo>
                    <a:lnTo>
                      <a:pt x="144" y="234"/>
                    </a:lnTo>
                    <a:lnTo>
                      <a:pt x="150" y="228"/>
                    </a:lnTo>
                    <a:lnTo>
                      <a:pt x="138" y="216"/>
                    </a:lnTo>
                    <a:lnTo>
                      <a:pt x="126" y="270"/>
                    </a:lnTo>
                    <a:lnTo>
                      <a:pt x="120" y="264"/>
                    </a:lnTo>
                    <a:lnTo>
                      <a:pt x="114" y="282"/>
                    </a:lnTo>
                    <a:lnTo>
                      <a:pt x="102" y="282"/>
                    </a:lnTo>
                    <a:lnTo>
                      <a:pt x="102" y="300"/>
                    </a:lnTo>
                    <a:lnTo>
                      <a:pt x="96" y="288"/>
                    </a:lnTo>
                    <a:lnTo>
                      <a:pt x="84" y="294"/>
                    </a:lnTo>
                    <a:lnTo>
                      <a:pt x="66" y="360"/>
                    </a:lnTo>
                    <a:lnTo>
                      <a:pt x="66" y="3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08" name="Freeform 435"/>
              <p:cNvSpPr>
                <a:spLocks noChangeAspect="1"/>
              </p:cNvSpPr>
              <p:nvPr/>
            </p:nvSpPr>
            <p:spPr bwMode="auto">
              <a:xfrm>
                <a:off x="3891" y="1932"/>
                <a:ext cx="282" cy="138"/>
              </a:xfrm>
              <a:custGeom>
                <a:avLst/>
                <a:gdLst>
                  <a:gd name="T0" fmla="*/ 216 w 282"/>
                  <a:gd name="T1" fmla="*/ 0 h 138"/>
                  <a:gd name="T2" fmla="*/ 246 w 282"/>
                  <a:gd name="T3" fmla="*/ 96 h 138"/>
                  <a:gd name="T4" fmla="*/ 282 w 282"/>
                  <a:gd name="T5" fmla="*/ 84 h 138"/>
                  <a:gd name="T6" fmla="*/ 282 w 282"/>
                  <a:gd name="T7" fmla="*/ 120 h 138"/>
                  <a:gd name="T8" fmla="*/ 276 w 282"/>
                  <a:gd name="T9" fmla="*/ 120 h 138"/>
                  <a:gd name="T10" fmla="*/ 276 w 282"/>
                  <a:gd name="T11" fmla="*/ 102 h 138"/>
                  <a:gd name="T12" fmla="*/ 270 w 282"/>
                  <a:gd name="T13" fmla="*/ 120 h 138"/>
                  <a:gd name="T14" fmla="*/ 258 w 282"/>
                  <a:gd name="T15" fmla="*/ 126 h 138"/>
                  <a:gd name="T16" fmla="*/ 258 w 282"/>
                  <a:gd name="T17" fmla="*/ 132 h 138"/>
                  <a:gd name="T18" fmla="*/ 246 w 282"/>
                  <a:gd name="T19" fmla="*/ 138 h 138"/>
                  <a:gd name="T20" fmla="*/ 234 w 282"/>
                  <a:gd name="T21" fmla="*/ 108 h 138"/>
                  <a:gd name="T22" fmla="*/ 228 w 282"/>
                  <a:gd name="T23" fmla="*/ 114 h 138"/>
                  <a:gd name="T24" fmla="*/ 210 w 282"/>
                  <a:gd name="T25" fmla="*/ 102 h 138"/>
                  <a:gd name="T26" fmla="*/ 216 w 282"/>
                  <a:gd name="T27" fmla="*/ 96 h 138"/>
                  <a:gd name="T28" fmla="*/ 210 w 282"/>
                  <a:gd name="T29" fmla="*/ 90 h 138"/>
                  <a:gd name="T30" fmla="*/ 222 w 282"/>
                  <a:gd name="T31" fmla="*/ 90 h 138"/>
                  <a:gd name="T32" fmla="*/ 216 w 282"/>
                  <a:gd name="T33" fmla="*/ 78 h 138"/>
                  <a:gd name="T34" fmla="*/ 204 w 282"/>
                  <a:gd name="T35" fmla="*/ 78 h 138"/>
                  <a:gd name="T36" fmla="*/ 210 w 282"/>
                  <a:gd name="T37" fmla="*/ 72 h 138"/>
                  <a:gd name="T38" fmla="*/ 210 w 282"/>
                  <a:gd name="T39" fmla="*/ 48 h 138"/>
                  <a:gd name="T40" fmla="*/ 198 w 282"/>
                  <a:gd name="T41" fmla="*/ 48 h 138"/>
                  <a:gd name="T42" fmla="*/ 216 w 282"/>
                  <a:gd name="T43" fmla="*/ 18 h 138"/>
                  <a:gd name="T44" fmla="*/ 210 w 282"/>
                  <a:gd name="T45" fmla="*/ 12 h 138"/>
                  <a:gd name="T46" fmla="*/ 186 w 282"/>
                  <a:gd name="T47" fmla="*/ 48 h 138"/>
                  <a:gd name="T48" fmla="*/ 180 w 282"/>
                  <a:gd name="T49" fmla="*/ 42 h 138"/>
                  <a:gd name="T50" fmla="*/ 192 w 282"/>
                  <a:gd name="T51" fmla="*/ 54 h 138"/>
                  <a:gd name="T52" fmla="*/ 186 w 282"/>
                  <a:gd name="T53" fmla="*/ 84 h 138"/>
                  <a:gd name="T54" fmla="*/ 204 w 282"/>
                  <a:gd name="T55" fmla="*/ 108 h 138"/>
                  <a:gd name="T56" fmla="*/ 186 w 282"/>
                  <a:gd name="T57" fmla="*/ 108 h 138"/>
                  <a:gd name="T58" fmla="*/ 204 w 282"/>
                  <a:gd name="T59" fmla="*/ 114 h 138"/>
                  <a:gd name="T60" fmla="*/ 216 w 282"/>
                  <a:gd name="T61" fmla="*/ 132 h 138"/>
                  <a:gd name="T62" fmla="*/ 162 w 282"/>
                  <a:gd name="T63" fmla="*/ 114 h 138"/>
                  <a:gd name="T64" fmla="*/ 156 w 282"/>
                  <a:gd name="T65" fmla="*/ 126 h 138"/>
                  <a:gd name="T66" fmla="*/ 150 w 282"/>
                  <a:gd name="T67" fmla="*/ 114 h 138"/>
                  <a:gd name="T68" fmla="*/ 162 w 282"/>
                  <a:gd name="T69" fmla="*/ 84 h 138"/>
                  <a:gd name="T70" fmla="*/ 162 w 282"/>
                  <a:gd name="T71" fmla="*/ 78 h 138"/>
                  <a:gd name="T72" fmla="*/ 150 w 282"/>
                  <a:gd name="T73" fmla="*/ 72 h 138"/>
                  <a:gd name="T74" fmla="*/ 114 w 282"/>
                  <a:gd name="T75" fmla="*/ 54 h 138"/>
                  <a:gd name="T76" fmla="*/ 102 w 282"/>
                  <a:gd name="T77" fmla="*/ 30 h 138"/>
                  <a:gd name="T78" fmla="*/ 78 w 282"/>
                  <a:gd name="T79" fmla="*/ 30 h 138"/>
                  <a:gd name="T80" fmla="*/ 66 w 282"/>
                  <a:gd name="T81" fmla="*/ 48 h 138"/>
                  <a:gd name="T82" fmla="*/ 48 w 282"/>
                  <a:gd name="T83" fmla="*/ 42 h 138"/>
                  <a:gd name="T84" fmla="*/ 12 w 282"/>
                  <a:gd name="T85" fmla="*/ 78 h 138"/>
                  <a:gd name="T86" fmla="*/ 0 w 282"/>
                  <a:gd name="T87" fmla="*/ 42 h 138"/>
                  <a:gd name="T88" fmla="*/ 198 w 282"/>
                  <a:gd name="T89" fmla="*/ 0 h 138"/>
                  <a:gd name="T90" fmla="*/ 216 w 282"/>
                  <a:gd name="T91" fmla="*/ 0 h 138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w 282"/>
                  <a:gd name="T139" fmla="*/ 0 h 138"/>
                  <a:gd name="T140" fmla="*/ 282 w 282"/>
                  <a:gd name="T141" fmla="*/ 138 h 138"/>
                </a:gdLst>
                <a:ahLst/>
                <a:cxnLst>
                  <a:cxn ang="T92">
                    <a:pos x="T0" y="T1"/>
                  </a:cxn>
                  <a:cxn ang="T93">
                    <a:pos x="T2" y="T3"/>
                  </a:cxn>
                  <a:cxn ang="T94">
                    <a:pos x="T4" y="T5"/>
                  </a:cxn>
                  <a:cxn ang="T95">
                    <a:pos x="T6" y="T7"/>
                  </a:cxn>
                  <a:cxn ang="T96">
                    <a:pos x="T8" y="T9"/>
                  </a:cxn>
                  <a:cxn ang="T97">
                    <a:pos x="T10" y="T11"/>
                  </a:cxn>
                  <a:cxn ang="T98">
                    <a:pos x="T12" y="T13"/>
                  </a:cxn>
                  <a:cxn ang="T99">
                    <a:pos x="T14" y="T15"/>
                  </a:cxn>
                  <a:cxn ang="T100">
                    <a:pos x="T16" y="T17"/>
                  </a:cxn>
                  <a:cxn ang="T101">
                    <a:pos x="T18" y="T19"/>
                  </a:cxn>
                  <a:cxn ang="T102">
                    <a:pos x="T20" y="T21"/>
                  </a:cxn>
                  <a:cxn ang="T103">
                    <a:pos x="T22" y="T23"/>
                  </a:cxn>
                  <a:cxn ang="T104">
                    <a:pos x="T24" y="T25"/>
                  </a:cxn>
                  <a:cxn ang="T105">
                    <a:pos x="T26" y="T27"/>
                  </a:cxn>
                  <a:cxn ang="T106">
                    <a:pos x="T28" y="T29"/>
                  </a:cxn>
                  <a:cxn ang="T107">
                    <a:pos x="T30" y="T31"/>
                  </a:cxn>
                  <a:cxn ang="T108">
                    <a:pos x="T32" y="T33"/>
                  </a:cxn>
                  <a:cxn ang="T109">
                    <a:pos x="T34" y="T35"/>
                  </a:cxn>
                  <a:cxn ang="T110">
                    <a:pos x="T36" y="T37"/>
                  </a:cxn>
                  <a:cxn ang="T111">
                    <a:pos x="T38" y="T39"/>
                  </a:cxn>
                  <a:cxn ang="T112">
                    <a:pos x="T40" y="T41"/>
                  </a:cxn>
                  <a:cxn ang="T113">
                    <a:pos x="T42" y="T43"/>
                  </a:cxn>
                  <a:cxn ang="T114">
                    <a:pos x="T44" y="T45"/>
                  </a:cxn>
                  <a:cxn ang="T115">
                    <a:pos x="T46" y="T47"/>
                  </a:cxn>
                  <a:cxn ang="T116">
                    <a:pos x="T48" y="T49"/>
                  </a:cxn>
                  <a:cxn ang="T117">
                    <a:pos x="T50" y="T51"/>
                  </a:cxn>
                  <a:cxn ang="T118">
                    <a:pos x="T52" y="T53"/>
                  </a:cxn>
                  <a:cxn ang="T119">
                    <a:pos x="T54" y="T55"/>
                  </a:cxn>
                  <a:cxn ang="T120">
                    <a:pos x="T56" y="T57"/>
                  </a:cxn>
                  <a:cxn ang="T121">
                    <a:pos x="T58" y="T59"/>
                  </a:cxn>
                  <a:cxn ang="T122">
                    <a:pos x="T60" y="T61"/>
                  </a:cxn>
                  <a:cxn ang="T123">
                    <a:pos x="T62" y="T63"/>
                  </a:cxn>
                  <a:cxn ang="T124">
                    <a:pos x="T64" y="T65"/>
                  </a:cxn>
                  <a:cxn ang="T125">
                    <a:pos x="T66" y="T67"/>
                  </a:cxn>
                  <a:cxn ang="T126">
                    <a:pos x="T68" y="T69"/>
                  </a:cxn>
                  <a:cxn ang="T127">
                    <a:pos x="T70" y="T71"/>
                  </a:cxn>
                  <a:cxn ang="T128">
                    <a:pos x="T72" y="T73"/>
                  </a:cxn>
                  <a:cxn ang="T129">
                    <a:pos x="T74" y="T75"/>
                  </a:cxn>
                  <a:cxn ang="T130">
                    <a:pos x="T76" y="T77"/>
                  </a:cxn>
                  <a:cxn ang="T131">
                    <a:pos x="T78" y="T79"/>
                  </a:cxn>
                  <a:cxn ang="T132">
                    <a:pos x="T80" y="T81"/>
                  </a:cxn>
                  <a:cxn ang="T133">
                    <a:pos x="T82" y="T83"/>
                  </a:cxn>
                  <a:cxn ang="T134">
                    <a:pos x="T84" y="T85"/>
                  </a:cxn>
                  <a:cxn ang="T135">
                    <a:pos x="T86" y="T87"/>
                  </a:cxn>
                  <a:cxn ang="T136">
                    <a:pos x="T88" y="T89"/>
                  </a:cxn>
                  <a:cxn ang="T137">
                    <a:pos x="T90" y="T91"/>
                  </a:cxn>
                </a:cxnLst>
                <a:rect l="T138" t="T139" r="T140" b="T141"/>
                <a:pathLst>
                  <a:path w="282" h="138">
                    <a:moveTo>
                      <a:pt x="216" y="0"/>
                    </a:moveTo>
                    <a:lnTo>
                      <a:pt x="246" y="96"/>
                    </a:lnTo>
                    <a:lnTo>
                      <a:pt x="282" y="84"/>
                    </a:lnTo>
                    <a:lnTo>
                      <a:pt x="282" y="120"/>
                    </a:lnTo>
                    <a:lnTo>
                      <a:pt x="276" y="120"/>
                    </a:lnTo>
                    <a:lnTo>
                      <a:pt x="276" y="102"/>
                    </a:lnTo>
                    <a:lnTo>
                      <a:pt x="270" y="120"/>
                    </a:lnTo>
                    <a:lnTo>
                      <a:pt x="258" y="126"/>
                    </a:lnTo>
                    <a:lnTo>
                      <a:pt x="258" y="132"/>
                    </a:lnTo>
                    <a:lnTo>
                      <a:pt x="246" y="138"/>
                    </a:lnTo>
                    <a:lnTo>
                      <a:pt x="234" y="108"/>
                    </a:lnTo>
                    <a:lnTo>
                      <a:pt x="228" y="114"/>
                    </a:lnTo>
                    <a:lnTo>
                      <a:pt x="210" y="102"/>
                    </a:lnTo>
                    <a:lnTo>
                      <a:pt x="216" y="96"/>
                    </a:lnTo>
                    <a:lnTo>
                      <a:pt x="210" y="90"/>
                    </a:lnTo>
                    <a:lnTo>
                      <a:pt x="222" y="90"/>
                    </a:lnTo>
                    <a:lnTo>
                      <a:pt x="216" y="78"/>
                    </a:lnTo>
                    <a:lnTo>
                      <a:pt x="204" y="78"/>
                    </a:lnTo>
                    <a:lnTo>
                      <a:pt x="210" y="72"/>
                    </a:lnTo>
                    <a:lnTo>
                      <a:pt x="210" y="48"/>
                    </a:lnTo>
                    <a:lnTo>
                      <a:pt x="198" y="48"/>
                    </a:lnTo>
                    <a:lnTo>
                      <a:pt x="216" y="18"/>
                    </a:lnTo>
                    <a:lnTo>
                      <a:pt x="210" y="12"/>
                    </a:lnTo>
                    <a:lnTo>
                      <a:pt x="186" y="48"/>
                    </a:lnTo>
                    <a:lnTo>
                      <a:pt x="180" y="42"/>
                    </a:lnTo>
                    <a:lnTo>
                      <a:pt x="192" y="54"/>
                    </a:lnTo>
                    <a:lnTo>
                      <a:pt x="186" y="84"/>
                    </a:lnTo>
                    <a:lnTo>
                      <a:pt x="204" y="108"/>
                    </a:lnTo>
                    <a:lnTo>
                      <a:pt x="186" y="108"/>
                    </a:lnTo>
                    <a:lnTo>
                      <a:pt x="204" y="114"/>
                    </a:lnTo>
                    <a:lnTo>
                      <a:pt x="216" y="132"/>
                    </a:lnTo>
                    <a:lnTo>
                      <a:pt x="162" y="114"/>
                    </a:lnTo>
                    <a:lnTo>
                      <a:pt x="156" y="126"/>
                    </a:lnTo>
                    <a:lnTo>
                      <a:pt x="150" y="114"/>
                    </a:lnTo>
                    <a:lnTo>
                      <a:pt x="162" y="84"/>
                    </a:lnTo>
                    <a:lnTo>
                      <a:pt x="162" y="78"/>
                    </a:lnTo>
                    <a:lnTo>
                      <a:pt x="150" y="72"/>
                    </a:lnTo>
                    <a:lnTo>
                      <a:pt x="114" y="54"/>
                    </a:lnTo>
                    <a:lnTo>
                      <a:pt x="102" y="30"/>
                    </a:lnTo>
                    <a:lnTo>
                      <a:pt x="78" y="30"/>
                    </a:lnTo>
                    <a:lnTo>
                      <a:pt x="66" y="48"/>
                    </a:lnTo>
                    <a:lnTo>
                      <a:pt x="48" y="42"/>
                    </a:lnTo>
                    <a:lnTo>
                      <a:pt x="12" y="78"/>
                    </a:lnTo>
                    <a:lnTo>
                      <a:pt x="0" y="42"/>
                    </a:lnTo>
                    <a:lnTo>
                      <a:pt x="198" y="0"/>
                    </a:lnTo>
                    <a:lnTo>
                      <a:pt x="216" y="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09" name="Freeform 436"/>
              <p:cNvSpPr>
                <a:spLocks noChangeAspect="1"/>
              </p:cNvSpPr>
              <p:nvPr/>
            </p:nvSpPr>
            <p:spPr bwMode="auto">
              <a:xfrm>
                <a:off x="3891" y="1932"/>
                <a:ext cx="282" cy="138"/>
              </a:xfrm>
              <a:custGeom>
                <a:avLst/>
                <a:gdLst>
                  <a:gd name="T0" fmla="*/ 216 w 282"/>
                  <a:gd name="T1" fmla="*/ 0 h 138"/>
                  <a:gd name="T2" fmla="*/ 246 w 282"/>
                  <a:gd name="T3" fmla="*/ 96 h 138"/>
                  <a:gd name="T4" fmla="*/ 282 w 282"/>
                  <a:gd name="T5" fmla="*/ 84 h 138"/>
                  <a:gd name="T6" fmla="*/ 282 w 282"/>
                  <a:gd name="T7" fmla="*/ 120 h 138"/>
                  <a:gd name="T8" fmla="*/ 276 w 282"/>
                  <a:gd name="T9" fmla="*/ 120 h 138"/>
                  <a:gd name="T10" fmla="*/ 276 w 282"/>
                  <a:gd name="T11" fmla="*/ 102 h 138"/>
                  <a:gd name="T12" fmla="*/ 270 w 282"/>
                  <a:gd name="T13" fmla="*/ 120 h 138"/>
                  <a:gd name="T14" fmla="*/ 258 w 282"/>
                  <a:gd name="T15" fmla="*/ 126 h 138"/>
                  <a:gd name="T16" fmla="*/ 258 w 282"/>
                  <a:gd name="T17" fmla="*/ 132 h 138"/>
                  <a:gd name="T18" fmla="*/ 246 w 282"/>
                  <a:gd name="T19" fmla="*/ 138 h 138"/>
                  <a:gd name="T20" fmla="*/ 234 w 282"/>
                  <a:gd name="T21" fmla="*/ 108 h 138"/>
                  <a:gd name="T22" fmla="*/ 228 w 282"/>
                  <a:gd name="T23" fmla="*/ 114 h 138"/>
                  <a:gd name="T24" fmla="*/ 210 w 282"/>
                  <a:gd name="T25" fmla="*/ 102 h 138"/>
                  <a:gd name="T26" fmla="*/ 216 w 282"/>
                  <a:gd name="T27" fmla="*/ 96 h 138"/>
                  <a:gd name="T28" fmla="*/ 210 w 282"/>
                  <a:gd name="T29" fmla="*/ 90 h 138"/>
                  <a:gd name="T30" fmla="*/ 222 w 282"/>
                  <a:gd name="T31" fmla="*/ 90 h 138"/>
                  <a:gd name="T32" fmla="*/ 216 w 282"/>
                  <a:gd name="T33" fmla="*/ 78 h 138"/>
                  <a:gd name="T34" fmla="*/ 204 w 282"/>
                  <a:gd name="T35" fmla="*/ 78 h 138"/>
                  <a:gd name="T36" fmla="*/ 210 w 282"/>
                  <a:gd name="T37" fmla="*/ 72 h 138"/>
                  <a:gd name="T38" fmla="*/ 210 w 282"/>
                  <a:gd name="T39" fmla="*/ 48 h 138"/>
                  <a:gd name="T40" fmla="*/ 198 w 282"/>
                  <a:gd name="T41" fmla="*/ 48 h 138"/>
                  <a:gd name="T42" fmla="*/ 216 w 282"/>
                  <a:gd name="T43" fmla="*/ 18 h 138"/>
                  <a:gd name="T44" fmla="*/ 210 w 282"/>
                  <a:gd name="T45" fmla="*/ 12 h 138"/>
                  <a:gd name="T46" fmla="*/ 186 w 282"/>
                  <a:gd name="T47" fmla="*/ 48 h 138"/>
                  <a:gd name="T48" fmla="*/ 180 w 282"/>
                  <a:gd name="T49" fmla="*/ 42 h 138"/>
                  <a:gd name="T50" fmla="*/ 192 w 282"/>
                  <a:gd name="T51" fmla="*/ 54 h 138"/>
                  <a:gd name="T52" fmla="*/ 186 w 282"/>
                  <a:gd name="T53" fmla="*/ 84 h 138"/>
                  <a:gd name="T54" fmla="*/ 204 w 282"/>
                  <a:gd name="T55" fmla="*/ 108 h 138"/>
                  <a:gd name="T56" fmla="*/ 186 w 282"/>
                  <a:gd name="T57" fmla="*/ 108 h 138"/>
                  <a:gd name="T58" fmla="*/ 204 w 282"/>
                  <a:gd name="T59" fmla="*/ 114 h 138"/>
                  <a:gd name="T60" fmla="*/ 216 w 282"/>
                  <a:gd name="T61" fmla="*/ 132 h 138"/>
                  <a:gd name="T62" fmla="*/ 162 w 282"/>
                  <a:gd name="T63" fmla="*/ 114 h 138"/>
                  <a:gd name="T64" fmla="*/ 156 w 282"/>
                  <a:gd name="T65" fmla="*/ 126 h 138"/>
                  <a:gd name="T66" fmla="*/ 150 w 282"/>
                  <a:gd name="T67" fmla="*/ 114 h 138"/>
                  <a:gd name="T68" fmla="*/ 162 w 282"/>
                  <a:gd name="T69" fmla="*/ 84 h 138"/>
                  <a:gd name="T70" fmla="*/ 162 w 282"/>
                  <a:gd name="T71" fmla="*/ 78 h 138"/>
                  <a:gd name="T72" fmla="*/ 150 w 282"/>
                  <a:gd name="T73" fmla="*/ 72 h 138"/>
                  <a:gd name="T74" fmla="*/ 114 w 282"/>
                  <a:gd name="T75" fmla="*/ 54 h 138"/>
                  <a:gd name="T76" fmla="*/ 102 w 282"/>
                  <a:gd name="T77" fmla="*/ 30 h 138"/>
                  <a:gd name="T78" fmla="*/ 78 w 282"/>
                  <a:gd name="T79" fmla="*/ 30 h 138"/>
                  <a:gd name="T80" fmla="*/ 66 w 282"/>
                  <a:gd name="T81" fmla="*/ 48 h 138"/>
                  <a:gd name="T82" fmla="*/ 48 w 282"/>
                  <a:gd name="T83" fmla="*/ 42 h 138"/>
                  <a:gd name="T84" fmla="*/ 12 w 282"/>
                  <a:gd name="T85" fmla="*/ 78 h 138"/>
                  <a:gd name="T86" fmla="*/ 0 w 282"/>
                  <a:gd name="T87" fmla="*/ 42 h 138"/>
                  <a:gd name="T88" fmla="*/ 198 w 282"/>
                  <a:gd name="T89" fmla="*/ 0 h 138"/>
                  <a:gd name="T90" fmla="*/ 216 w 282"/>
                  <a:gd name="T91" fmla="*/ 0 h 138"/>
                  <a:gd name="T92" fmla="*/ 216 w 282"/>
                  <a:gd name="T93" fmla="*/ 6 h 138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w 282"/>
                  <a:gd name="T142" fmla="*/ 0 h 138"/>
                  <a:gd name="T143" fmla="*/ 282 w 282"/>
                  <a:gd name="T144" fmla="*/ 138 h 138"/>
                </a:gdLst>
                <a:ahLst/>
                <a:cxnLst>
                  <a:cxn ang="T94">
                    <a:pos x="T0" y="T1"/>
                  </a:cxn>
                  <a:cxn ang="T95">
                    <a:pos x="T2" y="T3"/>
                  </a:cxn>
                  <a:cxn ang="T96">
                    <a:pos x="T4" y="T5"/>
                  </a:cxn>
                  <a:cxn ang="T97">
                    <a:pos x="T6" y="T7"/>
                  </a:cxn>
                  <a:cxn ang="T98">
                    <a:pos x="T8" y="T9"/>
                  </a:cxn>
                  <a:cxn ang="T99">
                    <a:pos x="T10" y="T11"/>
                  </a:cxn>
                  <a:cxn ang="T100">
                    <a:pos x="T12" y="T13"/>
                  </a:cxn>
                  <a:cxn ang="T101">
                    <a:pos x="T14" y="T15"/>
                  </a:cxn>
                  <a:cxn ang="T102">
                    <a:pos x="T16" y="T17"/>
                  </a:cxn>
                  <a:cxn ang="T103">
                    <a:pos x="T18" y="T19"/>
                  </a:cxn>
                  <a:cxn ang="T104">
                    <a:pos x="T20" y="T21"/>
                  </a:cxn>
                  <a:cxn ang="T105">
                    <a:pos x="T22" y="T23"/>
                  </a:cxn>
                  <a:cxn ang="T106">
                    <a:pos x="T24" y="T25"/>
                  </a:cxn>
                  <a:cxn ang="T107">
                    <a:pos x="T26" y="T27"/>
                  </a:cxn>
                  <a:cxn ang="T108">
                    <a:pos x="T28" y="T29"/>
                  </a:cxn>
                  <a:cxn ang="T109">
                    <a:pos x="T30" y="T31"/>
                  </a:cxn>
                  <a:cxn ang="T110">
                    <a:pos x="T32" y="T33"/>
                  </a:cxn>
                  <a:cxn ang="T111">
                    <a:pos x="T34" y="T35"/>
                  </a:cxn>
                  <a:cxn ang="T112">
                    <a:pos x="T36" y="T37"/>
                  </a:cxn>
                  <a:cxn ang="T113">
                    <a:pos x="T38" y="T39"/>
                  </a:cxn>
                  <a:cxn ang="T114">
                    <a:pos x="T40" y="T41"/>
                  </a:cxn>
                  <a:cxn ang="T115">
                    <a:pos x="T42" y="T43"/>
                  </a:cxn>
                  <a:cxn ang="T116">
                    <a:pos x="T44" y="T45"/>
                  </a:cxn>
                  <a:cxn ang="T117">
                    <a:pos x="T46" y="T47"/>
                  </a:cxn>
                  <a:cxn ang="T118">
                    <a:pos x="T48" y="T49"/>
                  </a:cxn>
                  <a:cxn ang="T119">
                    <a:pos x="T50" y="T51"/>
                  </a:cxn>
                  <a:cxn ang="T120">
                    <a:pos x="T52" y="T53"/>
                  </a:cxn>
                  <a:cxn ang="T121">
                    <a:pos x="T54" y="T55"/>
                  </a:cxn>
                  <a:cxn ang="T122">
                    <a:pos x="T56" y="T57"/>
                  </a:cxn>
                  <a:cxn ang="T123">
                    <a:pos x="T58" y="T59"/>
                  </a:cxn>
                  <a:cxn ang="T124">
                    <a:pos x="T60" y="T61"/>
                  </a:cxn>
                  <a:cxn ang="T125">
                    <a:pos x="T62" y="T63"/>
                  </a:cxn>
                  <a:cxn ang="T126">
                    <a:pos x="T64" y="T65"/>
                  </a:cxn>
                  <a:cxn ang="T127">
                    <a:pos x="T66" y="T67"/>
                  </a:cxn>
                  <a:cxn ang="T128">
                    <a:pos x="T68" y="T69"/>
                  </a:cxn>
                  <a:cxn ang="T129">
                    <a:pos x="T70" y="T71"/>
                  </a:cxn>
                  <a:cxn ang="T130">
                    <a:pos x="T72" y="T73"/>
                  </a:cxn>
                  <a:cxn ang="T131">
                    <a:pos x="T74" y="T75"/>
                  </a:cxn>
                  <a:cxn ang="T132">
                    <a:pos x="T76" y="T77"/>
                  </a:cxn>
                  <a:cxn ang="T133">
                    <a:pos x="T78" y="T79"/>
                  </a:cxn>
                  <a:cxn ang="T134">
                    <a:pos x="T80" y="T81"/>
                  </a:cxn>
                  <a:cxn ang="T135">
                    <a:pos x="T82" y="T83"/>
                  </a:cxn>
                  <a:cxn ang="T136">
                    <a:pos x="T84" y="T85"/>
                  </a:cxn>
                  <a:cxn ang="T137">
                    <a:pos x="T86" y="T87"/>
                  </a:cxn>
                  <a:cxn ang="T138">
                    <a:pos x="T88" y="T89"/>
                  </a:cxn>
                  <a:cxn ang="T139">
                    <a:pos x="T90" y="T91"/>
                  </a:cxn>
                  <a:cxn ang="T140">
                    <a:pos x="T92" y="T93"/>
                  </a:cxn>
                </a:cxnLst>
                <a:rect l="T141" t="T142" r="T143" b="T144"/>
                <a:pathLst>
                  <a:path w="282" h="138">
                    <a:moveTo>
                      <a:pt x="216" y="0"/>
                    </a:moveTo>
                    <a:lnTo>
                      <a:pt x="246" y="96"/>
                    </a:lnTo>
                    <a:lnTo>
                      <a:pt x="282" y="84"/>
                    </a:lnTo>
                    <a:lnTo>
                      <a:pt x="282" y="120"/>
                    </a:lnTo>
                    <a:lnTo>
                      <a:pt x="276" y="120"/>
                    </a:lnTo>
                    <a:lnTo>
                      <a:pt x="276" y="102"/>
                    </a:lnTo>
                    <a:lnTo>
                      <a:pt x="270" y="120"/>
                    </a:lnTo>
                    <a:lnTo>
                      <a:pt x="258" y="126"/>
                    </a:lnTo>
                    <a:lnTo>
                      <a:pt x="258" y="132"/>
                    </a:lnTo>
                    <a:lnTo>
                      <a:pt x="246" y="138"/>
                    </a:lnTo>
                    <a:lnTo>
                      <a:pt x="234" y="108"/>
                    </a:lnTo>
                    <a:lnTo>
                      <a:pt x="228" y="114"/>
                    </a:lnTo>
                    <a:lnTo>
                      <a:pt x="210" y="102"/>
                    </a:lnTo>
                    <a:lnTo>
                      <a:pt x="216" y="96"/>
                    </a:lnTo>
                    <a:lnTo>
                      <a:pt x="210" y="90"/>
                    </a:lnTo>
                    <a:lnTo>
                      <a:pt x="222" y="90"/>
                    </a:lnTo>
                    <a:lnTo>
                      <a:pt x="216" y="78"/>
                    </a:lnTo>
                    <a:lnTo>
                      <a:pt x="204" y="78"/>
                    </a:lnTo>
                    <a:lnTo>
                      <a:pt x="210" y="72"/>
                    </a:lnTo>
                    <a:lnTo>
                      <a:pt x="210" y="48"/>
                    </a:lnTo>
                    <a:lnTo>
                      <a:pt x="198" y="48"/>
                    </a:lnTo>
                    <a:lnTo>
                      <a:pt x="216" y="18"/>
                    </a:lnTo>
                    <a:lnTo>
                      <a:pt x="210" y="12"/>
                    </a:lnTo>
                    <a:lnTo>
                      <a:pt x="186" y="48"/>
                    </a:lnTo>
                    <a:lnTo>
                      <a:pt x="180" y="42"/>
                    </a:lnTo>
                    <a:lnTo>
                      <a:pt x="192" y="54"/>
                    </a:lnTo>
                    <a:lnTo>
                      <a:pt x="186" y="84"/>
                    </a:lnTo>
                    <a:lnTo>
                      <a:pt x="204" y="108"/>
                    </a:lnTo>
                    <a:lnTo>
                      <a:pt x="186" y="108"/>
                    </a:lnTo>
                    <a:lnTo>
                      <a:pt x="204" y="114"/>
                    </a:lnTo>
                    <a:lnTo>
                      <a:pt x="216" y="132"/>
                    </a:lnTo>
                    <a:lnTo>
                      <a:pt x="162" y="114"/>
                    </a:lnTo>
                    <a:lnTo>
                      <a:pt x="156" y="126"/>
                    </a:lnTo>
                    <a:lnTo>
                      <a:pt x="150" y="114"/>
                    </a:lnTo>
                    <a:lnTo>
                      <a:pt x="162" y="84"/>
                    </a:lnTo>
                    <a:lnTo>
                      <a:pt x="162" y="78"/>
                    </a:lnTo>
                    <a:lnTo>
                      <a:pt x="150" y="72"/>
                    </a:lnTo>
                    <a:lnTo>
                      <a:pt x="114" y="54"/>
                    </a:lnTo>
                    <a:lnTo>
                      <a:pt x="102" y="30"/>
                    </a:lnTo>
                    <a:lnTo>
                      <a:pt x="78" y="30"/>
                    </a:lnTo>
                    <a:lnTo>
                      <a:pt x="66" y="48"/>
                    </a:lnTo>
                    <a:lnTo>
                      <a:pt x="48" y="42"/>
                    </a:lnTo>
                    <a:lnTo>
                      <a:pt x="12" y="78"/>
                    </a:lnTo>
                    <a:lnTo>
                      <a:pt x="0" y="42"/>
                    </a:lnTo>
                    <a:lnTo>
                      <a:pt x="198" y="0"/>
                    </a:lnTo>
                    <a:lnTo>
                      <a:pt x="216" y="0"/>
                    </a:lnTo>
                    <a:lnTo>
                      <a:pt x="21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10" name="Freeform 437"/>
              <p:cNvSpPr>
                <a:spLocks noChangeAspect="1"/>
              </p:cNvSpPr>
              <p:nvPr/>
            </p:nvSpPr>
            <p:spPr bwMode="auto">
              <a:xfrm>
                <a:off x="4203" y="1626"/>
                <a:ext cx="204" cy="102"/>
              </a:xfrm>
              <a:custGeom>
                <a:avLst/>
                <a:gdLst>
                  <a:gd name="T0" fmla="*/ 42 w 204"/>
                  <a:gd name="T1" fmla="*/ 30 h 102"/>
                  <a:gd name="T2" fmla="*/ 108 w 204"/>
                  <a:gd name="T3" fmla="*/ 18 h 102"/>
                  <a:gd name="T4" fmla="*/ 132 w 204"/>
                  <a:gd name="T5" fmla="*/ 0 h 102"/>
                  <a:gd name="T6" fmla="*/ 144 w 204"/>
                  <a:gd name="T7" fmla="*/ 18 h 102"/>
                  <a:gd name="T8" fmla="*/ 132 w 204"/>
                  <a:gd name="T9" fmla="*/ 42 h 102"/>
                  <a:gd name="T10" fmla="*/ 150 w 204"/>
                  <a:gd name="T11" fmla="*/ 48 h 102"/>
                  <a:gd name="T12" fmla="*/ 174 w 204"/>
                  <a:gd name="T13" fmla="*/ 78 h 102"/>
                  <a:gd name="T14" fmla="*/ 198 w 204"/>
                  <a:gd name="T15" fmla="*/ 66 h 102"/>
                  <a:gd name="T16" fmla="*/ 180 w 204"/>
                  <a:gd name="T17" fmla="*/ 48 h 102"/>
                  <a:gd name="T18" fmla="*/ 186 w 204"/>
                  <a:gd name="T19" fmla="*/ 48 h 102"/>
                  <a:gd name="T20" fmla="*/ 204 w 204"/>
                  <a:gd name="T21" fmla="*/ 78 h 102"/>
                  <a:gd name="T22" fmla="*/ 168 w 204"/>
                  <a:gd name="T23" fmla="*/ 96 h 102"/>
                  <a:gd name="T24" fmla="*/ 162 w 204"/>
                  <a:gd name="T25" fmla="*/ 78 h 102"/>
                  <a:gd name="T26" fmla="*/ 144 w 204"/>
                  <a:gd name="T27" fmla="*/ 102 h 102"/>
                  <a:gd name="T28" fmla="*/ 138 w 204"/>
                  <a:gd name="T29" fmla="*/ 96 h 102"/>
                  <a:gd name="T30" fmla="*/ 114 w 204"/>
                  <a:gd name="T31" fmla="*/ 72 h 102"/>
                  <a:gd name="T32" fmla="*/ 96 w 204"/>
                  <a:gd name="T33" fmla="*/ 78 h 102"/>
                  <a:gd name="T34" fmla="*/ 90 w 204"/>
                  <a:gd name="T35" fmla="*/ 72 h 102"/>
                  <a:gd name="T36" fmla="*/ 0 w 204"/>
                  <a:gd name="T37" fmla="*/ 96 h 102"/>
                  <a:gd name="T38" fmla="*/ 0 w 204"/>
                  <a:gd name="T39" fmla="*/ 42 h 102"/>
                  <a:gd name="T40" fmla="*/ 18 w 204"/>
                  <a:gd name="T41" fmla="*/ 36 h 102"/>
                  <a:gd name="T42" fmla="*/ 42 w 204"/>
                  <a:gd name="T43" fmla="*/ 30 h 102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204"/>
                  <a:gd name="T67" fmla="*/ 0 h 102"/>
                  <a:gd name="T68" fmla="*/ 204 w 204"/>
                  <a:gd name="T69" fmla="*/ 102 h 102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204" h="102">
                    <a:moveTo>
                      <a:pt x="42" y="30"/>
                    </a:moveTo>
                    <a:lnTo>
                      <a:pt x="108" y="18"/>
                    </a:lnTo>
                    <a:lnTo>
                      <a:pt x="132" y="0"/>
                    </a:lnTo>
                    <a:lnTo>
                      <a:pt x="144" y="18"/>
                    </a:lnTo>
                    <a:lnTo>
                      <a:pt x="132" y="42"/>
                    </a:lnTo>
                    <a:lnTo>
                      <a:pt x="150" y="48"/>
                    </a:lnTo>
                    <a:lnTo>
                      <a:pt x="174" y="78"/>
                    </a:lnTo>
                    <a:lnTo>
                      <a:pt x="198" y="66"/>
                    </a:lnTo>
                    <a:lnTo>
                      <a:pt x="180" y="48"/>
                    </a:lnTo>
                    <a:lnTo>
                      <a:pt x="186" y="48"/>
                    </a:lnTo>
                    <a:lnTo>
                      <a:pt x="204" y="78"/>
                    </a:lnTo>
                    <a:lnTo>
                      <a:pt x="168" y="96"/>
                    </a:lnTo>
                    <a:lnTo>
                      <a:pt x="162" y="78"/>
                    </a:lnTo>
                    <a:lnTo>
                      <a:pt x="144" y="102"/>
                    </a:lnTo>
                    <a:lnTo>
                      <a:pt x="138" y="96"/>
                    </a:lnTo>
                    <a:lnTo>
                      <a:pt x="114" y="72"/>
                    </a:lnTo>
                    <a:lnTo>
                      <a:pt x="96" y="78"/>
                    </a:lnTo>
                    <a:lnTo>
                      <a:pt x="90" y="72"/>
                    </a:lnTo>
                    <a:lnTo>
                      <a:pt x="0" y="96"/>
                    </a:lnTo>
                    <a:lnTo>
                      <a:pt x="0" y="42"/>
                    </a:lnTo>
                    <a:lnTo>
                      <a:pt x="18" y="36"/>
                    </a:lnTo>
                    <a:lnTo>
                      <a:pt x="42" y="3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11" name="Freeform 438"/>
              <p:cNvSpPr>
                <a:spLocks noChangeAspect="1"/>
              </p:cNvSpPr>
              <p:nvPr/>
            </p:nvSpPr>
            <p:spPr bwMode="auto">
              <a:xfrm>
                <a:off x="4203" y="1626"/>
                <a:ext cx="204" cy="102"/>
              </a:xfrm>
              <a:custGeom>
                <a:avLst/>
                <a:gdLst>
                  <a:gd name="T0" fmla="*/ 42 w 204"/>
                  <a:gd name="T1" fmla="*/ 30 h 102"/>
                  <a:gd name="T2" fmla="*/ 108 w 204"/>
                  <a:gd name="T3" fmla="*/ 18 h 102"/>
                  <a:gd name="T4" fmla="*/ 132 w 204"/>
                  <a:gd name="T5" fmla="*/ 0 h 102"/>
                  <a:gd name="T6" fmla="*/ 144 w 204"/>
                  <a:gd name="T7" fmla="*/ 18 h 102"/>
                  <a:gd name="T8" fmla="*/ 132 w 204"/>
                  <a:gd name="T9" fmla="*/ 42 h 102"/>
                  <a:gd name="T10" fmla="*/ 150 w 204"/>
                  <a:gd name="T11" fmla="*/ 48 h 102"/>
                  <a:gd name="T12" fmla="*/ 174 w 204"/>
                  <a:gd name="T13" fmla="*/ 78 h 102"/>
                  <a:gd name="T14" fmla="*/ 198 w 204"/>
                  <a:gd name="T15" fmla="*/ 66 h 102"/>
                  <a:gd name="T16" fmla="*/ 180 w 204"/>
                  <a:gd name="T17" fmla="*/ 48 h 102"/>
                  <a:gd name="T18" fmla="*/ 186 w 204"/>
                  <a:gd name="T19" fmla="*/ 48 h 102"/>
                  <a:gd name="T20" fmla="*/ 204 w 204"/>
                  <a:gd name="T21" fmla="*/ 78 h 102"/>
                  <a:gd name="T22" fmla="*/ 168 w 204"/>
                  <a:gd name="T23" fmla="*/ 96 h 102"/>
                  <a:gd name="T24" fmla="*/ 162 w 204"/>
                  <a:gd name="T25" fmla="*/ 78 h 102"/>
                  <a:gd name="T26" fmla="*/ 144 w 204"/>
                  <a:gd name="T27" fmla="*/ 102 h 102"/>
                  <a:gd name="T28" fmla="*/ 138 w 204"/>
                  <a:gd name="T29" fmla="*/ 96 h 102"/>
                  <a:gd name="T30" fmla="*/ 114 w 204"/>
                  <a:gd name="T31" fmla="*/ 72 h 102"/>
                  <a:gd name="T32" fmla="*/ 96 w 204"/>
                  <a:gd name="T33" fmla="*/ 78 h 102"/>
                  <a:gd name="T34" fmla="*/ 90 w 204"/>
                  <a:gd name="T35" fmla="*/ 72 h 102"/>
                  <a:gd name="T36" fmla="*/ 0 w 204"/>
                  <a:gd name="T37" fmla="*/ 96 h 102"/>
                  <a:gd name="T38" fmla="*/ 0 w 204"/>
                  <a:gd name="T39" fmla="*/ 42 h 102"/>
                  <a:gd name="T40" fmla="*/ 18 w 204"/>
                  <a:gd name="T41" fmla="*/ 36 h 102"/>
                  <a:gd name="T42" fmla="*/ 42 w 204"/>
                  <a:gd name="T43" fmla="*/ 30 h 102"/>
                  <a:gd name="T44" fmla="*/ 42 w 204"/>
                  <a:gd name="T45" fmla="*/ 36 h 102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204"/>
                  <a:gd name="T70" fmla="*/ 0 h 102"/>
                  <a:gd name="T71" fmla="*/ 204 w 204"/>
                  <a:gd name="T72" fmla="*/ 102 h 102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204" h="102">
                    <a:moveTo>
                      <a:pt x="42" y="30"/>
                    </a:moveTo>
                    <a:lnTo>
                      <a:pt x="108" y="18"/>
                    </a:lnTo>
                    <a:lnTo>
                      <a:pt x="132" y="0"/>
                    </a:lnTo>
                    <a:lnTo>
                      <a:pt x="144" y="18"/>
                    </a:lnTo>
                    <a:lnTo>
                      <a:pt x="132" y="42"/>
                    </a:lnTo>
                    <a:lnTo>
                      <a:pt x="150" y="48"/>
                    </a:lnTo>
                    <a:lnTo>
                      <a:pt x="174" y="78"/>
                    </a:lnTo>
                    <a:lnTo>
                      <a:pt x="198" y="66"/>
                    </a:lnTo>
                    <a:lnTo>
                      <a:pt x="180" y="48"/>
                    </a:lnTo>
                    <a:lnTo>
                      <a:pt x="186" y="48"/>
                    </a:lnTo>
                    <a:lnTo>
                      <a:pt x="204" y="78"/>
                    </a:lnTo>
                    <a:lnTo>
                      <a:pt x="168" y="96"/>
                    </a:lnTo>
                    <a:lnTo>
                      <a:pt x="162" y="78"/>
                    </a:lnTo>
                    <a:lnTo>
                      <a:pt x="144" y="102"/>
                    </a:lnTo>
                    <a:lnTo>
                      <a:pt x="138" y="96"/>
                    </a:lnTo>
                    <a:lnTo>
                      <a:pt x="114" y="72"/>
                    </a:lnTo>
                    <a:lnTo>
                      <a:pt x="96" y="78"/>
                    </a:lnTo>
                    <a:lnTo>
                      <a:pt x="90" y="72"/>
                    </a:lnTo>
                    <a:lnTo>
                      <a:pt x="0" y="96"/>
                    </a:lnTo>
                    <a:lnTo>
                      <a:pt x="0" y="42"/>
                    </a:lnTo>
                    <a:lnTo>
                      <a:pt x="18" y="36"/>
                    </a:lnTo>
                    <a:lnTo>
                      <a:pt x="42" y="30"/>
                    </a:lnTo>
                    <a:lnTo>
                      <a:pt x="42" y="3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12" name="Freeform 439"/>
              <p:cNvSpPr>
                <a:spLocks noChangeAspect="1"/>
              </p:cNvSpPr>
              <p:nvPr/>
            </p:nvSpPr>
            <p:spPr bwMode="auto">
              <a:xfrm>
                <a:off x="3447" y="1548"/>
                <a:ext cx="234" cy="324"/>
              </a:xfrm>
              <a:custGeom>
                <a:avLst/>
                <a:gdLst>
                  <a:gd name="T0" fmla="*/ 114 w 234"/>
                  <a:gd name="T1" fmla="*/ 312 h 324"/>
                  <a:gd name="T2" fmla="*/ 0 w 234"/>
                  <a:gd name="T3" fmla="*/ 324 h 324"/>
                  <a:gd name="T4" fmla="*/ 30 w 234"/>
                  <a:gd name="T5" fmla="*/ 252 h 324"/>
                  <a:gd name="T6" fmla="*/ 0 w 234"/>
                  <a:gd name="T7" fmla="*/ 174 h 324"/>
                  <a:gd name="T8" fmla="*/ 6 w 234"/>
                  <a:gd name="T9" fmla="*/ 96 h 324"/>
                  <a:gd name="T10" fmla="*/ 42 w 234"/>
                  <a:gd name="T11" fmla="*/ 48 h 324"/>
                  <a:gd name="T12" fmla="*/ 42 w 234"/>
                  <a:gd name="T13" fmla="*/ 78 h 324"/>
                  <a:gd name="T14" fmla="*/ 48 w 234"/>
                  <a:gd name="T15" fmla="*/ 66 h 324"/>
                  <a:gd name="T16" fmla="*/ 48 w 234"/>
                  <a:gd name="T17" fmla="*/ 84 h 324"/>
                  <a:gd name="T18" fmla="*/ 54 w 234"/>
                  <a:gd name="T19" fmla="*/ 42 h 324"/>
                  <a:gd name="T20" fmla="*/ 72 w 234"/>
                  <a:gd name="T21" fmla="*/ 30 h 324"/>
                  <a:gd name="T22" fmla="*/ 66 w 234"/>
                  <a:gd name="T23" fmla="*/ 18 h 324"/>
                  <a:gd name="T24" fmla="*/ 84 w 234"/>
                  <a:gd name="T25" fmla="*/ 0 h 324"/>
                  <a:gd name="T26" fmla="*/ 156 w 234"/>
                  <a:gd name="T27" fmla="*/ 24 h 324"/>
                  <a:gd name="T28" fmla="*/ 168 w 234"/>
                  <a:gd name="T29" fmla="*/ 48 h 324"/>
                  <a:gd name="T30" fmla="*/ 156 w 234"/>
                  <a:gd name="T31" fmla="*/ 48 h 324"/>
                  <a:gd name="T32" fmla="*/ 174 w 234"/>
                  <a:gd name="T33" fmla="*/ 72 h 324"/>
                  <a:gd name="T34" fmla="*/ 174 w 234"/>
                  <a:gd name="T35" fmla="*/ 102 h 324"/>
                  <a:gd name="T36" fmla="*/ 144 w 234"/>
                  <a:gd name="T37" fmla="*/ 132 h 324"/>
                  <a:gd name="T38" fmla="*/ 144 w 234"/>
                  <a:gd name="T39" fmla="*/ 156 h 324"/>
                  <a:gd name="T40" fmla="*/ 162 w 234"/>
                  <a:gd name="T41" fmla="*/ 162 h 324"/>
                  <a:gd name="T42" fmla="*/ 192 w 234"/>
                  <a:gd name="T43" fmla="*/ 120 h 324"/>
                  <a:gd name="T44" fmla="*/ 216 w 234"/>
                  <a:gd name="T45" fmla="*/ 138 h 324"/>
                  <a:gd name="T46" fmla="*/ 234 w 234"/>
                  <a:gd name="T47" fmla="*/ 198 h 324"/>
                  <a:gd name="T48" fmla="*/ 234 w 234"/>
                  <a:gd name="T49" fmla="*/ 222 h 324"/>
                  <a:gd name="T50" fmla="*/ 228 w 234"/>
                  <a:gd name="T51" fmla="*/ 234 h 324"/>
                  <a:gd name="T52" fmla="*/ 228 w 234"/>
                  <a:gd name="T53" fmla="*/ 222 h 324"/>
                  <a:gd name="T54" fmla="*/ 222 w 234"/>
                  <a:gd name="T55" fmla="*/ 228 h 324"/>
                  <a:gd name="T56" fmla="*/ 192 w 234"/>
                  <a:gd name="T57" fmla="*/ 300 h 324"/>
                  <a:gd name="T58" fmla="*/ 138 w 234"/>
                  <a:gd name="T59" fmla="*/ 312 h 324"/>
                  <a:gd name="T60" fmla="*/ 114 w 234"/>
                  <a:gd name="T61" fmla="*/ 312 h 324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w 234"/>
                  <a:gd name="T94" fmla="*/ 0 h 324"/>
                  <a:gd name="T95" fmla="*/ 234 w 234"/>
                  <a:gd name="T96" fmla="*/ 324 h 324"/>
                </a:gdLst>
                <a:ahLst/>
                <a:cxnLst>
                  <a:cxn ang="T62">
                    <a:pos x="T0" y="T1"/>
                  </a:cxn>
                  <a:cxn ang="T63">
                    <a:pos x="T2" y="T3"/>
                  </a:cxn>
                  <a:cxn ang="T64">
                    <a:pos x="T4" y="T5"/>
                  </a:cxn>
                  <a:cxn ang="T65">
                    <a:pos x="T6" y="T7"/>
                  </a:cxn>
                  <a:cxn ang="T66">
                    <a:pos x="T8" y="T9"/>
                  </a:cxn>
                  <a:cxn ang="T67">
                    <a:pos x="T10" y="T11"/>
                  </a:cxn>
                  <a:cxn ang="T68">
                    <a:pos x="T12" y="T13"/>
                  </a:cxn>
                  <a:cxn ang="T69">
                    <a:pos x="T14" y="T15"/>
                  </a:cxn>
                  <a:cxn ang="T70">
                    <a:pos x="T16" y="T17"/>
                  </a:cxn>
                  <a:cxn ang="T71">
                    <a:pos x="T18" y="T19"/>
                  </a:cxn>
                  <a:cxn ang="T72">
                    <a:pos x="T20" y="T21"/>
                  </a:cxn>
                  <a:cxn ang="T73">
                    <a:pos x="T22" y="T23"/>
                  </a:cxn>
                  <a:cxn ang="T74">
                    <a:pos x="T24" y="T25"/>
                  </a:cxn>
                  <a:cxn ang="T75">
                    <a:pos x="T26" y="T27"/>
                  </a:cxn>
                  <a:cxn ang="T76">
                    <a:pos x="T28" y="T29"/>
                  </a:cxn>
                  <a:cxn ang="T77">
                    <a:pos x="T30" y="T31"/>
                  </a:cxn>
                  <a:cxn ang="T78">
                    <a:pos x="T32" y="T33"/>
                  </a:cxn>
                  <a:cxn ang="T79">
                    <a:pos x="T34" y="T35"/>
                  </a:cxn>
                  <a:cxn ang="T80">
                    <a:pos x="T36" y="T37"/>
                  </a:cxn>
                  <a:cxn ang="T81">
                    <a:pos x="T38" y="T39"/>
                  </a:cxn>
                  <a:cxn ang="T82">
                    <a:pos x="T40" y="T41"/>
                  </a:cxn>
                  <a:cxn ang="T83">
                    <a:pos x="T42" y="T43"/>
                  </a:cxn>
                  <a:cxn ang="T84">
                    <a:pos x="T44" y="T45"/>
                  </a:cxn>
                  <a:cxn ang="T85">
                    <a:pos x="T46" y="T47"/>
                  </a:cxn>
                  <a:cxn ang="T86">
                    <a:pos x="T48" y="T49"/>
                  </a:cxn>
                  <a:cxn ang="T87">
                    <a:pos x="T50" y="T51"/>
                  </a:cxn>
                  <a:cxn ang="T88">
                    <a:pos x="T52" y="T53"/>
                  </a:cxn>
                  <a:cxn ang="T89">
                    <a:pos x="T54" y="T55"/>
                  </a:cxn>
                  <a:cxn ang="T90">
                    <a:pos x="T56" y="T57"/>
                  </a:cxn>
                  <a:cxn ang="T91">
                    <a:pos x="T58" y="T59"/>
                  </a:cxn>
                  <a:cxn ang="T92">
                    <a:pos x="T60" y="T61"/>
                  </a:cxn>
                </a:cxnLst>
                <a:rect l="T93" t="T94" r="T95" b="T96"/>
                <a:pathLst>
                  <a:path w="234" h="324">
                    <a:moveTo>
                      <a:pt x="114" y="312"/>
                    </a:moveTo>
                    <a:lnTo>
                      <a:pt x="0" y="324"/>
                    </a:lnTo>
                    <a:lnTo>
                      <a:pt x="30" y="252"/>
                    </a:lnTo>
                    <a:lnTo>
                      <a:pt x="0" y="174"/>
                    </a:lnTo>
                    <a:lnTo>
                      <a:pt x="6" y="96"/>
                    </a:lnTo>
                    <a:lnTo>
                      <a:pt x="42" y="48"/>
                    </a:lnTo>
                    <a:lnTo>
                      <a:pt x="42" y="78"/>
                    </a:lnTo>
                    <a:lnTo>
                      <a:pt x="48" y="66"/>
                    </a:lnTo>
                    <a:lnTo>
                      <a:pt x="48" y="84"/>
                    </a:lnTo>
                    <a:lnTo>
                      <a:pt x="54" y="42"/>
                    </a:lnTo>
                    <a:lnTo>
                      <a:pt x="72" y="30"/>
                    </a:lnTo>
                    <a:lnTo>
                      <a:pt x="66" y="18"/>
                    </a:lnTo>
                    <a:lnTo>
                      <a:pt x="84" y="0"/>
                    </a:lnTo>
                    <a:lnTo>
                      <a:pt x="156" y="24"/>
                    </a:lnTo>
                    <a:lnTo>
                      <a:pt x="168" y="48"/>
                    </a:lnTo>
                    <a:lnTo>
                      <a:pt x="156" y="48"/>
                    </a:lnTo>
                    <a:lnTo>
                      <a:pt x="174" y="72"/>
                    </a:lnTo>
                    <a:lnTo>
                      <a:pt x="174" y="102"/>
                    </a:lnTo>
                    <a:lnTo>
                      <a:pt x="144" y="132"/>
                    </a:lnTo>
                    <a:lnTo>
                      <a:pt x="144" y="156"/>
                    </a:lnTo>
                    <a:lnTo>
                      <a:pt x="162" y="162"/>
                    </a:lnTo>
                    <a:lnTo>
                      <a:pt x="192" y="120"/>
                    </a:lnTo>
                    <a:lnTo>
                      <a:pt x="216" y="138"/>
                    </a:lnTo>
                    <a:lnTo>
                      <a:pt x="234" y="198"/>
                    </a:lnTo>
                    <a:lnTo>
                      <a:pt x="234" y="222"/>
                    </a:lnTo>
                    <a:lnTo>
                      <a:pt x="228" y="234"/>
                    </a:lnTo>
                    <a:lnTo>
                      <a:pt x="228" y="222"/>
                    </a:lnTo>
                    <a:lnTo>
                      <a:pt x="222" y="228"/>
                    </a:lnTo>
                    <a:lnTo>
                      <a:pt x="192" y="300"/>
                    </a:lnTo>
                    <a:lnTo>
                      <a:pt x="138" y="312"/>
                    </a:lnTo>
                    <a:lnTo>
                      <a:pt x="114" y="312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13" name="Freeform 440"/>
              <p:cNvSpPr>
                <a:spLocks noChangeAspect="1"/>
              </p:cNvSpPr>
              <p:nvPr/>
            </p:nvSpPr>
            <p:spPr bwMode="auto">
              <a:xfrm>
                <a:off x="3447" y="1548"/>
                <a:ext cx="234" cy="324"/>
              </a:xfrm>
              <a:custGeom>
                <a:avLst/>
                <a:gdLst>
                  <a:gd name="T0" fmla="*/ 114 w 234"/>
                  <a:gd name="T1" fmla="*/ 312 h 324"/>
                  <a:gd name="T2" fmla="*/ 0 w 234"/>
                  <a:gd name="T3" fmla="*/ 324 h 324"/>
                  <a:gd name="T4" fmla="*/ 30 w 234"/>
                  <a:gd name="T5" fmla="*/ 252 h 324"/>
                  <a:gd name="T6" fmla="*/ 0 w 234"/>
                  <a:gd name="T7" fmla="*/ 174 h 324"/>
                  <a:gd name="T8" fmla="*/ 6 w 234"/>
                  <a:gd name="T9" fmla="*/ 96 h 324"/>
                  <a:gd name="T10" fmla="*/ 42 w 234"/>
                  <a:gd name="T11" fmla="*/ 48 h 324"/>
                  <a:gd name="T12" fmla="*/ 42 w 234"/>
                  <a:gd name="T13" fmla="*/ 78 h 324"/>
                  <a:gd name="T14" fmla="*/ 48 w 234"/>
                  <a:gd name="T15" fmla="*/ 66 h 324"/>
                  <a:gd name="T16" fmla="*/ 48 w 234"/>
                  <a:gd name="T17" fmla="*/ 84 h 324"/>
                  <a:gd name="T18" fmla="*/ 54 w 234"/>
                  <a:gd name="T19" fmla="*/ 42 h 324"/>
                  <a:gd name="T20" fmla="*/ 72 w 234"/>
                  <a:gd name="T21" fmla="*/ 30 h 324"/>
                  <a:gd name="T22" fmla="*/ 66 w 234"/>
                  <a:gd name="T23" fmla="*/ 18 h 324"/>
                  <a:gd name="T24" fmla="*/ 84 w 234"/>
                  <a:gd name="T25" fmla="*/ 0 h 324"/>
                  <a:gd name="T26" fmla="*/ 156 w 234"/>
                  <a:gd name="T27" fmla="*/ 24 h 324"/>
                  <a:gd name="T28" fmla="*/ 168 w 234"/>
                  <a:gd name="T29" fmla="*/ 48 h 324"/>
                  <a:gd name="T30" fmla="*/ 156 w 234"/>
                  <a:gd name="T31" fmla="*/ 48 h 324"/>
                  <a:gd name="T32" fmla="*/ 174 w 234"/>
                  <a:gd name="T33" fmla="*/ 72 h 324"/>
                  <a:gd name="T34" fmla="*/ 174 w 234"/>
                  <a:gd name="T35" fmla="*/ 102 h 324"/>
                  <a:gd name="T36" fmla="*/ 144 w 234"/>
                  <a:gd name="T37" fmla="*/ 132 h 324"/>
                  <a:gd name="T38" fmla="*/ 144 w 234"/>
                  <a:gd name="T39" fmla="*/ 156 h 324"/>
                  <a:gd name="T40" fmla="*/ 162 w 234"/>
                  <a:gd name="T41" fmla="*/ 162 h 324"/>
                  <a:gd name="T42" fmla="*/ 192 w 234"/>
                  <a:gd name="T43" fmla="*/ 120 h 324"/>
                  <a:gd name="T44" fmla="*/ 216 w 234"/>
                  <a:gd name="T45" fmla="*/ 138 h 324"/>
                  <a:gd name="T46" fmla="*/ 234 w 234"/>
                  <a:gd name="T47" fmla="*/ 198 h 324"/>
                  <a:gd name="T48" fmla="*/ 234 w 234"/>
                  <a:gd name="T49" fmla="*/ 222 h 324"/>
                  <a:gd name="T50" fmla="*/ 228 w 234"/>
                  <a:gd name="T51" fmla="*/ 234 h 324"/>
                  <a:gd name="T52" fmla="*/ 228 w 234"/>
                  <a:gd name="T53" fmla="*/ 222 h 324"/>
                  <a:gd name="T54" fmla="*/ 222 w 234"/>
                  <a:gd name="T55" fmla="*/ 228 h 324"/>
                  <a:gd name="T56" fmla="*/ 192 w 234"/>
                  <a:gd name="T57" fmla="*/ 300 h 324"/>
                  <a:gd name="T58" fmla="*/ 138 w 234"/>
                  <a:gd name="T59" fmla="*/ 312 h 324"/>
                  <a:gd name="T60" fmla="*/ 114 w 234"/>
                  <a:gd name="T61" fmla="*/ 312 h 324"/>
                  <a:gd name="T62" fmla="*/ 114 w 234"/>
                  <a:gd name="T63" fmla="*/ 318 h 324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234"/>
                  <a:gd name="T97" fmla="*/ 0 h 324"/>
                  <a:gd name="T98" fmla="*/ 234 w 234"/>
                  <a:gd name="T99" fmla="*/ 324 h 324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234" h="324">
                    <a:moveTo>
                      <a:pt x="114" y="312"/>
                    </a:moveTo>
                    <a:lnTo>
                      <a:pt x="0" y="324"/>
                    </a:lnTo>
                    <a:lnTo>
                      <a:pt x="30" y="252"/>
                    </a:lnTo>
                    <a:lnTo>
                      <a:pt x="0" y="174"/>
                    </a:lnTo>
                    <a:lnTo>
                      <a:pt x="6" y="96"/>
                    </a:lnTo>
                    <a:lnTo>
                      <a:pt x="42" y="48"/>
                    </a:lnTo>
                    <a:lnTo>
                      <a:pt x="42" y="78"/>
                    </a:lnTo>
                    <a:lnTo>
                      <a:pt x="48" y="66"/>
                    </a:lnTo>
                    <a:lnTo>
                      <a:pt x="48" y="84"/>
                    </a:lnTo>
                    <a:lnTo>
                      <a:pt x="54" y="42"/>
                    </a:lnTo>
                    <a:lnTo>
                      <a:pt x="72" y="30"/>
                    </a:lnTo>
                    <a:lnTo>
                      <a:pt x="66" y="18"/>
                    </a:lnTo>
                    <a:lnTo>
                      <a:pt x="84" y="0"/>
                    </a:lnTo>
                    <a:lnTo>
                      <a:pt x="156" y="24"/>
                    </a:lnTo>
                    <a:lnTo>
                      <a:pt x="168" y="48"/>
                    </a:lnTo>
                    <a:lnTo>
                      <a:pt x="156" y="48"/>
                    </a:lnTo>
                    <a:lnTo>
                      <a:pt x="174" y="72"/>
                    </a:lnTo>
                    <a:lnTo>
                      <a:pt x="174" y="102"/>
                    </a:lnTo>
                    <a:lnTo>
                      <a:pt x="144" y="132"/>
                    </a:lnTo>
                    <a:lnTo>
                      <a:pt x="144" y="156"/>
                    </a:lnTo>
                    <a:lnTo>
                      <a:pt x="162" y="162"/>
                    </a:lnTo>
                    <a:lnTo>
                      <a:pt x="192" y="120"/>
                    </a:lnTo>
                    <a:lnTo>
                      <a:pt x="216" y="138"/>
                    </a:lnTo>
                    <a:lnTo>
                      <a:pt x="234" y="198"/>
                    </a:lnTo>
                    <a:lnTo>
                      <a:pt x="234" y="222"/>
                    </a:lnTo>
                    <a:lnTo>
                      <a:pt x="228" y="234"/>
                    </a:lnTo>
                    <a:lnTo>
                      <a:pt x="228" y="222"/>
                    </a:lnTo>
                    <a:lnTo>
                      <a:pt x="222" y="228"/>
                    </a:lnTo>
                    <a:lnTo>
                      <a:pt x="192" y="300"/>
                    </a:lnTo>
                    <a:lnTo>
                      <a:pt x="138" y="312"/>
                    </a:lnTo>
                    <a:lnTo>
                      <a:pt x="114" y="312"/>
                    </a:lnTo>
                    <a:lnTo>
                      <a:pt x="114" y="31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14" name="Freeform 441"/>
              <p:cNvSpPr>
                <a:spLocks noChangeAspect="1"/>
              </p:cNvSpPr>
              <p:nvPr/>
            </p:nvSpPr>
            <p:spPr bwMode="auto">
              <a:xfrm>
                <a:off x="3219" y="1434"/>
                <a:ext cx="354" cy="180"/>
              </a:xfrm>
              <a:custGeom>
                <a:avLst/>
                <a:gdLst>
                  <a:gd name="T0" fmla="*/ 354 w 354"/>
                  <a:gd name="T1" fmla="*/ 96 h 180"/>
                  <a:gd name="T2" fmla="*/ 312 w 354"/>
                  <a:gd name="T3" fmla="*/ 96 h 180"/>
                  <a:gd name="T4" fmla="*/ 306 w 354"/>
                  <a:gd name="T5" fmla="*/ 108 h 180"/>
                  <a:gd name="T6" fmla="*/ 264 w 354"/>
                  <a:gd name="T7" fmla="*/ 96 h 180"/>
                  <a:gd name="T8" fmla="*/ 228 w 354"/>
                  <a:gd name="T9" fmla="*/ 108 h 180"/>
                  <a:gd name="T10" fmla="*/ 210 w 354"/>
                  <a:gd name="T11" fmla="*/ 138 h 180"/>
                  <a:gd name="T12" fmla="*/ 210 w 354"/>
                  <a:gd name="T13" fmla="*/ 114 h 180"/>
                  <a:gd name="T14" fmla="*/ 186 w 354"/>
                  <a:gd name="T15" fmla="*/ 132 h 180"/>
                  <a:gd name="T16" fmla="*/ 186 w 354"/>
                  <a:gd name="T17" fmla="*/ 114 h 180"/>
                  <a:gd name="T18" fmla="*/ 162 w 354"/>
                  <a:gd name="T19" fmla="*/ 180 h 180"/>
                  <a:gd name="T20" fmla="*/ 150 w 354"/>
                  <a:gd name="T21" fmla="*/ 180 h 180"/>
                  <a:gd name="T22" fmla="*/ 150 w 354"/>
                  <a:gd name="T23" fmla="*/ 162 h 180"/>
                  <a:gd name="T24" fmla="*/ 138 w 354"/>
                  <a:gd name="T25" fmla="*/ 162 h 180"/>
                  <a:gd name="T26" fmla="*/ 144 w 354"/>
                  <a:gd name="T27" fmla="*/ 138 h 180"/>
                  <a:gd name="T28" fmla="*/ 126 w 354"/>
                  <a:gd name="T29" fmla="*/ 120 h 180"/>
                  <a:gd name="T30" fmla="*/ 12 w 354"/>
                  <a:gd name="T31" fmla="*/ 96 h 180"/>
                  <a:gd name="T32" fmla="*/ 0 w 354"/>
                  <a:gd name="T33" fmla="*/ 84 h 180"/>
                  <a:gd name="T34" fmla="*/ 132 w 354"/>
                  <a:gd name="T35" fmla="*/ 0 h 180"/>
                  <a:gd name="T36" fmla="*/ 138 w 354"/>
                  <a:gd name="T37" fmla="*/ 6 h 180"/>
                  <a:gd name="T38" fmla="*/ 102 w 354"/>
                  <a:gd name="T39" fmla="*/ 42 h 180"/>
                  <a:gd name="T40" fmla="*/ 102 w 354"/>
                  <a:gd name="T41" fmla="*/ 60 h 180"/>
                  <a:gd name="T42" fmla="*/ 120 w 354"/>
                  <a:gd name="T43" fmla="*/ 42 h 180"/>
                  <a:gd name="T44" fmla="*/ 114 w 354"/>
                  <a:gd name="T45" fmla="*/ 54 h 180"/>
                  <a:gd name="T46" fmla="*/ 138 w 354"/>
                  <a:gd name="T47" fmla="*/ 48 h 180"/>
                  <a:gd name="T48" fmla="*/ 162 w 354"/>
                  <a:gd name="T49" fmla="*/ 72 h 180"/>
                  <a:gd name="T50" fmla="*/ 198 w 354"/>
                  <a:gd name="T51" fmla="*/ 78 h 180"/>
                  <a:gd name="T52" fmla="*/ 228 w 354"/>
                  <a:gd name="T53" fmla="*/ 54 h 180"/>
                  <a:gd name="T54" fmla="*/ 288 w 354"/>
                  <a:gd name="T55" fmla="*/ 42 h 180"/>
                  <a:gd name="T56" fmla="*/ 288 w 354"/>
                  <a:gd name="T57" fmla="*/ 66 h 180"/>
                  <a:gd name="T58" fmla="*/ 330 w 354"/>
                  <a:gd name="T59" fmla="*/ 60 h 180"/>
                  <a:gd name="T60" fmla="*/ 330 w 354"/>
                  <a:gd name="T61" fmla="*/ 78 h 180"/>
                  <a:gd name="T62" fmla="*/ 354 w 354"/>
                  <a:gd name="T63" fmla="*/ 96 h 180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354"/>
                  <a:gd name="T97" fmla="*/ 0 h 180"/>
                  <a:gd name="T98" fmla="*/ 354 w 354"/>
                  <a:gd name="T99" fmla="*/ 180 h 180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354" h="180">
                    <a:moveTo>
                      <a:pt x="354" y="96"/>
                    </a:moveTo>
                    <a:lnTo>
                      <a:pt x="312" y="96"/>
                    </a:lnTo>
                    <a:lnTo>
                      <a:pt x="306" y="108"/>
                    </a:lnTo>
                    <a:lnTo>
                      <a:pt x="264" y="96"/>
                    </a:lnTo>
                    <a:lnTo>
                      <a:pt x="228" y="108"/>
                    </a:lnTo>
                    <a:lnTo>
                      <a:pt x="210" y="138"/>
                    </a:lnTo>
                    <a:lnTo>
                      <a:pt x="210" y="114"/>
                    </a:lnTo>
                    <a:lnTo>
                      <a:pt x="186" y="132"/>
                    </a:lnTo>
                    <a:lnTo>
                      <a:pt x="186" y="114"/>
                    </a:lnTo>
                    <a:lnTo>
                      <a:pt x="162" y="180"/>
                    </a:lnTo>
                    <a:lnTo>
                      <a:pt x="150" y="180"/>
                    </a:lnTo>
                    <a:lnTo>
                      <a:pt x="150" y="162"/>
                    </a:lnTo>
                    <a:lnTo>
                      <a:pt x="138" y="162"/>
                    </a:lnTo>
                    <a:lnTo>
                      <a:pt x="144" y="138"/>
                    </a:lnTo>
                    <a:lnTo>
                      <a:pt x="126" y="120"/>
                    </a:lnTo>
                    <a:lnTo>
                      <a:pt x="12" y="96"/>
                    </a:lnTo>
                    <a:lnTo>
                      <a:pt x="0" y="84"/>
                    </a:lnTo>
                    <a:lnTo>
                      <a:pt x="132" y="0"/>
                    </a:lnTo>
                    <a:lnTo>
                      <a:pt x="138" y="6"/>
                    </a:lnTo>
                    <a:lnTo>
                      <a:pt x="102" y="42"/>
                    </a:lnTo>
                    <a:lnTo>
                      <a:pt x="102" y="60"/>
                    </a:lnTo>
                    <a:lnTo>
                      <a:pt x="120" y="42"/>
                    </a:lnTo>
                    <a:lnTo>
                      <a:pt x="114" y="54"/>
                    </a:lnTo>
                    <a:lnTo>
                      <a:pt x="138" y="48"/>
                    </a:lnTo>
                    <a:lnTo>
                      <a:pt x="162" y="72"/>
                    </a:lnTo>
                    <a:lnTo>
                      <a:pt x="198" y="78"/>
                    </a:lnTo>
                    <a:lnTo>
                      <a:pt x="228" y="54"/>
                    </a:lnTo>
                    <a:lnTo>
                      <a:pt x="288" y="42"/>
                    </a:lnTo>
                    <a:lnTo>
                      <a:pt x="288" y="66"/>
                    </a:lnTo>
                    <a:lnTo>
                      <a:pt x="330" y="60"/>
                    </a:lnTo>
                    <a:lnTo>
                      <a:pt x="330" y="78"/>
                    </a:lnTo>
                    <a:lnTo>
                      <a:pt x="354" y="96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15" name="Freeform 442"/>
              <p:cNvSpPr>
                <a:spLocks noChangeAspect="1"/>
              </p:cNvSpPr>
              <p:nvPr/>
            </p:nvSpPr>
            <p:spPr bwMode="auto">
              <a:xfrm>
                <a:off x="3219" y="1434"/>
                <a:ext cx="354" cy="180"/>
              </a:xfrm>
              <a:custGeom>
                <a:avLst/>
                <a:gdLst>
                  <a:gd name="T0" fmla="*/ 354 w 354"/>
                  <a:gd name="T1" fmla="*/ 96 h 180"/>
                  <a:gd name="T2" fmla="*/ 312 w 354"/>
                  <a:gd name="T3" fmla="*/ 96 h 180"/>
                  <a:gd name="T4" fmla="*/ 306 w 354"/>
                  <a:gd name="T5" fmla="*/ 108 h 180"/>
                  <a:gd name="T6" fmla="*/ 264 w 354"/>
                  <a:gd name="T7" fmla="*/ 96 h 180"/>
                  <a:gd name="T8" fmla="*/ 228 w 354"/>
                  <a:gd name="T9" fmla="*/ 108 h 180"/>
                  <a:gd name="T10" fmla="*/ 210 w 354"/>
                  <a:gd name="T11" fmla="*/ 138 h 180"/>
                  <a:gd name="T12" fmla="*/ 210 w 354"/>
                  <a:gd name="T13" fmla="*/ 114 h 180"/>
                  <a:gd name="T14" fmla="*/ 186 w 354"/>
                  <a:gd name="T15" fmla="*/ 132 h 180"/>
                  <a:gd name="T16" fmla="*/ 186 w 354"/>
                  <a:gd name="T17" fmla="*/ 114 h 180"/>
                  <a:gd name="T18" fmla="*/ 162 w 354"/>
                  <a:gd name="T19" fmla="*/ 180 h 180"/>
                  <a:gd name="T20" fmla="*/ 150 w 354"/>
                  <a:gd name="T21" fmla="*/ 180 h 180"/>
                  <a:gd name="T22" fmla="*/ 150 w 354"/>
                  <a:gd name="T23" fmla="*/ 162 h 180"/>
                  <a:gd name="T24" fmla="*/ 138 w 354"/>
                  <a:gd name="T25" fmla="*/ 162 h 180"/>
                  <a:gd name="T26" fmla="*/ 144 w 354"/>
                  <a:gd name="T27" fmla="*/ 138 h 180"/>
                  <a:gd name="T28" fmla="*/ 126 w 354"/>
                  <a:gd name="T29" fmla="*/ 120 h 180"/>
                  <a:gd name="T30" fmla="*/ 12 w 354"/>
                  <a:gd name="T31" fmla="*/ 96 h 180"/>
                  <a:gd name="T32" fmla="*/ 0 w 354"/>
                  <a:gd name="T33" fmla="*/ 84 h 180"/>
                  <a:gd name="T34" fmla="*/ 132 w 354"/>
                  <a:gd name="T35" fmla="*/ 0 h 180"/>
                  <a:gd name="T36" fmla="*/ 138 w 354"/>
                  <a:gd name="T37" fmla="*/ 6 h 180"/>
                  <a:gd name="T38" fmla="*/ 102 w 354"/>
                  <a:gd name="T39" fmla="*/ 42 h 180"/>
                  <a:gd name="T40" fmla="*/ 102 w 354"/>
                  <a:gd name="T41" fmla="*/ 60 h 180"/>
                  <a:gd name="T42" fmla="*/ 120 w 354"/>
                  <a:gd name="T43" fmla="*/ 42 h 180"/>
                  <a:gd name="T44" fmla="*/ 114 w 354"/>
                  <a:gd name="T45" fmla="*/ 54 h 180"/>
                  <a:gd name="T46" fmla="*/ 138 w 354"/>
                  <a:gd name="T47" fmla="*/ 48 h 180"/>
                  <a:gd name="T48" fmla="*/ 162 w 354"/>
                  <a:gd name="T49" fmla="*/ 72 h 180"/>
                  <a:gd name="T50" fmla="*/ 198 w 354"/>
                  <a:gd name="T51" fmla="*/ 78 h 180"/>
                  <a:gd name="T52" fmla="*/ 228 w 354"/>
                  <a:gd name="T53" fmla="*/ 54 h 180"/>
                  <a:gd name="T54" fmla="*/ 288 w 354"/>
                  <a:gd name="T55" fmla="*/ 42 h 180"/>
                  <a:gd name="T56" fmla="*/ 288 w 354"/>
                  <a:gd name="T57" fmla="*/ 66 h 180"/>
                  <a:gd name="T58" fmla="*/ 330 w 354"/>
                  <a:gd name="T59" fmla="*/ 60 h 180"/>
                  <a:gd name="T60" fmla="*/ 330 w 354"/>
                  <a:gd name="T61" fmla="*/ 78 h 180"/>
                  <a:gd name="T62" fmla="*/ 354 w 354"/>
                  <a:gd name="T63" fmla="*/ 96 h 180"/>
                  <a:gd name="T64" fmla="*/ 354 w 354"/>
                  <a:gd name="T65" fmla="*/ 102 h 180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354"/>
                  <a:gd name="T100" fmla="*/ 0 h 180"/>
                  <a:gd name="T101" fmla="*/ 354 w 354"/>
                  <a:gd name="T102" fmla="*/ 180 h 180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354" h="180">
                    <a:moveTo>
                      <a:pt x="354" y="96"/>
                    </a:moveTo>
                    <a:lnTo>
                      <a:pt x="312" y="96"/>
                    </a:lnTo>
                    <a:lnTo>
                      <a:pt x="306" y="108"/>
                    </a:lnTo>
                    <a:lnTo>
                      <a:pt x="264" y="96"/>
                    </a:lnTo>
                    <a:lnTo>
                      <a:pt x="228" y="108"/>
                    </a:lnTo>
                    <a:lnTo>
                      <a:pt x="210" y="138"/>
                    </a:lnTo>
                    <a:lnTo>
                      <a:pt x="210" y="114"/>
                    </a:lnTo>
                    <a:lnTo>
                      <a:pt x="186" y="132"/>
                    </a:lnTo>
                    <a:lnTo>
                      <a:pt x="186" y="114"/>
                    </a:lnTo>
                    <a:lnTo>
                      <a:pt x="162" y="180"/>
                    </a:lnTo>
                    <a:lnTo>
                      <a:pt x="150" y="180"/>
                    </a:lnTo>
                    <a:lnTo>
                      <a:pt x="150" y="162"/>
                    </a:lnTo>
                    <a:lnTo>
                      <a:pt x="138" y="162"/>
                    </a:lnTo>
                    <a:lnTo>
                      <a:pt x="144" y="138"/>
                    </a:lnTo>
                    <a:lnTo>
                      <a:pt x="126" y="120"/>
                    </a:lnTo>
                    <a:lnTo>
                      <a:pt x="12" y="96"/>
                    </a:lnTo>
                    <a:lnTo>
                      <a:pt x="0" y="84"/>
                    </a:lnTo>
                    <a:lnTo>
                      <a:pt x="132" y="0"/>
                    </a:lnTo>
                    <a:lnTo>
                      <a:pt x="138" y="6"/>
                    </a:lnTo>
                    <a:lnTo>
                      <a:pt x="102" y="42"/>
                    </a:lnTo>
                    <a:lnTo>
                      <a:pt x="102" y="60"/>
                    </a:lnTo>
                    <a:lnTo>
                      <a:pt x="120" y="42"/>
                    </a:lnTo>
                    <a:lnTo>
                      <a:pt x="114" y="54"/>
                    </a:lnTo>
                    <a:lnTo>
                      <a:pt x="138" y="48"/>
                    </a:lnTo>
                    <a:lnTo>
                      <a:pt x="162" y="72"/>
                    </a:lnTo>
                    <a:lnTo>
                      <a:pt x="198" y="78"/>
                    </a:lnTo>
                    <a:lnTo>
                      <a:pt x="228" y="54"/>
                    </a:lnTo>
                    <a:lnTo>
                      <a:pt x="288" y="42"/>
                    </a:lnTo>
                    <a:lnTo>
                      <a:pt x="288" y="66"/>
                    </a:lnTo>
                    <a:lnTo>
                      <a:pt x="330" y="60"/>
                    </a:lnTo>
                    <a:lnTo>
                      <a:pt x="330" y="78"/>
                    </a:lnTo>
                    <a:lnTo>
                      <a:pt x="354" y="96"/>
                    </a:lnTo>
                    <a:lnTo>
                      <a:pt x="354" y="10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16" name="Freeform 443"/>
              <p:cNvSpPr>
                <a:spLocks noChangeAspect="1"/>
              </p:cNvSpPr>
              <p:nvPr/>
            </p:nvSpPr>
            <p:spPr bwMode="auto">
              <a:xfrm>
                <a:off x="2853" y="1308"/>
                <a:ext cx="408" cy="450"/>
              </a:xfrm>
              <a:custGeom>
                <a:avLst/>
                <a:gdLst>
                  <a:gd name="T0" fmla="*/ 330 w 408"/>
                  <a:gd name="T1" fmla="*/ 444 h 450"/>
                  <a:gd name="T2" fmla="*/ 36 w 408"/>
                  <a:gd name="T3" fmla="*/ 450 h 450"/>
                  <a:gd name="T4" fmla="*/ 36 w 408"/>
                  <a:gd name="T5" fmla="*/ 312 h 450"/>
                  <a:gd name="T6" fmla="*/ 18 w 408"/>
                  <a:gd name="T7" fmla="*/ 288 h 450"/>
                  <a:gd name="T8" fmla="*/ 30 w 408"/>
                  <a:gd name="T9" fmla="*/ 264 h 450"/>
                  <a:gd name="T10" fmla="*/ 30 w 408"/>
                  <a:gd name="T11" fmla="*/ 258 h 450"/>
                  <a:gd name="T12" fmla="*/ 0 w 408"/>
                  <a:gd name="T13" fmla="*/ 30 h 450"/>
                  <a:gd name="T14" fmla="*/ 108 w 408"/>
                  <a:gd name="T15" fmla="*/ 30 h 450"/>
                  <a:gd name="T16" fmla="*/ 108 w 408"/>
                  <a:gd name="T17" fmla="*/ 0 h 450"/>
                  <a:gd name="T18" fmla="*/ 120 w 408"/>
                  <a:gd name="T19" fmla="*/ 0 h 450"/>
                  <a:gd name="T20" fmla="*/ 132 w 408"/>
                  <a:gd name="T21" fmla="*/ 48 h 450"/>
                  <a:gd name="T22" fmla="*/ 174 w 408"/>
                  <a:gd name="T23" fmla="*/ 54 h 450"/>
                  <a:gd name="T24" fmla="*/ 180 w 408"/>
                  <a:gd name="T25" fmla="*/ 66 h 450"/>
                  <a:gd name="T26" fmla="*/ 222 w 408"/>
                  <a:gd name="T27" fmla="*/ 54 h 450"/>
                  <a:gd name="T28" fmla="*/ 240 w 408"/>
                  <a:gd name="T29" fmla="*/ 60 h 450"/>
                  <a:gd name="T30" fmla="*/ 234 w 408"/>
                  <a:gd name="T31" fmla="*/ 66 h 450"/>
                  <a:gd name="T32" fmla="*/ 246 w 408"/>
                  <a:gd name="T33" fmla="*/ 66 h 450"/>
                  <a:gd name="T34" fmla="*/ 252 w 408"/>
                  <a:gd name="T35" fmla="*/ 84 h 450"/>
                  <a:gd name="T36" fmla="*/ 270 w 408"/>
                  <a:gd name="T37" fmla="*/ 72 h 450"/>
                  <a:gd name="T38" fmla="*/ 294 w 408"/>
                  <a:gd name="T39" fmla="*/ 96 h 450"/>
                  <a:gd name="T40" fmla="*/ 330 w 408"/>
                  <a:gd name="T41" fmla="*/ 78 h 450"/>
                  <a:gd name="T42" fmla="*/ 342 w 408"/>
                  <a:gd name="T43" fmla="*/ 90 h 450"/>
                  <a:gd name="T44" fmla="*/ 408 w 408"/>
                  <a:gd name="T45" fmla="*/ 90 h 450"/>
                  <a:gd name="T46" fmla="*/ 342 w 408"/>
                  <a:gd name="T47" fmla="*/ 132 h 450"/>
                  <a:gd name="T48" fmla="*/ 270 w 408"/>
                  <a:gd name="T49" fmla="*/ 198 h 450"/>
                  <a:gd name="T50" fmla="*/ 264 w 408"/>
                  <a:gd name="T51" fmla="*/ 204 h 450"/>
                  <a:gd name="T52" fmla="*/ 264 w 408"/>
                  <a:gd name="T53" fmla="*/ 252 h 450"/>
                  <a:gd name="T54" fmla="*/ 240 w 408"/>
                  <a:gd name="T55" fmla="*/ 264 h 450"/>
                  <a:gd name="T56" fmla="*/ 228 w 408"/>
                  <a:gd name="T57" fmla="*/ 288 h 450"/>
                  <a:gd name="T58" fmla="*/ 246 w 408"/>
                  <a:gd name="T59" fmla="*/ 300 h 450"/>
                  <a:gd name="T60" fmla="*/ 240 w 408"/>
                  <a:gd name="T61" fmla="*/ 354 h 450"/>
                  <a:gd name="T62" fmla="*/ 318 w 408"/>
                  <a:gd name="T63" fmla="*/ 408 h 450"/>
                  <a:gd name="T64" fmla="*/ 330 w 408"/>
                  <a:gd name="T65" fmla="*/ 444 h 450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408"/>
                  <a:gd name="T100" fmla="*/ 0 h 450"/>
                  <a:gd name="T101" fmla="*/ 408 w 408"/>
                  <a:gd name="T102" fmla="*/ 450 h 450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408" h="450">
                    <a:moveTo>
                      <a:pt x="330" y="444"/>
                    </a:moveTo>
                    <a:lnTo>
                      <a:pt x="36" y="450"/>
                    </a:lnTo>
                    <a:lnTo>
                      <a:pt x="36" y="312"/>
                    </a:lnTo>
                    <a:lnTo>
                      <a:pt x="18" y="288"/>
                    </a:lnTo>
                    <a:lnTo>
                      <a:pt x="30" y="264"/>
                    </a:lnTo>
                    <a:lnTo>
                      <a:pt x="30" y="258"/>
                    </a:lnTo>
                    <a:lnTo>
                      <a:pt x="0" y="30"/>
                    </a:lnTo>
                    <a:lnTo>
                      <a:pt x="108" y="30"/>
                    </a:lnTo>
                    <a:lnTo>
                      <a:pt x="108" y="0"/>
                    </a:lnTo>
                    <a:lnTo>
                      <a:pt x="120" y="0"/>
                    </a:lnTo>
                    <a:lnTo>
                      <a:pt x="132" y="48"/>
                    </a:lnTo>
                    <a:lnTo>
                      <a:pt x="174" y="54"/>
                    </a:lnTo>
                    <a:lnTo>
                      <a:pt x="180" y="66"/>
                    </a:lnTo>
                    <a:lnTo>
                      <a:pt x="222" y="54"/>
                    </a:lnTo>
                    <a:lnTo>
                      <a:pt x="240" y="60"/>
                    </a:lnTo>
                    <a:lnTo>
                      <a:pt x="234" y="66"/>
                    </a:lnTo>
                    <a:lnTo>
                      <a:pt x="246" y="66"/>
                    </a:lnTo>
                    <a:lnTo>
                      <a:pt x="252" y="84"/>
                    </a:lnTo>
                    <a:lnTo>
                      <a:pt x="270" y="72"/>
                    </a:lnTo>
                    <a:lnTo>
                      <a:pt x="294" y="96"/>
                    </a:lnTo>
                    <a:lnTo>
                      <a:pt x="330" y="78"/>
                    </a:lnTo>
                    <a:lnTo>
                      <a:pt x="342" y="90"/>
                    </a:lnTo>
                    <a:lnTo>
                      <a:pt x="408" y="90"/>
                    </a:lnTo>
                    <a:lnTo>
                      <a:pt x="342" y="132"/>
                    </a:lnTo>
                    <a:lnTo>
                      <a:pt x="270" y="198"/>
                    </a:lnTo>
                    <a:lnTo>
                      <a:pt x="264" y="204"/>
                    </a:lnTo>
                    <a:lnTo>
                      <a:pt x="264" y="252"/>
                    </a:lnTo>
                    <a:lnTo>
                      <a:pt x="240" y="264"/>
                    </a:lnTo>
                    <a:lnTo>
                      <a:pt x="228" y="288"/>
                    </a:lnTo>
                    <a:lnTo>
                      <a:pt x="246" y="300"/>
                    </a:lnTo>
                    <a:lnTo>
                      <a:pt x="240" y="354"/>
                    </a:lnTo>
                    <a:lnTo>
                      <a:pt x="318" y="408"/>
                    </a:lnTo>
                    <a:lnTo>
                      <a:pt x="330" y="44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17" name="Freeform 444"/>
              <p:cNvSpPr>
                <a:spLocks noChangeAspect="1"/>
              </p:cNvSpPr>
              <p:nvPr/>
            </p:nvSpPr>
            <p:spPr bwMode="auto">
              <a:xfrm>
                <a:off x="2853" y="1308"/>
                <a:ext cx="408" cy="450"/>
              </a:xfrm>
              <a:custGeom>
                <a:avLst/>
                <a:gdLst>
                  <a:gd name="T0" fmla="*/ 330 w 408"/>
                  <a:gd name="T1" fmla="*/ 444 h 450"/>
                  <a:gd name="T2" fmla="*/ 36 w 408"/>
                  <a:gd name="T3" fmla="*/ 450 h 450"/>
                  <a:gd name="T4" fmla="*/ 36 w 408"/>
                  <a:gd name="T5" fmla="*/ 312 h 450"/>
                  <a:gd name="T6" fmla="*/ 18 w 408"/>
                  <a:gd name="T7" fmla="*/ 288 h 450"/>
                  <a:gd name="T8" fmla="*/ 30 w 408"/>
                  <a:gd name="T9" fmla="*/ 264 h 450"/>
                  <a:gd name="T10" fmla="*/ 30 w 408"/>
                  <a:gd name="T11" fmla="*/ 258 h 450"/>
                  <a:gd name="T12" fmla="*/ 0 w 408"/>
                  <a:gd name="T13" fmla="*/ 30 h 450"/>
                  <a:gd name="T14" fmla="*/ 108 w 408"/>
                  <a:gd name="T15" fmla="*/ 30 h 450"/>
                  <a:gd name="T16" fmla="*/ 108 w 408"/>
                  <a:gd name="T17" fmla="*/ 0 h 450"/>
                  <a:gd name="T18" fmla="*/ 120 w 408"/>
                  <a:gd name="T19" fmla="*/ 0 h 450"/>
                  <a:gd name="T20" fmla="*/ 132 w 408"/>
                  <a:gd name="T21" fmla="*/ 48 h 450"/>
                  <a:gd name="T22" fmla="*/ 174 w 408"/>
                  <a:gd name="T23" fmla="*/ 54 h 450"/>
                  <a:gd name="T24" fmla="*/ 180 w 408"/>
                  <a:gd name="T25" fmla="*/ 66 h 450"/>
                  <a:gd name="T26" fmla="*/ 222 w 408"/>
                  <a:gd name="T27" fmla="*/ 54 h 450"/>
                  <a:gd name="T28" fmla="*/ 240 w 408"/>
                  <a:gd name="T29" fmla="*/ 60 h 450"/>
                  <a:gd name="T30" fmla="*/ 234 w 408"/>
                  <a:gd name="T31" fmla="*/ 66 h 450"/>
                  <a:gd name="T32" fmla="*/ 246 w 408"/>
                  <a:gd name="T33" fmla="*/ 66 h 450"/>
                  <a:gd name="T34" fmla="*/ 252 w 408"/>
                  <a:gd name="T35" fmla="*/ 84 h 450"/>
                  <a:gd name="T36" fmla="*/ 270 w 408"/>
                  <a:gd name="T37" fmla="*/ 72 h 450"/>
                  <a:gd name="T38" fmla="*/ 294 w 408"/>
                  <a:gd name="T39" fmla="*/ 96 h 450"/>
                  <a:gd name="T40" fmla="*/ 330 w 408"/>
                  <a:gd name="T41" fmla="*/ 78 h 450"/>
                  <a:gd name="T42" fmla="*/ 342 w 408"/>
                  <a:gd name="T43" fmla="*/ 90 h 450"/>
                  <a:gd name="T44" fmla="*/ 408 w 408"/>
                  <a:gd name="T45" fmla="*/ 90 h 450"/>
                  <a:gd name="T46" fmla="*/ 342 w 408"/>
                  <a:gd name="T47" fmla="*/ 132 h 450"/>
                  <a:gd name="T48" fmla="*/ 270 w 408"/>
                  <a:gd name="T49" fmla="*/ 198 h 450"/>
                  <a:gd name="T50" fmla="*/ 264 w 408"/>
                  <a:gd name="T51" fmla="*/ 204 h 450"/>
                  <a:gd name="T52" fmla="*/ 264 w 408"/>
                  <a:gd name="T53" fmla="*/ 252 h 450"/>
                  <a:gd name="T54" fmla="*/ 240 w 408"/>
                  <a:gd name="T55" fmla="*/ 264 h 450"/>
                  <a:gd name="T56" fmla="*/ 228 w 408"/>
                  <a:gd name="T57" fmla="*/ 288 h 450"/>
                  <a:gd name="T58" fmla="*/ 246 w 408"/>
                  <a:gd name="T59" fmla="*/ 300 h 450"/>
                  <a:gd name="T60" fmla="*/ 240 w 408"/>
                  <a:gd name="T61" fmla="*/ 354 h 450"/>
                  <a:gd name="T62" fmla="*/ 318 w 408"/>
                  <a:gd name="T63" fmla="*/ 408 h 450"/>
                  <a:gd name="T64" fmla="*/ 330 w 408"/>
                  <a:gd name="T65" fmla="*/ 444 h 450"/>
                  <a:gd name="T66" fmla="*/ 330 w 408"/>
                  <a:gd name="T67" fmla="*/ 450 h 450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w 408"/>
                  <a:gd name="T103" fmla="*/ 0 h 450"/>
                  <a:gd name="T104" fmla="*/ 408 w 408"/>
                  <a:gd name="T105" fmla="*/ 450 h 450"/>
                </a:gdLst>
                <a:ahLst/>
                <a:cxnLst>
                  <a:cxn ang="T68">
                    <a:pos x="T0" y="T1"/>
                  </a:cxn>
                  <a:cxn ang="T69">
                    <a:pos x="T2" y="T3"/>
                  </a:cxn>
                  <a:cxn ang="T70">
                    <a:pos x="T4" y="T5"/>
                  </a:cxn>
                  <a:cxn ang="T71">
                    <a:pos x="T6" y="T7"/>
                  </a:cxn>
                  <a:cxn ang="T72">
                    <a:pos x="T8" y="T9"/>
                  </a:cxn>
                  <a:cxn ang="T73">
                    <a:pos x="T10" y="T11"/>
                  </a:cxn>
                  <a:cxn ang="T74">
                    <a:pos x="T12" y="T13"/>
                  </a:cxn>
                  <a:cxn ang="T75">
                    <a:pos x="T14" y="T15"/>
                  </a:cxn>
                  <a:cxn ang="T76">
                    <a:pos x="T16" y="T17"/>
                  </a:cxn>
                  <a:cxn ang="T77">
                    <a:pos x="T18" y="T19"/>
                  </a:cxn>
                  <a:cxn ang="T78">
                    <a:pos x="T20" y="T21"/>
                  </a:cxn>
                  <a:cxn ang="T79">
                    <a:pos x="T22" y="T23"/>
                  </a:cxn>
                  <a:cxn ang="T80">
                    <a:pos x="T24" y="T25"/>
                  </a:cxn>
                  <a:cxn ang="T81">
                    <a:pos x="T26" y="T27"/>
                  </a:cxn>
                  <a:cxn ang="T82">
                    <a:pos x="T28" y="T29"/>
                  </a:cxn>
                  <a:cxn ang="T83">
                    <a:pos x="T30" y="T31"/>
                  </a:cxn>
                  <a:cxn ang="T84">
                    <a:pos x="T32" y="T33"/>
                  </a:cxn>
                  <a:cxn ang="T85">
                    <a:pos x="T34" y="T35"/>
                  </a:cxn>
                  <a:cxn ang="T86">
                    <a:pos x="T36" y="T37"/>
                  </a:cxn>
                  <a:cxn ang="T87">
                    <a:pos x="T38" y="T39"/>
                  </a:cxn>
                  <a:cxn ang="T88">
                    <a:pos x="T40" y="T41"/>
                  </a:cxn>
                  <a:cxn ang="T89">
                    <a:pos x="T42" y="T43"/>
                  </a:cxn>
                  <a:cxn ang="T90">
                    <a:pos x="T44" y="T45"/>
                  </a:cxn>
                  <a:cxn ang="T91">
                    <a:pos x="T46" y="T47"/>
                  </a:cxn>
                  <a:cxn ang="T92">
                    <a:pos x="T48" y="T49"/>
                  </a:cxn>
                  <a:cxn ang="T93">
                    <a:pos x="T50" y="T51"/>
                  </a:cxn>
                  <a:cxn ang="T94">
                    <a:pos x="T52" y="T53"/>
                  </a:cxn>
                  <a:cxn ang="T95">
                    <a:pos x="T54" y="T55"/>
                  </a:cxn>
                  <a:cxn ang="T96">
                    <a:pos x="T56" y="T57"/>
                  </a:cxn>
                  <a:cxn ang="T97">
                    <a:pos x="T58" y="T59"/>
                  </a:cxn>
                  <a:cxn ang="T98">
                    <a:pos x="T60" y="T61"/>
                  </a:cxn>
                  <a:cxn ang="T99">
                    <a:pos x="T62" y="T63"/>
                  </a:cxn>
                  <a:cxn ang="T100">
                    <a:pos x="T64" y="T65"/>
                  </a:cxn>
                  <a:cxn ang="T101">
                    <a:pos x="T66" y="T67"/>
                  </a:cxn>
                </a:cxnLst>
                <a:rect l="T102" t="T103" r="T104" b="T105"/>
                <a:pathLst>
                  <a:path w="408" h="450">
                    <a:moveTo>
                      <a:pt x="330" y="444"/>
                    </a:moveTo>
                    <a:lnTo>
                      <a:pt x="36" y="450"/>
                    </a:lnTo>
                    <a:lnTo>
                      <a:pt x="36" y="312"/>
                    </a:lnTo>
                    <a:lnTo>
                      <a:pt x="18" y="288"/>
                    </a:lnTo>
                    <a:lnTo>
                      <a:pt x="30" y="264"/>
                    </a:lnTo>
                    <a:lnTo>
                      <a:pt x="30" y="258"/>
                    </a:lnTo>
                    <a:lnTo>
                      <a:pt x="0" y="30"/>
                    </a:lnTo>
                    <a:lnTo>
                      <a:pt x="108" y="30"/>
                    </a:lnTo>
                    <a:lnTo>
                      <a:pt x="108" y="0"/>
                    </a:lnTo>
                    <a:lnTo>
                      <a:pt x="120" y="0"/>
                    </a:lnTo>
                    <a:lnTo>
                      <a:pt x="132" y="48"/>
                    </a:lnTo>
                    <a:lnTo>
                      <a:pt x="174" y="54"/>
                    </a:lnTo>
                    <a:lnTo>
                      <a:pt x="180" y="66"/>
                    </a:lnTo>
                    <a:lnTo>
                      <a:pt x="222" y="54"/>
                    </a:lnTo>
                    <a:lnTo>
                      <a:pt x="240" y="60"/>
                    </a:lnTo>
                    <a:lnTo>
                      <a:pt x="234" y="66"/>
                    </a:lnTo>
                    <a:lnTo>
                      <a:pt x="246" y="66"/>
                    </a:lnTo>
                    <a:lnTo>
                      <a:pt x="252" y="84"/>
                    </a:lnTo>
                    <a:lnTo>
                      <a:pt x="270" y="72"/>
                    </a:lnTo>
                    <a:lnTo>
                      <a:pt x="294" y="96"/>
                    </a:lnTo>
                    <a:lnTo>
                      <a:pt x="330" y="78"/>
                    </a:lnTo>
                    <a:lnTo>
                      <a:pt x="342" y="90"/>
                    </a:lnTo>
                    <a:lnTo>
                      <a:pt x="408" y="90"/>
                    </a:lnTo>
                    <a:lnTo>
                      <a:pt x="342" y="132"/>
                    </a:lnTo>
                    <a:lnTo>
                      <a:pt x="270" y="198"/>
                    </a:lnTo>
                    <a:lnTo>
                      <a:pt x="264" y="204"/>
                    </a:lnTo>
                    <a:lnTo>
                      <a:pt x="264" y="252"/>
                    </a:lnTo>
                    <a:lnTo>
                      <a:pt x="240" y="264"/>
                    </a:lnTo>
                    <a:lnTo>
                      <a:pt x="228" y="288"/>
                    </a:lnTo>
                    <a:lnTo>
                      <a:pt x="246" y="300"/>
                    </a:lnTo>
                    <a:lnTo>
                      <a:pt x="240" y="354"/>
                    </a:lnTo>
                    <a:lnTo>
                      <a:pt x="318" y="408"/>
                    </a:lnTo>
                    <a:lnTo>
                      <a:pt x="330" y="444"/>
                    </a:lnTo>
                    <a:lnTo>
                      <a:pt x="330" y="45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18" name="Freeform 445"/>
              <p:cNvSpPr>
                <a:spLocks noChangeAspect="1"/>
              </p:cNvSpPr>
              <p:nvPr/>
            </p:nvSpPr>
            <p:spPr bwMode="auto">
              <a:xfrm>
                <a:off x="3207" y="2406"/>
                <a:ext cx="216" cy="378"/>
              </a:xfrm>
              <a:custGeom>
                <a:avLst/>
                <a:gdLst>
                  <a:gd name="T0" fmla="*/ 216 w 216"/>
                  <a:gd name="T1" fmla="*/ 360 h 378"/>
                  <a:gd name="T2" fmla="*/ 156 w 216"/>
                  <a:gd name="T3" fmla="*/ 366 h 378"/>
                  <a:gd name="T4" fmla="*/ 138 w 216"/>
                  <a:gd name="T5" fmla="*/ 378 h 378"/>
                  <a:gd name="T6" fmla="*/ 120 w 216"/>
                  <a:gd name="T7" fmla="*/ 342 h 378"/>
                  <a:gd name="T8" fmla="*/ 120 w 216"/>
                  <a:gd name="T9" fmla="*/ 318 h 378"/>
                  <a:gd name="T10" fmla="*/ 0 w 216"/>
                  <a:gd name="T11" fmla="*/ 324 h 378"/>
                  <a:gd name="T12" fmla="*/ 6 w 216"/>
                  <a:gd name="T13" fmla="*/ 276 h 378"/>
                  <a:gd name="T14" fmla="*/ 36 w 216"/>
                  <a:gd name="T15" fmla="*/ 234 h 378"/>
                  <a:gd name="T16" fmla="*/ 24 w 216"/>
                  <a:gd name="T17" fmla="*/ 228 h 378"/>
                  <a:gd name="T18" fmla="*/ 42 w 216"/>
                  <a:gd name="T19" fmla="*/ 222 h 378"/>
                  <a:gd name="T20" fmla="*/ 24 w 216"/>
                  <a:gd name="T21" fmla="*/ 204 h 378"/>
                  <a:gd name="T22" fmla="*/ 30 w 216"/>
                  <a:gd name="T23" fmla="*/ 198 h 378"/>
                  <a:gd name="T24" fmla="*/ 24 w 216"/>
                  <a:gd name="T25" fmla="*/ 198 h 378"/>
                  <a:gd name="T26" fmla="*/ 24 w 216"/>
                  <a:gd name="T27" fmla="*/ 174 h 378"/>
                  <a:gd name="T28" fmla="*/ 18 w 216"/>
                  <a:gd name="T29" fmla="*/ 168 h 378"/>
                  <a:gd name="T30" fmla="*/ 30 w 216"/>
                  <a:gd name="T31" fmla="*/ 150 h 378"/>
                  <a:gd name="T32" fmla="*/ 18 w 216"/>
                  <a:gd name="T33" fmla="*/ 144 h 378"/>
                  <a:gd name="T34" fmla="*/ 24 w 216"/>
                  <a:gd name="T35" fmla="*/ 132 h 378"/>
                  <a:gd name="T36" fmla="*/ 18 w 216"/>
                  <a:gd name="T37" fmla="*/ 132 h 378"/>
                  <a:gd name="T38" fmla="*/ 12 w 216"/>
                  <a:gd name="T39" fmla="*/ 114 h 378"/>
                  <a:gd name="T40" fmla="*/ 24 w 216"/>
                  <a:gd name="T41" fmla="*/ 114 h 378"/>
                  <a:gd name="T42" fmla="*/ 24 w 216"/>
                  <a:gd name="T43" fmla="*/ 90 h 378"/>
                  <a:gd name="T44" fmla="*/ 54 w 216"/>
                  <a:gd name="T45" fmla="*/ 54 h 378"/>
                  <a:gd name="T46" fmla="*/ 54 w 216"/>
                  <a:gd name="T47" fmla="*/ 30 h 378"/>
                  <a:gd name="T48" fmla="*/ 72 w 216"/>
                  <a:gd name="T49" fmla="*/ 6 h 378"/>
                  <a:gd name="T50" fmla="*/ 204 w 216"/>
                  <a:gd name="T51" fmla="*/ 0 h 378"/>
                  <a:gd name="T52" fmla="*/ 204 w 216"/>
                  <a:gd name="T53" fmla="*/ 246 h 378"/>
                  <a:gd name="T54" fmla="*/ 216 w 216"/>
                  <a:gd name="T55" fmla="*/ 330 h 378"/>
                  <a:gd name="T56" fmla="*/ 216 w 216"/>
                  <a:gd name="T57" fmla="*/ 360 h 378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w 216"/>
                  <a:gd name="T88" fmla="*/ 0 h 378"/>
                  <a:gd name="T89" fmla="*/ 216 w 216"/>
                  <a:gd name="T90" fmla="*/ 378 h 378"/>
                </a:gdLst>
                <a:ahLst/>
                <a:cxnLst>
                  <a:cxn ang="T58">
                    <a:pos x="T0" y="T1"/>
                  </a:cxn>
                  <a:cxn ang="T59">
                    <a:pos x="T2" y="T3"/>
                  </a:cxn>
                  <a:cxn ang="T60">
                    <a:pos x="T4" y="T5"/>
                  </a:cxn>
                  <a:cxn ang="T61">
                    <a:pos x="T6" y="T7"/>
                  </a:cxn>
                  <a:cxn ang="T62">
                    <a:pos x="T8" y="T9"/>
                  </a:cxn>
                  <a:cxn ang="T63">
                    <a:pos x="T10" y="T11"/>
                  </a:cxn>
                  <a:cxn ang="T64">
                    <a:pos x="T12" y="T13"/>
                  </a:cxn>
                  <a:cxn ang="T65">
                    <a:pos x="T14" y="T15"/>
                  </a:cxn>
                  <a:cxn ang="T66">
                    <a:pos x="T16" y="T17"/>
                  </a:cxn>
                  <a:cxn ang="T67">
                    <a:pos x="T18" y="T19"/>
                  </a:cxn>
                  <a:cxn ang="T68">
                    <a:pos x="T20" y="T21"/>
                  </a:cxn>
                  <a:cxn ang="T69">
                    <a:pos x="T22" y="T23"/>
                  </a:cxn>
                  <a:cxn ang="T70">
                    <a:pos x="T24" y="T25"/>
                  </a:cxn>
                  <a:cxn ang="T71">
                    <a:pos x="T26" y="T27"/>
                  </a:cxn>
                  <a:cxn ang="T72">
                    <a:pos x="T28" y="T29"/>
                  </a:cxn>
                  <a:cxn ang="T73">
                    <a:pos x="T30" y="T31"/>
                  </a:cxn>
                  <a:cxn ang="T74">
                    <a:pos x="T32" y="T33"/>
                  </a:cxn>
                  <a:cxn ang="T75">
                    <a:pos x="T34" y="T35"/>
                  </a:cxn>
                  <a:cxn ang="T76">
                    <a:pos x="T36" y="T37"/>
                  </a:cxn>
                  <a:cxn ang="T77">
                    <a:pos x="T38" y="T39"/>
                  </a:cxn>
                  <a:cxn ang="T78">
                    <a:pos x="T40" y="T41"/>
                  </a:cxn>
                  <a:cxn ang="T79">
                    <a:pos x="T42" y="T43"/>
                  </a:cxn>
                  <a:cxn ang="T80">
                    <a:pos x="T44" y="T45"/>
                  </a:cxn>
                  <a:cxn ang="T81">
                    <a:pos x="T46" y="T47"/>
                  </a:cxn>
                  <a:cxn ang="T82">
                    <a:pos x="T48" y="T49"/>
                  </a:cxn>
                  <a:cxn ang="T83">
                    <a:pos x="T50" y="T51"/>
                  </a:cxn>
                  <a:cxn ang="T84">
                    <a:pos x="T52" y="T53"/>
                  </a:cxn>
                  <a:cxn ang="T85">
                    <a:pos x="T54" y="T55"/>
                  </a:cxn>
                  <a:cxn ang="T86">
                    <a:pos x="T56" y="T57"/>
                  </a:cxn>
                </a:cxnLst>
                <a:rect l="T87" t="T88" r="T89" b="T90"/>
                <a:pathLst>
                  <a:path w="216" h="378">
                    <a:moveTo>
                      <a:pt x="216" y="360"/>
                    </a:moveTo>
                    <a:lnTo>
                      <a:pt x="156" y="366"/>
                    </a:lnTo>
                    <a:lnTo>
                      <a:pt x="138" y="378"/>
                    </a:lnTo>
                    <a:lnTo>
                      <a:pt x="120" y="342"/>
                    </a:lnTo>
                    <a:lnTo>
                      <a:pt x="120" y="318"/>
                    </a:lnTo>
                    <a:lnTo>
                      <a:pt x="0" y="324"/>
                    </a:lnTo>
                    <a:lnTo>
                      <a:pt x="6" y="276"/>
                    </a:lnTo>
                    <a:lnTo>
                      <a:pt x="36" y="234"/>
                    </a:lnTo>
                    <a:lnTo>
                      <a:pt x="24" y="228"/>
                    </a:lnTo>
                    <a:lnTo>
                      <a:pt x="42" y="222"/>
                    </a:lnTo>
                    <a:lnTo>
                      <a:pt x="24" y="204"/>
                    </a:lnTo>
                    <a:lnTo>
                      <a:pt x="30" y="198"/>
                    </a:lnTo>
                    <a:lnTo>
                      <a:pt x="24" y="198"/>
                    </a:lnTo>
                    <a:lnTo>
                      <a:pt x="24" y="174"/>
                    </a:lnTo>
                    <a:lnTo>
                      <a:pt x="18" y="168"/>
                    </a:lnTo>
                    <a:lnTo>
                      <a:pt x="30" y="150"/>
                    </a:lnTo>
                    <a:lnTo>
                      <a:pt x="18" y="144"/>
                    </a:lnTo>
                    <a:lnTo>
                      <a:pt x="24" y="132"/>
                    </a:lnTo>
                    <a:lnTo>
                      <a:pt x="18" y="132"/>
                    </a:lnTo>
                    <a:lnTo>
                      <a:pt x="12" y="114"/>
                    </a:lnTo>
                    <a:lnTo>
                      <a:pt x="24" y="114"/>
                    </a:lnTo>
                    <a:lnTo>
                      <a:pt x="24" y="90"/>
                    </a:lnTo>
                    <a:lnTo>
                      <a:pt x="54" y="54"/>
                    </a:lnTo>
                    <a:lnTo>
                      <a:pt x="54" y="30"/>
                    </a:lnTo>
                    <a:lnTo>
                      <a:pt x="72" y="6"/>
                    </a:lnTo>
                    <a:lnTo>
                      <a:pt x="204" y="0"/>
                    </a:lnTo>
                    <a:lnTo>
                      <a:pt x="204" y="246"/>
                    </a:lnTo>
                    <a:lnTo>
                      <a:pt x="216" y="330"/>
                    </a:lnTo>
                    <a:lnTo>
                      <a:pt x="216" y="360"/>
                    </a:lnTo>
                    <a:close/>
                  </a:path>
                </a:pathLst>
              </a:custGeom>
              <a:solidFill>
                <a:srgbClr val="FF4500"/>
              </a:solidFill>
              <a:ln w="9525">
                <a:solidFill>
                  <a:srgbClr val="FF45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19" name="Freeform 446"/>
              <p:cNvSpPr>
                <a:spLocks noChangeAspect="1"/>
              </p:cNvSpPr>
              <p:nvPr/>
            </p:nvSpPr>
            <p:spPr bwMode="auto">
              <a:xfrm>
                <a:off x="3207" y="2406"/>
                <a:ext cx="216" cy="378"/>
              </a:xfrm>
              <a:custGeom>
                <a:avLst/>
                <a:gdLst>
                  <a:gd name="T0" fmla="*/ 216 w 216"/>
                  <a:gd name="T1" fmla="*/ 360 h 378"/>
                  <a:gd name="T2" fmla="*/ 156 w 216"/>
                  <a:gd name="T3" fmla="*/ 366 h 378"/>
                  <a:gd name="T4" fmla="*/ 138 w 216"/>
                  <a:gd name="T5" fmla="*/ 378 h 378"/>
                  <a:gd name="T6" fmla="*/ 120 w 216"/>
                  <a:gd name="T7" fmla="*/ 342 h 378"/>
                  <a:gd name="T8" fmla="*/ 120 w 216"/>
                  <a:gd name="T9" fmla="*/ 318 h 378"/>
                  <a:gd name="T10" fmla="*/ 0 w 216"/>
                  <a:gd name="T11" fmla="*/ 324 h 378"/>
                  <a:gd name="T12" fmla="*/ 6 w 216"/>
                  <a:gd name="T13" fmla="*/ 276 h 378"/>
                  <a:gd name="T14" fmla="*/ 36 w 216"/>
                  <a:gd name="T15" fmla="*/ 234 h 378"/>
                  <a:gd name="T16" fmla="*/ 24 w 216"/>
                  <a:gd name="T17" fmla="*/ 228 h 378"/>
                  <a:gd name="T18" fmla="*/ 42 w 216"/>
                  <a:gd name="T19" fmla="*/ 222 h 378"/>
                  <a:gd name="T20" fmla="*/ 24 w 216"/>
                  <a:gd name="T21" fmla="*/ 204 h 378"/>
                  <a:gd name="T22" fmla="*/ 30 w 216"/>
                  <a:gd name="T23" fmla="*/ 198 h 378"/>
                  <a:gd name="T24" fmla="*/ 24 w 216"/>
                  <a:gd name="T25" fmla="*/ 198 h 378"/>
                  <a:gd name="T26" fmla="*/ 24 w 216"/>
                  <a:gd name="T27" fmla="*/ 174 h 378"/>
                  <a:gd name="T28" fmla="*/ 18 w 216"/>
                  <a:gd name="T29" fmla="*/ 168 h 378"/>
                  <a:gd name="T30" fmla="*/ 30 w 216"/>
                  <a:gd name="T31" fmla="*/ 150 h 378"/>
                  <a:gd name="T32" fmla="*/ 18 w 216"/>
                  <a:gd name="T33" fmla="*/ 144 h 378"/>
                  <a:gd name="T34" fmla="*/ 24 w 216"/>
                  <a:gd name="T35" fmla="*/ 132 h 378"/>
                  <a:gd name="T36" fmla="*/ 18 w 216"/>
                  <a:gd name="T37" fmla="*/ 132 h 378"/>
                  <a:gd name="T38" fmla="*/ 12 w 216"/>
                  <a:gd name="T39" fmla="*/ 114 h 378"/>
                  <a:gd name="T40" fmla="*/ 24 w 216"/>
                  <a:gd name="T41" fmla="*/ 114 h 378"/>
                  <a:gd name="T42" fmla="*/ 24 w 216"/>
                  <a:gd name="T43" fmla="*/ 90 h 378"/>
                  <a:gd name="T44" fmla="*/ 54 w 216"/>
                  <a:gd name="T45" fmla="*/ 54 h 378"/>
                  <a:gd name="T46" fmla="*/ 54 w 216"/>
                  <a:gd name="T47" fmla="*/ 30 h 378"/>
                  <a:gd name="T48" fmla="*/ 72 w 216"/>
                  <a:gd name="T49" fmla="*/ 6 h 378"/>
                  <a:gd name="T50" fmla="*/ 204 w 216"/>
                  <a:gd name="T51" fmla="*/ 0 h 378"/>
                  <a:gd name="T52" fmla="*/ 204 w 216"/>
                  <a:gd name="T53" fmla="*/ 246 h 378"/>
                  <a:gd name="T54" fmla="*/ 216 w 216"/>
                  <a:gd name="T55" fmla="*/ 330 h 378"/>
                  <a:gd name="T56" fmla="*/ 216 w 216"/>
                  <a:gd name="T57" fmla="*/ 360 h 378"/>
                  <a:gd name="T58" fmla="*/ 216 w 216"/>
                  <a:gd name="T59" fmla="*/ 366 h 378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w 216"/>
                  <a:gd name="T91" fmla="*/ 0 h 378"/>
                  <a:gd name="T92" fmla="*/ 216 w 216"/>
                  <a:gd name="T93" fmla="*/ 378 h 378"/>
                </a:gdLst>
                <a:ahLst/>
                <a:cxnLst>
                  <a:cxn ang="T60">
                    <a:pos x="T0" y="T1"/>
                  </a:cxn>
                  <a:cxn ang="T61">
                    <a:pos x="T2" y="T3"/>
                  </a:cxn>
                  <a:cxn ang="T62">
                    <a:pos x="T4" y="T5"/>
                  </a:cxn>
                  <a:cxn ang="T63">
                    <a:pos x="T6" y="T7"/>
                  </a:cxn>
                  <a:cxn ang="T64">
                    <a:pos x="T8" y="T9"/>
                  </a:cxn>
                  <a:cxn ang="T65">
                    <a:pos x="T10" y="T11"/>
                  </a:cxn>
                  <a:cxn ang="T66">
                    <a:pos x="T12" y="T13"/>
                  </a:cxn>
                  <a:cxn ang="T67">
                    <a:pos x="T14" y="T15"/>
                  </a:cxn>
                  <a:cxn ang="T68">
                    <a:pos x="T16" y="T17"/>
                  </a:cxn>
                  <a:cxn ang="T69">
                    <a:pos x="T18" y="T19"/>
                  </a:cxn>
                  <a:cxn ang="T70">
                    <a:pos x="T20" y="T21"/>
                  </a:cxn>
                  <a:cxn ang="T71">
                    <a:pos x="T22" y="T23"/>
                  </a:cxn>
                  <a:cxn ang="T72">
                    <a:pos x="T24" y="T25"/>
                  </a:cxn>
                  <a:cxn ang="T73">
                    <a:pos x="T26" y="T27"/>
                  </a:cxn>
                  <a:cxn ang="T74">
                    <a:pos x="T28" y="T29"/>
                  </a:cxn>
                  <a:cxn ang="T75">
                    <a:pos x="T30" y="T31"/>
                  </a:cxn>
                  <a:cxn ang="T76">
                    <a:pos x="T32" y="T33"/>
                  </a:cxn>
                  <a:cxn ang="T77">
                    <a:pos x="T34" y="T35"/>
                  </a:cxn>
                  <a:cxn ang="T78">
                    <a:pos x="T36" y="T37"/>
                  </a:cxn>
                  <a:cxn ang="T79">
                    <a:pos x="T38" y="T39"/>
                  </a:cxn>
                  <a:cxn ang="T80">
                    <a:pos x="T40" y="T41"/>
                  </a:cxn>
                  <a:cxn ang="T81">
                    <a:pos x="T42" y="T43"/>
                  </a:cxn>
                  <a:cxn ang="T82">
                    <a:pos x="T44" y="T45"/>
                  </a:cxn>
                  <a:cxn ang="T83">
                    <a:pos x="T46" y="T47"/>
                  </a:cxn>
                  <a:cxn ang="T84">
                    <a:pos x="T48" y="T49"/>
                  </a:cxn>
                  <a:cxn ang="T85">
                    <a:pos x="T50" y="T51"/>
                  </a:cxn>
                  <a:cxn ang="T86">
                    <a:pos x="T52" y="T53"/>
                  </a:cxn>
                  <a:cxn ang="T87">
                    <a:pos x="T54" y="T55"/>
                  </a:cxn>
                  <a:cxn ang="T88">
                    <a:pos x="T56" y="T57"/>
                  </a:cxn>
                  <a:cxn ang="T89">
                    <a:pos x="T58" y="T59"/>
                  </a:cxn>
                </a:cxnLst>
                <a:rect l="T90" t="T91" r="T92" b="T93"/>
                <a:pathLst>
                  <a:path w="216" h="378">
                    <a:moveTo>
                      <a:pt x="216" y="360"/>
                    </a:moveTo>
                    <a:lnTo>
                      <a:pt x="156" y="366"/>
                    </a:lnTo>
                    <a:lnTo>
                      <a:pt x="138" y="378"/>
                    </a:lnTo>
                    <a:lnTo>
                      <a:pt x="120" y="342"/>
                    </a:lnTo>
                    <a:lnTo>
                      <a:pt x="120" y="318"/>
                    </a:lnTo>
                    <a:lnTo>
                      <a:pt x="0" y="324"/>
                    </a:lnTo>
                    <a:lnTo>
                      <a:pt x="6" y="276"/>
                    </a:lnTo>
                    <a:lnTo>
                      <a:pt x="36" y="234"/>
                    </a:lnTo>
                    <a:lnTo>
                      <a:pt x="24" y="228"/>
                    </a:lnTo>
                    <a:lnTo>
                      <a:pt x="42" y="222"/>
                    </a:lnTo>
                    <a:lnTo>
                      <a:pt x="24" y="204"/>
                    </a:lnTo>
                    <a:lnTo>
                      <a:pt x="30" y="198"/>
                    </a:lnTo>
                    <a:lnTo>
                      <a:pt x="24" y="198"/>
                    </a:lnTo>
                    <a:lnTo>
                      <a:pt x="24" y="174"/>
                    </a:lnTo>
                    <a:lnTo>
                      <a:pt x="18" y="168"/>
                    </a:lnTo>
                    <a:lnTo>
                      <a:pt x="30" y="150"/>
                    </a:lnTo>
                    <a:lnTo>
                      <a:pt x="18" y="144"/>
                    </a:lnTo>
                    <a:lnTo>
                      <a:pt x="24" y="132"/>
                    </a:lnTo>
                    <a:lnTo>
                      <a:pt x="18" y="132"/>
                    </a:lnTo>
                    <a:lnTo>
                      <a:pt x="12" y="114"/>
                    </a:lnTo>
                    <a:lnTo>
                      <a:pt x="24" y="114"/>
                    </a:lnTo>
                    <a:lnTo>
                      <a:pt x="24" y="90"/>
                    </a:lnTo>
                    <a:lnTo>
                      <a:pt x="54" y="54"/>
                    </a:lnTo>
                    <a:lnTo>
                      <a:pt x="54" y="30"/>
                    </a:lnTo>
                    <a:lnTo>
                      <a:pt x="72" y="6"/>
                    </a:lnTo>
                    <a:lnTo>
                      <a:pt x="204" y="0"/>
                    </a:lnTo>
                    <a:lnTo>
                      <a:pt x="204" y="246"/>
                    </a:lnTo>
                    <a:lnTo>
                      <a:pt x="216" y="330"/>
                    </a:lnTo>
                    <a:lnTo>
                      <a:pt x="216" y="360"/>
                    </a:lnTo>
                    <a:lnTo>
                      <a:pt x="216" y="3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20" name="Freeform 447"/>
              <p:cNvSpPr>
                <a:spLocks noChangeAspect="1"/>
              </p:cNvSpPr>
              <p:nvPr/>
            </p:nvSpPr>
            <p:spPr bwMode="auto">
              <a:xfrm>
                <a:off x="2931" y="1980"/>
                <a:ext cx="408" cy="354"/>
              </a:xfrm>
              <a:custGeom>
                <a:avLst/>
                <a:gdLst>
                  <a:gd name="T0" fmla="*/ 378 w 408"/>
                  <a:gd name="T1" fmla="*/ 354 h 354"/>
                  <a:gd name="T2" fmla="*/ 336 w 408"/>
                  <a:gd name="T3" fmla="*/ 354 h 354"/>
                  <a:gd name="T4" fmla="*/ 354 w 408"/>
                  <a:gd name="T5" fmla="*/ 336 h 354"/>
                  <a:gd name="T6" fmla="*/ 348 w 408"/>
                  <a:gd name="T7" fmla="*/ 318 h 354"/>
                  <a:gd name="T8" fmla="*/ 66 w 408"/>
                  <a:gd name="T9" fmla="*/ 324 h 354"/>
                  <a:gd name="T10" fmla="*/ 66 w 408"/>
                  <a:gd name="T11" fmla="*/ 120 h 354"/>
                  <a:gd name="T12" fmla="*/ 36 w 408"/>
                  <a:gd name="T13" fmla="*/ 90 h 354"/>
                  <a:gd name="T14" fmla="*/ 48 w 408"/>
                  <a:gd name="T15" fmla="*/ 66 h 354"/>
                  <a:gd name="T16" fmla="*/ 24 w 408"/>
                  <a:gd name="T17" fmla="*/ 54 h 354"/>
                  <a:gd name="T18" fmla="*/ 0 w 408"/>
                  <a:gd name="T19" fmla="*/ 6 h 354"/>
                  <a:gd name="T20" fmla="*/ 234 w 408"/>
                  <a:gd name="T21" fmla="*/ 0 h 354"/>
                  <a:gd name="T22" fmla="*/ 252 w 408"/>
                  <a:gd name="T23" fmla="*/ 18 h 354"/>
                  <a:gd name="T24" fmla="*/ 252 w 408"/>
                  <a:gd name="T25" fmla="*/ 60 h 354"/>
                  <a:gd name="T26" fmla="*/ 270 w 408"/>
                  <a:gd name="T27" fmla="*/ 78 h 354"/>
                  <a:gd name="T28" fmla="*/ 294 w 408"/>
                  <a:gd name="T29" fmla="*/ 102 h 354"/>
                  <a:gd name="T30" fmla="*/ 306 w 408"/>
                  <a:gd name="T31" fmla="*/ 132 h 354"/>
                  <a:gd name="T32" fmla="*/ 318 w 408"/>
                  <a:gd name="T33" fmla="*/ 126 h 354"/>
                  <a:gd name="T34" fmla="*/ 336 w 408"/>
                  <a:gd name="T35" fmla="*/ 132 h 354"/>
                  <a:gd name="T36" fmla="*/ 324 w 408"/>
                  <a:gd name="T37" fmla="*/ 186 h 354"/>
                  <a:gd name="T38" fmla="*/ 378 w 408"/>
                  <a:gd name="T39" fmla="*/ 222 h 354"/>
                  <a:gd name="T40" fmla="*/ 384 w 408"/>
                  <a:gd name="T41" fmla="*/ 252 h 354"/>
                  <a:gd name="T42" fmla="*/ 402 w 408"/>
                  <a:gd name="T43" fmla="*/ 276 h 354"/>
                  <a:gd name="T44" fmla="*/ 408 w 408"/>
                  <a:gd name="T45" fmla="*/ 306 h 354"/>
                  <a:gd name="T46" fmla="*/ 396 w 408"/>
                  <a:gd name="T47" fmla="*/ 306 h 354"/>
                  <a:gd name="T48" fmla="*/ 390 w 408"/>
                  <a:gd name="T49" fmla="*/ 312 h 354"/>
                  <a:gd name="T50" fmla="*/ 384 w 408"/>
                  <a:gd name="T51" fmla="*/ 306 h 354"/>
                  <a:gd name="T52" fmla="*/ 378 w 408"/>
                  <a:gd name="T53" fmla="*/ 354 h 354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408"/>
                  <a:gd name="T82" fmla="*/ 0 h 354"/>
                  <a:gd name="T83" fmla="*/ 408 w 408"/>
                  <a:gd name="T84" fmla="*/ 354 h 354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408" h="354">
                    <a:moveTo>
                      <a:pt x="378" y="354"/>
                    </a:moveTo>
                    <a:lnTo>
                      <a:pt x="336" y="354"/>
                    </a:lnTo>
                    <a:lnTo>
                      <a:pt x="354" y="336"/>
                    </a:lnTo>
                    <a:lnTo>
                      <a:pt x="348" y="318"/>
                    </a:lnTo>
                    <a:lnTo>
                      <a:pt x="66" y="324"/>
                    </a:lnTo>
                    <a:lnTo>
                      <a:pt x="66" y="120"/>
                    </a:lnTo>
                    <a:lnTo>
                      <a:pt x="36" y="90"/>
                    </a:lnTo>
                    <a:lnTo>
                      <a:pt x="48" y="66"/>
                    </a:lnTo>
                    <a:lnTo>
                      <a:pt x="24" y="54"/>
                    </a:lnTo>
                    <a:lnTo>
                      <a:pt x="0" y="6"/>
                    </a:lnTo>
                    <a:lnTo>
                      <a:pt x="234" y="0"/>
                    </a:lnTo>
                    <a:lnTo>
                      <a:pt x="252" y="18"/>
                    </a:lnTo>
                    <a:lnTo>
                      <a:pt x="252" y="60"/>
                    </a:lnTo>
                    <a:lnTo>
                      <a:pt x="270" y="78"/>
                    </a:lnTo>
                    <a:lnTo>
                      <a:pt x="294" y="102"/>
                    </a:lnTo>
                    <a:lnTo>
                      <a:pt x="306" y="132"/>
                    </a:lnTo>
                    <a:lnTo>
                      <a:pt x="318" y="126"/>
                    </a:lnTo>
                    <a:lnTo>
                      <a:pt x="336" y="132"/>
                    </a:lnTo>
                    <a:lnTo>
                      <a:pt x="324" y="186"/>
                    </a:lnTo>
                    <a:lnTo>
                      <a:pt x="378" y="222"/>
                    </a:lnTo>
                    <a:lnTo>
                      <a:pt x="384" y="252"/>
                    </a:lnTo>
                    <a:lnTo>
                      <a:pt x="402" y="276"/>
                    </a:lnTo>
                    <a:lnTo>
                      <a:pt x="408" y="306"/>
                    </a:lnTo>
                    <a:lnTo>
                      <a:pt x="396" y="306"/>
                    </a:lnTo>
                    <a:lnTo>
                      <a:pt x="390" y="312"/>
                    </a:lnTo>
                    <a:lnTo>
                      <a:pt x="384" y="306"/>
                    </a:lnTo>
                    <a:lnTo>
                      <a:pt x="378" y="35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21" name="Freeform 448"/>
              <p:cNvSpPr>
                <a:spLocks noChangeAspect="1"/>
              </p:cNvSpPr>
              <p:nvPr/>
            </p:nvSpPr>
            <p:spPr bwMode="auto">
              <a:xfrm>
                <a:off x="2931" y="1980"/>
                <a:ext cx="408" cy="360"/>
              </a:xfrm>
              <a:custGeom>
                <a:avLst/>
                <a:gdLst>
                  <a:gd name="T0" fmla="*/ 378 w 408"/>
                  <a:gd name="T1" fmla="*/ 354 h 360"/>
                  <a:gd name="T2" fmla="*/ 336 w 408"/>
                  <a:gd name="T3" fmla="*/ 354 h 360"/>
                  <a:gd name="T4" fmla="*/ 354 w 408"/>
                  <a:gd name="T5" fmla="*/ 336 h 360"/>
                  <a:gd name="T6" fmla="*/ 348 w 408"/>
                  <a:gd name="T7" fmla="*/ 318 h 360"/>
                  <a:gd name="T8" fmla="*/ 66 w 408"/>
                  <a:gd name="T9" fmla="*/ 324 h 360"/>
                  <a:gd name="T10" fmla="*/ 66 w 408"/>
                  <a:gd name="T11" fmla="*/ 120 h 360"/>
                  <a:gd name="T12" fmla="*/ 36 w 408"/>
                  <a:gd name="T13" fmla="*/ 90 h 360"/>
                  <a:gd name="T14" fmla="*/ 48 w 408"/>
                  <a:gd name="T15" fmla="*/ 66 h 360"/>
                  <a:gd name="T16" fmla="*/ 24 w 408"/>
                  <a:gd name="T17" fmla="*/ 54 h 360"/>
                  <a:gd name="T18" fmla="*/ 0 w 408"/>
                  <a:gd name="T19" fmla="*/ 6 h 360"/>
                  <a:gd name="T20" fmla="*/ 234 w 408"/>
                  <a:gd name="T21" fmla="*/ 0 h 360"/>
                  <a:gd name="T22" fmla="*/ 252 w 408"/>
                  <a:gd name="T23" fmla="*/ 18 h 360"/>
                  <a:gd name="T24" fmla="*/ 252 w 408"/>
                  <a:gd name="T25" fmla="*/ 60 h 360"/>
                  <a:gd name="T26" fmla="*/ 270 w 408"/>
                  <a:gd name="T27" fmla="*/ 78 h 360"/>
                  <a:gd name="T28" fmla="*/ 294 w 408"/>
                  <a:gd name="T29" fmla="*/ 102 h 360"/>
                  <a:gd name="T30" fmla="*/ 306 w 408"/>
                  <a:gd name="T31" fmla="*/ 132 h 360"/>
                  <a:gd name="T32" fmla="*/ 318 w 408"/>
                  <a:gd name="T33" fmla="*/ 126 h 360"/>
                  <a:gd name="T34" fmla="*/ 336 w 408"/>
                  <a:gd name="T35" fmla="*/ 132 h 360"/>
                  <a:gd name="T36" fmla="*/ 324 w 408"/>
                  <a:gd name="T37" fmla="*/ 186 h 360"/>
                  <a:gd name="T38" fmla="*/ 378 w 408"/>
                  <a:gd name="T39" fmla="*/ 222 h 360"/>
                  <a:gd name="T40" fmla="*/ 384 w 408"/>
                  <a:gd name="T41" fmla="*/ 252 h 360"/>
                  <a:gd name="T42" fmla="*/ 402 w 408"/>
                  <a:gd name="T43" fmla="*/ 276 h 360"/>
                  <a:gd name="T44" fmla="*/ 408 w 408"/>
                  <a:gd name="T45" fmla="*/ 306 h 360"/>
                  <a:gd name="T46" fmla="*/ 396 w 408"/>
                  <a:gd name="T47" fmla="*/ 306 h 360"/>
                  <a:gd name="T48" fmla="*/ 390 w 408"/>
                  <a:gd name="T49" fmla="*/ 312 h 360"/>
                  <a:gd name="T50" fmla="*/ 384 w 408"/>
                  <a:gd name="T51" fmla="*/ 306 h 360"/>
                  <a:gd name="T52" fmla="*/ 378 w 408"/>
                  <a:gd name="T53" fmla="*/ 354 h 360"/>
                  <a:gd name="T54" fmla="*/ 378 w 408"/>
                  <a:gd name="T55" fmla="*/ 360 h 360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408"/>
                  <a:gd name="T85" fmla="*/ 0 h 360"/>
                  <a:gd name="T86" fmla="*/ 408 w 408"/>
                  <a:gd name="T87" fmla="*/ 360 h 360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408" h="360">
                    <a:moveTo>
                      <a:pt x="378" y="354"/>
                    </a:moveTo>
                    <a:lnTo>
                      <a:pt x="336" y="354"/>
                    </a:lnTo>
                    <a:lnTo>
                      <a:pt x="354" y="336"/>
                    </a:lnTo>
                    <a:lnTo>
                      <a:pt x="348" y="318"/>
                    </a:lnTo>
                    <a:lnTo>
                      <a:pt x="66" y="324"/>
                    </a:lnTo>
                    <a:lnTo>
                      <a:pt x="66" y="120"/>
                    </a:lnTo>
                    <a:lnTo>
                      <a:pt x="36" y="90"/>
                    </a:lnTo>
                    <a:lnTo>
                      <a:pt x="48" y="66"/>
                    </a:lnTo>
                    <a:lnTo>
                      <a:pt x="24" y="54"/>
                    </a:lnTo>
                    <a:lnTo>
                      <a:pt x="0" y="6"/>
                    </a:lnTo>
                    <a:lnTo>
                      <a:pt x="234" y="0"/>
                    </a:lnTo>
                    <a:lnTo>
                      <a:pt x="252" y="18"/>
                    </a:lnTo>
                    <a:lnTo>
                      <a:pt x="252" y="60"/>
                    </a:lnTo>
                    <a:lnTo>
                      <a:pt x="270" y="78"/>
                    </a:lnTo>
                    <a:lnTo>
                      <a:pt x="294" y="102"/>
                    </a:lnTo>
                    <a:lnTo>
                      <a:pt x="306" y="132"/>
                    </a:lnTo>
                    <a:lnTo>
                      <a:pt x="318" y="126"/>
                    </a:lnTo>
                    <a:lnTo>
                      <a:pt x="336" y="132"/>
                    </a:lnTo>
                    <a:lnTo>
                      <a:pt x="324" y="186"/>
                    </a:lnTo>
                    <a:lnTo>
                      <a:pt x="378" y="222"/>
                    </a:lnTo>
                    <a:lnTo>
                      <a:pt x="384" y="252"/>
                    </a:lnTo>
                    <a:lnTo>
                      <a:pt x="402" y="276"/>
                    </a:lnTo>
                    <a:lnTo>
                      <a:pt x="408" y="306"/>
                    </a:lnTo>
                    <a:lnTo>
                      <a:pt x="396" y="306"/>
                    </a:lnTo>
                    <a:lnTo>
                      <a:pt x="390" y="312"/>
                    </a:lnTo>
                    <a:lnTo>
                      <a:pt x="384" y="306"/>
                    </a:lnTo>
                    <a:lnTo>
                      <a:pt x="378" y="354"/>
                    </a:lnTo>
                    <a:lnTo>
                      <a:pt x="378" y="36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22" name="Freeform 449"/>
              <p:cNvSpPr>
                <a:spLocks noChangeAspect="1"/>
              </p:cNvSpPr>
              <p:nvPr/>
            </p:nvSpPr>
            <p:spPr bwMode="auto">
              <a:xfrm>
                <a:off x="1863" y="1224"/>
                <a:ext cx="636" cy="402"/>
              </a:xfrm>
              <a:custGeom>
                <a:avLst/>
                <a:gdLst>
                  <a:gd name="T0" fmla="*/ 612 w 636"/>
                  <a:gd name="T1" fmla="*/ 330 h 402"/>
                  <a:gd name="T2" fmla="*/ 606 w 636"/>
                  <a:gd name="T3" fmla="*/ 402 h 402"/>
                  <a:gd name="T4" fmla="*/ 222 w 636"/>
                  <a:gd name="T5" fmla="*/ 354 h 402"/>
                  <a:gd name="T6" fmla="*/ 216 w 636"/>
                  <a:gd name="T7" fmla="*/ 390 h 402"/>
                  <a:gd name="T8" fmla="*/ 204 w 636"/>
                  <a:gd name="T9" fmla="*/ 366 h 402"/>
                  <a:gd name="T10" fmla="*/ 192 w 636"/>
                  <a:gd name="T11" fmla="*/ 384 h 402"/>
                  <a:gd name="T12" fmla="*/ 150 w 636"/>
                  <a:gd name="T13" fmla="*/ 372 h 402"/>
                  <a:gd name="T14" fmla="*/ 144 w 636"/>
                  <a:gd name="T15" fmla="*/ 384 h 402"/>
                  <a:gd name="T16" fmla="*/ 126 w 636"/>
                  <a:gd name="T17" fmla="*/ 378 h 402"/>
                  <a:gd name="T18" fmla="*/ 114 w 636"/>
                  <a:gd name="T19" fmla="*/ 384 h 402"/>
                  <a:gd name="T20" fmla="*/ 108 w 636"/>
                  <a:gd name="T21" fmla="*/ 354 h 402"/>
                  <a:gd name="T22" fmla="*/ 90 w 636"/>
                  <a:gd name="T23" fmla="*/ 342 h 402"/>
                  <a:gd name="T24" fmla="*/ 84 w 636"/>
                  <a:gd name="T25" fmla="*/ 282 h 402"/>
                  <a:gd name="T26" fmla="*/ 72 w 636"/>
                  <a:gd name="T27" fmla="*/ 270 h 402"/>
                  <a:gd name="T28" fmla="*/ 54 w 636"/>
                  <a:gd name="T29" fmla="*/ 288 h 402"/>
                  <a:gd name="T30" fmla="*/ 42 w 636"/>
                  <a:gd name="T31" fmla="*/ 276 h 402"/>
                  <a:gd name="T32" fmla="*/ 72 w 636"/>
                  <a:gd name="T33" fmla="*/ 198 h 402"/>
                  <a:gd name="T34" fmla="*/ 48 w 636"/>
                  <a:gd name="T35" fmla="*/ 186 h 402"/>
                  <a:gd name="T36" fmla="*/ 24 w 636"/>
                  <a:gd name="T37" fmla="*/ 138 h 402"/>
                  <a:gd name="T38" fmla="*/ 6 w 636"/>
                  <a:gd name="T39" fmla="*/ 120 h 402"/>
                  <a:gd name="T40" fmla="*/ 12 w 636"/>
                  <a:gd name="T41" fmla="*/ 108 h 402"/>
                  <a:gd name="T42" fmla="*/ 0 w 636"/>
                  <a:gd name="T43" fmla="*/ 78 h 402"/>
                  <a:gd name="T44" fmla="*/ 18 w 636"/>
                  <a:gd name="T45" fmla="*/ 0 h 402"/>
                  <a:gd name="T46" fmla="*/ 342 w 636"/>
                  <a:gd name="T47" fmla="*/ 60 h 402"/>
                  <a:gd name="T48" fmla="*/ 636 w 636"/>
                  <a:gd name="T49" fmla="*/ 96 h 402"/>
                  <a:gd name="T50" fmla="*/ 618 w 636"/>
                  <a:gd name="T51" fmla="*/ 300 h 402"/>
                  <a:gd name="T52" fmla="*/ 612 w 636"/>
                  <a:gd name="T53" fmla="*/ 330 h 402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636"/>
                  <a:gd name="T82" fmla="*/ 0 h 402"/>
                  <a:gd name="T83" fmla="*/ 636 w 636"/>
                  <a:gd name="T84" fmla="*/ 402 h 402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636" h="402">
                    <a:moveTo>
                      <a:pt x="612" y="330"/>
                    </a:moveTo>
                    <a:lnTo>
                      <a:pt x="606" y="402"/>
                    </a:lnTo>
                    <a:lnTo>
                      <a:pt x="222" y="354"/>
                    </a:lnTo>
                    <a:lnTo>
                      <a:pt x="216" y="390"/>
                    </a:lnTo>
                    <a:lnTo>
                      <a:pt x="204" y="366"/>
                    </a:lnTo>
                    <a:lnTo>
                      <a:pt x="192" y="384"/>
                    </a:lnTo>
                    <a:lnTo>
                      <a:pt x="150" y="372"/>
                    </a:lnTo>
                    <a:lnTo>
                      <a:pt x="144" y="384"/>
                    </a:lnTo>
                    <a:lnTo>
                      <a:pt x="126" y="378"/>
                    </a:lnTo>
                    <a:lnTo>
                      <a:pt x="114" y="384"/>
                    </a:lnTo>
                    <a:lnTo>
                      <a:pt x="108" y="354"/>
                    </a:lnTo>
                    <a:lnTo>
                      <a:pt x="90" y="342"/>
                    </a:lnTo>
                    <a:lnTo>
                      <a:pt x="84" y="282"/>
                    </a:lnTo>
                    <a:lnTo>
                      <a:pt x="72" y="270"/>
                    </a:lnTo>
                    <a:lnTo>
                      <a:pt x="54" y="288"/>
                    </a:lnTo>
                    <a:lnTo>
                      <a:pt x="42" y="276"/>
                    </a:lnTo>
                    <a:lnTo>
                      <a:pt x="72" y="198"/>
                    </a:lnTo>
                    <a:lnTo>
                      <a:pt x="48" y="186"/>
                    </a:lnTo>
                    <a:lnTo>
                      <a:pt x="24" y="138"/>
                    </a:lnTo>
                    <a:lnTo>
                      <a:pt x="6" y="120"/>
                    </a:lnTo>
                    <a:lnTo>
                      <a:pt x="12" y="108"/>
                    </a:lnTo>
                    <a:lnTo>
                      <a:pt x="0" y="78"/>
                    </a:lnTo>
                    <a:lnTo>
                      <a:pt x="18" y="0"/>
                    </a:lnTo>
                    <a:lnTo>
                      <a:pt x="342" y="60"/>
                    </a:lnTo>
                    <a:lnTo>
                      <a:pt x="636" y="96"/>
                    </a:lnTo>
                    <a:lnTo>
                      <a:pt x="618" y="300"/>
                    </a:lnTo>
                    <a:lnTo>
                      <a:pt x="612" y="33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23" name="Freeform 450"/>
              <p:cNvSpPr>
                <a:spLocks noChangeAspect="1"/>
              </p:cNvSpPr>
              <p:nvPr/>
            </p:nvSpPr>
            <p:spPr bwMode="auto">
              <a:xfrm>
                <a:off x="1863" y="1224"/>
                <a:ext cx="636" cy="402"/>
              </a:xfrm>
              <a:custGeom>
                <a:avLst/>
                <a:gdLst>
                  <a:gd name="T0" fmla="*/ 612 w 636"/>
                  <a:gd name="T1" fmla="*/ 330 h 402"/>
                  <a:gd name="T2" fmla="*/ 606 w 636"/>
                  <a:gd name="T3" fmla="*/ 402 h 402"/>
                  <a:gd name="T4" fmla="*/ 222 w 636"/>
                  <a:gd name="T5" fmla="*/ 354 h 402"/>
                  <a:gd name="T6" fmla="*/ 216 w 636"/>
                  <a:gd name="T7" fmla="*/ 390 h 402"/>
                  <a:gd name="T8" fmla="*/ 204 w 636"/>
                  <a:gd name="T9" fmla="*/ 366 h 402"/>
                  <a:gd name="T10" fmla="*/ 192 w 636"/>
                  <a:gd name="T11" fmla="*/ 384 h 402"/>
                  <a:gd name="T12" fmla="*/ 150 w 636"/>
                  <a:gd name="T13" fmla="*/ 372 h 402"/>
                  <a:gd name="T14" fmla="*/ 144 w 636"/>
                  <a:gd name="T15" fmla="*/ 384 h 402"/>
                  <a:gd name="T16" fmla="*/ 126 w 636"/>
                  <a:gd name="T17" fmla="*/ 378 h 402"/>
                  <a:gd name="T18" fmla="*/ 114 w 636"/>
                  <a:gd name="T19" fmla="*/ 384 h 402"/>
                  <a:gd name="T20" fmla="*/ 108 w 636"/>
                  <a:gd name="T21" fmla="*/ 354 h 402"/>
                  <a:gd name="T22" fmla="*/ 90 w 636"/>
                  <a:gd name="T23" fmla="*/ 342 h 402"/>
                  <a:gd name="T24" fmla="*/ 84 w 636"/>
                  <a:gd name="T25" fmla="*/ 282 h 402"/>
                  <a:gd name="T26" fmla="*/ 72 w 636"/>
                  <a:gd name="T27" fmla="*/ 270 h 402"/>
                  <a:gd name="T28" fmla="*/ 54 w 636"/>
                  <a:gd name="T29" fmla="*/ 288 h 402"/>
                  <a:gd name="T30" fmla="*/ 42 w 636"/>
                  <a:gd name="T31" fmla="*/ 276 h 402"/>
                  <a:gd name="T32" fmla="*/ 72 w 636"/>
                  <a:gd name="T33" fmla="*/ 198 h 402"/>
                  <a:gd name="T34" fmla="*/ 48 w 636"/>
                  <a:gd name="T35" fmla="*/ 186 h 402"/>
                  <a:gd name="T36" fmla="*/ 24 w 636"/>
                  <a:gd name="T37" fmla="*/ 138 h 402"/>
                  <a:gd name="T38" fmla="*/ 6 w 636"/>
                  <a:gd name="T39" fmla="*/ 120 h 402"/>
                  <a:gd name="T40" fmla="*/ 12 w 636"/>
                  <a:gd name="T41" fmla="*/ 108 h 402"/>
                  <a:gd name="T42" fmla="*/ 0 w 636"/>
                  <a:gd name="T43" fmla="*/ 78 h 402"/>
                  <a:gd name="T44" fmla="*/ 18 w 636"/>
                  <a:gd name="T45" fmla="*/ 0 h 402"/>
                  <a:gd name="T46" fmla="*/ 342 w 636"/>
                  <a:gd name="T47" fmla="*/ 60 h 402"/>
                  <a:gd name="T48" fmla="*/ 636 w 636"/>
                  <a:gd name="T49" fmla="*/ 96 h 402"/>
                  <a:gd name="T50" fmla="*/ 618 w 636"/>
                  <a:gd name="T51" fmla="*/ 300 h 402"/>
                  <a:gd name="T52" fmla="*/ 612 w 636"/>
                  <a:gd name="T53" fmla="*/ 330 h 402"/>
                  <a:gd name="T54" fmla="*/ 612 w 636"/>
                  <a:gd name="T55" fmla="*/ 336 h 402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636"/>
                  <a:gd name="T85" fmla="*/ 0 h 402"/>
                  <a:gd name="T86" fmla="*/ 636 w 636"/>
                  <a:gd name="T87" fmla="*/ 402 h 402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636" h="402">
                    <a:moveTo>
                      <a:pt x="612" y="330"/>
                    </a:moveTo>
                    <a:lnTo>
                      <a:pt x="606" y="402"/>
                    </a:lnTo>
                    <a:lnTo>
                      <a:pt x="222" y="354"/>
                    </a:lnTo>
                    <a:lnTo>
                      <a:pt x="216" y="390"/>
                    </a:lnTo>
                    <a:lnTo>
                      <a:pt x="204" y="366"/>
                    </a:lnTo>
                    <a:lnTo>
                      <a:pt x="192" y="384"/>
                    </a:lnTo>
                    <a:lnTo>
                      <a:pt x="150" y="372"/>
                    </a:lnTo>
                    <a:lnTo>
                      <a:pt x="144" y="384"/>
                    </a:lnTo>
                    <a:lnTo>
                      <a:pt x="126" y="378"/>
                    </a:lnTo>
                    <a:lnTo>
                      <a:pt x="114" y="384"/>
                    </a:lnTo>
                    <a:lnTo>
                      <a:pt x="108" y="354"/>
                    </a:lnTo>
                    <a:lnTo>
                      <a:pt x="90" y="342"/>
                    </a:lnTo>
                    <a:lnTo>
                      <a:pt x="84" y="282"/>
                    </a:lnTo>
                    <a:lnTo>
                      <a:pt x="72" y="270"/>
                    </a:lnTo>
                    <a:lnTo>
                      <a:pt x="54" y="288"/>
                    </a:lnTo>
                    <a:lnTo>
                      <a:pt x="42" y="276"/>
                    </a:lnTo>
                    <a:lnTo>
                      <a:pt x="72" y="198"/>
                    </a:lnTo>
                    <a:lnTo>
                      <a:pt x="48" y="186"/>
                    </a:lnTo>
                    <a:lnTo>
                      <a:pt x="24" y="138"/>
                    </a:lnTo>
                    <a:lnTo>
                      <a:pt x="6" y="120"/>
                    </a:lnTo>
                    <a:lnTo>
                      <a:pt x="12" y="108"/>
                    </a:lnTo>
                    <a:lnTo>
                      <a:pt x="0" y="78"/>
                    </a:lnTo>
                    <a:lnTo>
                      <a:pt x="18" y="0"/>
                    </a:lnTo>
                    <a:lnTo>
                      <a:pt x="342" y="60"/>
                    </a:lnTo>
                    <a:lnTo>
                      <a:pt x="636" y="96"/>
                    </a:lnTo>
                    <a:lnTo>
                      <a:pt x="618" y="300"/>
                    </a:lnTo>
                    <a:lnTo>
                      <a:pt x="612" y="330"/>
                    </a:lnTo>
                    <a:lnTo>
                      <a:pt x="612" y="33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24" name="Freeform 451"/>
              <p:cNvSpPr>
                <a:spLocks noChangeAspect="1"/>
              </p:cNvSpPr>
              <p:nvPr/>
            </p:nvSpPr>
            <p:spPr bwMode="auto">
              <a:xfrm>
                <a:off x="2445" y="1782"/>
                <a:ext cx="510" cy="252"/>
              </a:xfrm>
              <a:custGeom>
                <a:avLst/>
                <a:gdLst>
                  <a:gd name="T0" fmla="*/ 444 w 510"/>
                  <a:gd name="T1" fmla="*/ 60 h 252"/>
                  <a:gd name="T2" fmla="*/ 474 w 510"/>
                  <a:gd name="T3" fmla="*/ 150 h 252"/>
                  <a:gd name="T4" fmla="*/ 486 w 510"/>
                  <a:gd name="T5" fmla="*/ 204 h 252"/>
                  <a:gd name="T6" fmla="*/ 510 w 510"/>
                  <a:gd name="T7" fmla="*/ 252 h 252"/>
                  <a:gd name="T8" fmla="*/ 108 w 510"/>
                  <a:gd name="T9" fmla="*/ 240 h 252"/>
                  <a:gd name="T10" fmla="*/ 108 w 510"/>
                  <a:gd name="T11" fmla="*/ 210 h 252"/>
                  <a:gd name="T12" fmla="*/ 114 w 510"/>
                  <a:gd name="T13" fmla="*/ 162 h 252"/>
                  <a:gd name="T14" fmla="*/ 0 w 510"/>
                  <a:gd name="T15" fmla="*/ 150 h 252"/>
                  <a:gd name="T16" fmla="*/ 12 w 510"/>
                  <a:gd name="T17" fmla="*/ 0 h 252"/>
                  <a:gd name="T18" fmla="*/ 324 w 510"/>
                  <a:gd name="T19" fmla="*/ 18 h 252"/>
                  <a:gd name="T20" fmla="*/ 354 w 510"/>
                  <a:gd name="T21" fmla="*/ 36 h 252"/>
                  <a:gd name="T22" fmla="*/ 396 w 510"/>
                  <a:gd name="T23" fmla="*/ 30 h 252"/>
                  <a:gd name="T24" fmla="*/ 444 w 510"/>
                  <a:gd name="T25" fmla="*/ 60 h 252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510"/>
                  <a:gd name="T40" fmla="*/ 0 h 252"/>
                  <a:gd name="T41" fmla="*/ 510 w 510"/>
                  <a:gd name="T42" fmla="*/ 252 h 252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510" h="252">
                    <a:moveTo>
                      <a:pt x="444" y="60"/>
                    </a:moveTo>
                    <a:lnTo>
                      <a:pt x="474" y="150"/>
                    </a:lnTo>
                    <a:lnTo>
                      <a:pt x="486" y="204"/>
                    </a:lnTo>
                    <a:lnTo>
                      <a:pt x="510" y="252"/>
                    </a:lnTo>
                    <a:lnTo>
                      <a:pt x="108" y="240"/>
                    </a:lnTo>
                    <a:lnTo>
                      <a:pt x="108" y="210"/>
                    </a:lnTo>
                    <a:lnTo>
                      <a:pt x="114" y="162"/>
                    </a:lnTo>
                    <a:lnTo>
                      <a:pt x="0" y="150"/>
                    </a:lnTo>
                    <a:lnTo>
                      <a:pt x="12" y="0"/>
                    </a:lnTo>
                    <a:lnTo>
                      <a:pt x="324" y="18"/>
                    </a:lnTo>
                    <a:lnTo>
                      <a:pt x="354" y="36"/>
                    </a:lnTo>
                    <a:lnTo>
                      <a:pt x="396" y="30"/>
                    </a:lnTo>
                    <a:lnTo>
                      <a:pt x="444" y="6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25" name="Freeform 452"/>
              <p:cNvSpPr>
                <a:spLocks noChangeAspect="1"/>
              </p:cNvSpPr>
              <p:nvPr/>
            </p:nvSpPr>
            <p:spPr bwMode="auto">
              <a:xfrm>
                <a:off x="2445" y="1782"/>
                <a:ext cx="510" cy="252"/>
              </a:xfrm>
              <a:custGeom>
                <a:avLst/>
                <a:gdLst>
                  <a:gd name="T0" fmla="*/ 444 w 510"/>
                  <a:gd name="T1" fmla="*/ 60 h 252"/>
                  <a:gd name="T2" fmla="*/ 474 w 510"/>
                  <a:gd name="T3" fmla="*/ 150 h 252"/>
                  <a:gd name="T4" fmla="*/ 486 w 510"/>
                  <a:gd name="T5" fmla="*/ 204 h 252"/>
                  <a:gd name="T6" fmla="*/ 510 w 510"/>
                  <a:gd name="T7" fmla="*/ 252 h 252"/>
                  <a:gd name="T8" fmla="*/ 108 w 510"/>
                  <a:gd name="T9" fmla="*/ 240 h 252"/>
                  <a:gd name="T10" fmla="*/ 108 w 510"/>
                  <a:gd name="T11" fmla="*/ 210 h 252"/>
                  <a:gd name="T12" fmla="*/ 114 w 510"/>
                  <a:gd name="T13" fmla="*/ 162 h 252"/>
                  <a:gd name="T14" fmla="*/ 0 w 510"/>
                  <a:gd name="T15" fmla="*/ 150 h 252"/>
                  <a:gd name="T16" fmla="*/ 12 w 510"/>
                  <a:gd name="T17" fmla="*/ 0 h 252"/>
                  <a:gd name="T18" fmla="*/ 324 w 510"/>
                  <a:gd name="T19" fmla="*/ 18 h 252"/>
                  <a:gd name="T20" fmla="*/ 354 w 510"/>
                  <a:gd name="T21" fmla="*/ 36 h 252"/>
                  <a:gd name="T22" fmla="*/ 396 w 510"/>
                  <a:gd name="T23" fmla="*/ 30 h 252"/>
                  <a:gd name="T24" fmla="*/ 444 w 510"/>
                  <a:gd name="T25" fmla="*/ 60 h 252"/>
                  <a:gd name="T26" fmla="*/ 444 w 510"/>
                  <a:gd name="T27" fmla="*/ 66 h 252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w 510"/>
                  <a:gd name="T43" fmla="*/ 0 h 252"/>
                  <a:gd name="T44" fmla="*/ 510 w 510"/>
                  <a:gd name="T45" fmla="*/ 252 h 252"/>
                </a:gdLst>
                <a:ahLst/>
                <a:cxnLst>
                  <a:cxn ang="T28">
                    <a:pos x="T0" y="T1"/>
                  </a:cxn>
                  <a:cxn ang="T29">
                    <a:pos x="T2" y="T3"/>
                  </a:cxn>
                  <a:cxn ang="T30">
                    <a:pos x="T4" y="T5"/>
                  </a:cxn>
                  <a:cxn ang="T31">
                    <a:pos x="T6" y="T7"/>
                  </a:cxn>
                  <a:cxn ang="T32">
                    <a:pos x="T8" y="T9"/>
                  </a:cxn>
                  <a:cxn ang="T33">
                    <a:pos x="T10" y="T11"/>
                  </a:cxn>
                  <a:cxn ang="T34">
                    <a:pos x="T12" y="T13"/>
                  </a:cxn>
                  <a:cxn ang="T35">
                    <a:pos x="T14" y="T15"/>
                  </a:cxn>
                  <a:cxn ang="T36">
                    <a:pos x="T16" y="T17"/>
                  </a:cxn>
                  <a:cxn ang="T37">
                    <a:pos x="T18" y="T19"/>
                  </a:cxn>
                  <a:cxn ang="T38">
                    <a:pos x="T20" y="T21"/>
                  </a:cxn>
                  <a:cxn ang="T39">
                    <a:pos x="T22" y="T23"/>
                  </a:cxn>
                  <a:cxn ang="T40">
                    <a:pos x="T24" y="T25"/>
                  </a:cxn>
                  <a:cxn ang="T41">
                    <a:pos x="T26" y="T27"/>
                  </a:cxn>
                </a:cxnLst>
                <a:rect l="T42" t="T43" r="T44" b="T45"/>
                <a:pathLst>
                  <a:path w="510" h="252">
                    <a:moveTo>
                      <a:pt x="444" y="60"/>
                    </a:moveTo>
                    <a:lnTo>
                      <a:pt x="474" y="150"/>
                    </a:lnTo>
                    <a:lnTo>
                      <a:pt x="486" y="204"/>
                    </a:lnTo>
                    <a:lnTo>
                      <a:pt x="510" y="252"/>
                    </a:lnTo>
                    <a:lnTo>
                      <a:pt x="108" y="240"/>
                    </a:lnTo>
                    <a:lnTo>
                      <a:pt x="108" y="210"/>
                    </a:lnTo>
                    <a:lnTo>
                      <a:pt x="114" y="162"/>
                    </a:lnTo>
                    <a:lnTo>
                      <a:pt x="0" y="150"/>
                    </a:lnTo>
                    <a:lnTo>
                      <a:pt x="12" y="0"/>
                    </a:lnTo>
                    <a:lnTo>
                      <a:pt x="324" y="18"/>
                    </a:lnTo>
                    <a:lnTo>
                      <a:pt x="354" y="36"/>
                    </a:lnTo>
                    <a:lnTo>
                      <a:pt x="396" y="30"/>
                    </a:lnTo>
                    <a:lnTo>
                      <a:pt x="444" y="60"/>
                    </a:lnTo>
                    <a:lnTo>
                      <a:pt x="444" y="6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26" name="Freeform 453"/>
              <p:cNvSpPr>
                <a:spLocks noChangeAspect="1"/>
              </p:cNvSpPr>
              <p:nvPr/>
            </p:nvSpPr>
            <p:spPr bwMode="auto">
              <a:xfrm>
                <a:off x="1485" y="1698"/>
                <a:ext cx="396" cy="606"/>
              </a:xfrm>
              <a:custGeom>
                <a:avLst/>
                <a:gdLst>
                  <a:gd name="T0" fmla="*/ 252 w 396"/>
                  <a:gd name="T1" fmla="*/ 606 h 606"/>
                  <a:gd name="T2" fmla="*/ 0 w 396"/>
                  <a:gd name="T3" fmla="*/ 234 h 606"/>
                  <a:gd name="T4" fmla="*/ 60 w 396"/>
                  <a:gd name="T5" fmla="*/ 0 h 606"/>
                  <a:gd name="T6" fmla="*/ 96 w 396"/>
                  <a:gd name="T7" fmla="*/ 12 h 606"/>
                  <a:gd name="T8" fmla="*/ 228 w 396"/>
                  <a:gd name="T9" fmla="*/ 42 h 606"/>
                  <a:gd name="T10" fmla="*/ 396 w 396"/>
                  <a:gd name="T11" fmla="*/ 78 h 606"/>
                  <a:gd name="T12" fmla="*/ 318 w 396"/>
                  <a:gd name="T13" fmla="*/ 462 h 606"/>
                  <a:gd name="T14" fmla="*/ 300 w 396"/>
                  <a:gd name="T15" fmla="*/ 534 h 606"/>
                  <a:gd name="T16" fmla="*/ 276 w 396"/>
                  <a:gd name="T17" fmla="*/ 522 h 606"/>
                  <a:gd name="T18" fmla="*/ 264 w 396"/>
                  <a:gd name="T19" fmla="*/ 528 h 606"/>
                  <a:gd name="T20" fmla="*/ 252 w 396"/>
                  <a:gd name="T21" fmla="*/ 600 h 606"/>
                  <a:gd name="T22" fmla="*/ 252 w 396"/>
                  <a:gd name="T23" fmla="*/ 606 h 60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396"/>
                  <a:gd name="T37" fmla="*/ 0 h 606"/>
                  <a:gd name="T38" fmla="*/ 396 w 396"/>
                  <a:gd name="T39" fmla="*/ 606 h 606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396" h="606">
                    <a:moveTo>
                      <a:pt x="252" y="606"/>
                    </a:moveTo>
                    <a:lnTo>
                      <a:pt x="0" y="234"/>
                    </a:lnTo>
                    <a:lnTo>
                      <a:pt x="60" y="0"/>
                    </a:lnTo>
                    <a:lnTo>
                      <a:pt x="96" y="12"/>
                    </a:lnTo>
                    <a:lnTo>
                      <a:pt x="228" y="42"/>
                    </a:lnTo>
                    <a:lnTo>
                      <a:pt x="396" y="78"/>
                    </a:lnTo>
                    <a:lnTo>
                      <a:pt x="318" y="462"/>
                    </a:lnTo>
                    <a:lnTo>
                      <a:pt x="300" y="534"/>
                    </a:lnTo>
                    <a:lnTo>
                      <a:pt x="276" y="522"/>
                    </a:lnTo>
                    <a:lnTo>
                      <a:pt x="264" y="528"/>
                    </a:lnTo>
                    <a:lnTo>
                      <a:pt x="252" y="600"/>
                    </a:lnTo>
                    <a:lnTo>
                      <a:pt x="252" y="606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27" name="Freeform 454"/>
              <p:cNvSpPr>
                <a:spLocks noChangeAspect="1"/>
              </p:cNvSpPr>
              <p:nvPr/>
            </p:nvSpPr>
            <p:spPr bwMode="auto">
              <a:xfrm>
                <a:off x="1485" y="1698"/>
                <a:ext cx="396" cy="612"/>
              </a:xfrm>
              <a:custGeom>
                <a:avLst/>
                <a:gdLst>
                  <a:gd name="T0" fmla="*/ 252 w 396"/>
                  <a:gd name="T1" fmla="*/ 606 h 612"/>
                  <a:gd name="T2" fmla="*/ 0 w 396"/>
                  <a:gd name="T3" fmla="*/ 234 h 612"/>
                  <a:gd name="T4" fmla="*/ 60 w 396"/>
                  <a:gd name="T5" fmla="*/ 0 h 612"/>
                  <a:gd name="T6" fmla="*/ 96 w 396"/>
                  <a:gd name="T7" fmla="*/ 12 h 612"/>
                  <a:gd name="T8" fmla="*/ 228 w 396"/>
                  <a:gd name="T9" fmla="*/ 42 h 612"/>
                  <a:gd name="T10" fmla="*/ 396 w 396"/>
                  <a:gd name="T11" fmla="*/ 78 h 612"/>
                  <a:gd name="T12" fmla="*/ 318 w 396"/>
                  <a:gd name="T13" fmla="*/ 462 h 612"/>
                  <a:gd name="T14" fmla="*/ 300 w 396"/>
                  <a:gd name="T15" fmla="*/ 534 h 612"/>
                  <a:gd name="T16" fmla="*/ 276 w 396"/>
                  <a:gd name="T17" fmla="*/ 522 h 612"/>
                  <a:gd name="T18" fmla="*/ 264 w 396"/>
                  <a:gd name="T19" fmla="*/ 528 h 612"/>
                  <a:gd name="T20" fmla="*/ 252 w 396"/>
                  <a:gd name="T21" fmla="*/ 600 h 612"/>
                  <a:gd name="T22" fmla="*/ 252 w 396"/>
                  <a:gd name="T23" fmla="*/ 606 h 612"/>
                  <a:gd name="T24" fmla="*/ 252 w 396"/>
                  <a:gd name="T25" fmla="*/ 612 h 612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396"/>
                  <a:gd name="T40" fmla="*/ 0 h 612"/>
                  <a:gd name="T41" fmla="*/ 396 w 396"/>
                  <a:gd name="T42" fmla="*/ 612 h 612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396" h="612">
                    <a:moveTo>
                      <a:pt x="252" y="606"/>
                    </a:moveTo>
                    <a:lnTo>
                      <a:pt x="0" y="234"/>
                    </a:lnTo>
                    <a:lnTo>
                      <a:pt x="60" y="0"/>
                    </a:lnTo>
                    <a:lnTo>
                      <a:pt x="96" y="12"/>
                    </a:lnTo>
                    <a:lnTo>
                      <a:pt x="228" y="42"/>
                    </a:lnTo>
                    <a:lnTo>
                      <a:pt x="396" y="78"/>
                    </a:lnTo>
                    <a:lnTo>
                      <a:pt x="318" y="462"/>
                    </a:lnTo>
                    <a:lnTo>
                      <a:pt x="300" y="534"/>
                    </a:lnTo>
                    <a:lnTo>
                      <a:pt x="276" y="522"/>
                    </a:lnTo>
                    <a:lnTo>
                      <a:pt x="264" y="528"/>
                    </a:lnTo>
                    <a:lnTo>
                      <a:pt x="252" y="600"/>
                    </a:lnTo>
                    <a:lnTo>
                      <a:pt x="252" y="606"/>
                    </a:lnTo>
                    <a:lnTo>
                      <a:pt x="252" y="61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28" name="Freeform 455"/>
              <p:cNvSpPr>
                <a:spLocks noChangeAspect="1"/>
              </p:cNvSpPr>
              <p:nvPr/>
            </p:nvSpPr>
            <p:spPr bwMode="auto">
              <a:xfrm>
                <a:off x="4233" y="1446"/>
                <a:ext cx="102" cy="210"/>
              </a:xfrm>
              <a:custGeom>
                <a:avLst/>
                <a:gdLst>
                  <a:gd name="T0" fmla="*/ 102 w 102"/>
                  <a:gd name="T1" fmla="*/ 162 h 210"/>
                  <a:gd name="T2" fmla="*/ 102 w 102"/>
                  <a:gd name="T3" fmla="*/ 180 h 210"/>
                  <a:gd name="T4" fmla="*/ 78 w 102"/>
                  <a:gd name="T5" fmla="*/ 198 h 210"/>
                  <a:gd name="T6" fmla="*/ 12 w 102"/>
                  <a:gd name="T7" fmla="*/ 210 h 210"/>
                  <a:gd name="T8" fmla="*/ 0 w 102"/>
                  <a:gd name="T9" fmla="*/ 144 h 210"/>
                  <a:gd name="T10" fmla="*/ 6 w 102"/>
                  <a:gd name="T11" fmla="*/ 90 h 210"/>
                  <a:gd name="T12" fmla="*/ 24 w 102"/>
                  <a:gd name="T13" fmla="*/ 66 h 210"/>
                  <a:gd name="T14" fmla="*/ 18 w 102"/>
                  <a:gd name="T15" fmla="*/ 24 h 210"/>
                  <a:gd name="T16" fmla="*/ 18 w 102"/>
                  <a:gd name="T17" fmla="*/ 6 h 210"/>
                  <a:gd name="T18" fmla="*/ 36 w 102"/>
                  <a:gd name="T19" fmla="*/ 0 h 210"/>
                  <a:gd name="T20" fmla="*/ 78 w 102"/>
                  <a:gd name="T21" fmla="*/ 138 h 210"/>
                  <a:gd name="T22" fmla="*/ 96 w 102"/>
                  <a:gd name="T23" fmla="*/ 162 h 210"/>
                  <a:gd name="T24" fmla="*/ 102 w 102"/>
                  <a:gd name="T25" fmla="*/ 162 h 210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102"/>
                  <a:gd name="T40" fmla="*/ 0 h 210"/>
                  <a:gd name="T41" fmla="*/ 102 w 102"/>
                  <a:gd name="T42" fmla="*/ 210 h 210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102" h="210">
                    <a:moveTo>
                      <a:pt x="102" y="162"/>
                    </a:moveTo>
                    <a:lnTo>
                      <a:pt x="102" y="180"/>
                    </a:lnTo>
                    <a:lnTo>
                      <a:pt x="78" y="198"/>
                    </a:lnTo>
                    <a:lnTo>
                      <a:pt x="12" y="210"/>
                    </a:lnTo>
                    <a:lnTo>
                      <a:pt x="0" y="144"/>
                    </a:lnTo>
                    <a:lnTo>
                      <a:pt x="6" y="90"/>
                    </a:lnTo>
                    <a:lnTo>
                      <a:pt x="24" y="66"/>
                    </a:lnTo>
                    <a:lnTo>
                      <a:pt x="18" y="24"/>
                    </a:lnTo>
                    <a:lnTo>
                      <a:pt x="18" y="6"/>
                    </a:lnTo>
                    <a:lnTo>
                      <a:pt x="36" y="0"/>
                    </a:lnTo>
                    <a:lnTo>
                      <a:pt x="78" y="138"/>
                    </a:lnTo>
                    <a:lnTo>
                      <a:pt x="96" y="162"/>
                    </a:lnTo>
                    <a:lnTo>
                      <a:pt x="102" y="16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29" name="Freeform 456"/>
              <p:cNvSpPr>
                <a:spLocks noChangeAspect="1"/>
              </p:cNvSpPr>
              <p:nvPr/>
            </p:nvSpPr>
            <p:spPr bwMode="auto">
              <a:xfrm>
                <a:off x="4233" y="1446"/>
                <a:ext cx="102" cy="210"/>
              </a:xfrm>
              <a:custGeom>
                <a:avLst/>
                <a:gdLst>
                  <a:gd name="T0" fmla="*/ 102 w 102"/>
                  <a:gd name="T1" fmla="*/ 162 h 210"/>
                  <a:gd name="T2" fmla="*/ 102 w 102"/>
                  <a:gd name="T3" fmla="*/ 180 h 210"/>
                  <a:gd name="T4" fmla="*/ 78 w 102"/>
                  <a:gd name="T5" fmla="*/ 198 h 210"/>
                  <a:gd name="T6" fmla="*/ 12 w 102"/>
                  <a:gd name="T7" fmla="*/ 210 h 210"/>
                  <a:gd name="T8" fmla="*/ 0 w 102"/>
                  <a:gd name="T9" fmla="*/ 144 h 210"/>
                  <a:gd name="T10" fmla="*/ 6 w 102"/>
                  <a:gd name="T11" fmla="*/ 90 h 210"/>
                  <a:gd name="T12" fmla="*/ 24 w 102"/>
                  <a:gd name="T13" fmla="*/ 66 h 210"/>
                  <a:gd name="T14" fmla="*/ 18 w 102"/>
                  <a:gd name="T15" fmla="*/ 24 h 210"/>
                  <a:gd name="T16" fmla="*/ 18 w 102"/>
                  <a:gd name="T17" fmla="*/ 6 h 210"/>
                  <a:gd name="T18" fmla="*/ 36 w 102"/>
                  <a:gd name="T19" fmla="*/ 0 h 210"/>
                  <a:gd name="T20" fmla="*/ 78 w 102"/>
                  <a:gd name="T21" fmla="*/ 138 h 210"/>
                  <a:gd name="T22" fmla="*/ 96 w 102"/>
                  <a:gd name="T23" fmla="*/ 162 h 210"/>
                  <a:gd name="T24" fmla="*/ 102 w 102"/>
                  <a:gd name="T25" fmla="*/ 162 h 210"/>
                  <a:gd name="T26" fmla="*/ 102 w 102"/>
                  <a:gd name="T27" fmla="*/ 168 h 210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w 102"/>
                  <a:gd name="T43" fmla="*/ 0 h 210"/>
                  <a:gd name="T44" fmla="*/ 102 w 102"/>
                  <a:gd name="T45" fmla="*/ 210 h 210"/>
                </a:gdLst>
                <a:ahLst/>
                <a:cxnLst>
                  <a:cxn ang="T28">
                    <a:pos x="T0" y="T1"/>
                  </a:cxn>
                  <a:cxn ang="T29">
                    <a:pos x="T2" y="T3"/>
                  </a:cxn>
                  <a:cxn ang="T30">
                    <a:pos x="T4" y="T5"/>
                  </a:cxn>
                  <a:cxn ang="T31">
                    <a:pos x="T6" y="T7"/>
                  </a:cxn>
                  <a:cxn ang="T32">
                    <a:pos x="T8" y="T9"/>
                  </a:cxn>
                  <a:cxn ang="T33">
                    <a:pos x="T10" y="T11"/>
                  </a:cxn>
                  <a:cxn ang="T34">
                    <a:pos x="T12" y="T13"/>
                  </a:cxn>
                  <a:cxn ang="T35">
                    <a:pos x="T14" y="T15"/>
                  </a:cxn>
                  <a:cxn ang="T36">
                    <a:pos x="T16" y="T17"/>
                  </a:cxn>
                  <a:cxn ang="T37">
                    <a:pos x="T18" y="T19"/>
                  </a:cxn>
                  <a:cxn ang="T38">
                    <a:pos x="T20" y="T21"/>
                  </a:cxn>
                  <a:cxn ang="T39">
                    <a:pos x="T22" y="T23"/>
                  </a:cxn>
                  <a:cxn ang="T40">
                    <a:pos x="T24" y="T25"/>
                  </a:cxn>
                  <a:cxn ang="T41">
                    <a:pos x="T26" y="T27"/>
                  </a:cxn>
                </a:cxnLst>
                <a:rect l="T42" t="T43" r="T44" b="T45"/>
                <a:pathLst>
                  <a:path w="102" h="210">
                    <a:moveTo>
                      <a:pt x="102" y="162"/>
                    </a:moveTo>
                    <a:lnTo>
                      <a:pt x="102" y="180"/>
                    </a:lnTo>
                    <a:lnTo>
                      <a:pt x="78" y="198"/>
                    </a:lnTo>
                    <a:lnTo>
                      <a:pt x="12" y="210"/>
                    </a:lnTo>
                    <a:lnTo>
                      <a:pt x="0" y="144"/>
                    </a:lnTo>
                    <a:lnTo>
                      <a:pt x="6" y="90"/>
                    </a:lnTo>
                    <a:lnTo>
                      <a:pt x="24" y="66"/>
                    </a:lnTo>
                    <a:lnTo>
                      <a:pt x="18" y="24"/>
                    </a:lnTo>
                    <a:lnTo>
                      <a:pt x="18" y="6"/>
                    </a:lnTo>
                    <a:lnTo>
                      <a:pt x="36" y="0"/>
                    </a:lnTo>
                    <a:lnTo>
                      <a:pt x="78" y="138"/>
                    </a:lnTo>
                    <a:lnTo>
                      <a:pt x="96" y="162"/>
                    </a:lnTo>
                    <a:lnTo>
                      <a:pt x="102" y="162"/>
                    </a:lnTo>
                    <a:lnTo>
                      <a:pt x="102" y="16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30" name="Freeform 457"/>
              <p:cNvSpPr>
                <a:spLocks noChangeAspect="1"/>
              </p:cNvSpPr>
              <p:nvPr/>
            </p:nvSpPr>
            <p:spPr bwMode="auto">
              <a:xfrm>
                <a:off x="4125" y="1794"/>
                <a:ext cx="84" cy="186"/>
              </a:xfrm>
              <a:custGeom>
                <a:avLst/>
                <a:gdLst>
                  <a:gd name="T0" fmla="*/ 72 w 84"/>
                  <a:gd name="T1" fmla="*/ 24 h 186"/>
                  <a:gd name="T2" fmla="*/ 60 w 84"/>
                  <a:gd name="T3" fmla="*/ 54 h 186"/>
                  <a:gd name="T4" fmla="*/ 78 w 84"/>
                  <a:gd name="T5" fmla="*/ 60 h 186"/>
                  <a:gd name="T6" fmla="*/ 84 w 84"/>
                  <a:gd name="T7" fmla="*/ 108 h 186"/>
                  <a:gd name="T8" fmla="*/ 78 w 84"/>
                  <a:gd name="T9" fmla="*/ 90 h 186"/>
                  <a:gd name="T10" fmla="*/ 78 w 84"/>
                  <a:gd name="T11" fmla="*/ 114 h 186"/>
                  <a:gd name="T12" fmla="*/ 54 w 84"/>
                  <a:gd name="T13" fmla="*/ 180 h 186"/>
                  <a:gd name="T14" fmla="*/ 48 w 84"/>
                  <a:gd name="T15" fmla="*/ 186 h 186"/>
                  <a:gd name="T16" fmla="*/ 48 w 84"/>
                  <a:gd name="T17" fmla="*/ 168 h 186"/>
                  <a:gd name="T18" fmla="*/ 6 w 84"/>
                  <a:gd name="T19" fmla="*/ 156 h 186"/>
                  <a:gd name="T20" fmla="*/ 0 w 84"/>
                  <a:gd name="T21" fmla="*/ 138 h 186"/>
                  <a:gd name="T22" fmla="*/ 6 w 84"/>
                  <a:gd name="T23" fmla="*/ 126 h 186"/>
                  <a:gd name="T24" fmla="*/ 36 w 84"/>
                  <a:gd name="T25" fmla="*/ 90 h 186"/>
                  <a:gd name="T26" fmla="*/ 6 w 84"/>
                  <a:gd name="T27" fmla="*/ 60 h 186"/>
                  <a:gd name="T28" fmla="*/ 0 w 84"/>
                  <a:gd name="T29" fmla="*/ 30 h 186"/>
                  <a:gd name="T30" fmla="*/ 18 w 84"/>
                  <a:gd name="T31" fmla="*/ 0 h 186"/>
                  <a:gd name="T32" fmla="*/ 72 w 84"/>
                  <a:gd name="T33" fmla="*/ 24 h 18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w 84"/>
                  <a:gd name="T52" fmla="*/ 0 h 186"/>
                  <a:gd name="T53" fmla="*/ 84 w 84"/>
                  <a:gd name="T54" fmla="*/ 186 h 186"/>
                </a:gdLst>
                <a:ahLst/>
                <a:cxnLst>
                  <a:cxn ang="T34">
                    <a:pos x="T0" y="T1"/>
                  </a:cxn>
                  <a:cxn ang="T35">
                    <a:pos x="T2" y="T3"/>
                  </a:cxn>
                  <a:cxn ang="T36">
                    <a:pos x="T4" y="T5"/>
                  </a:cxn>
                  <a:cxn ang="T37">
                    <a:pos x="T6" y="T7"/>
                  </a:cxn>
                  <a:cxn ang="T38">
                    <a:pos x="T8" y="T9"/>
                  </a:cxn>
                  <a:cxn ang="T39">
                    <a:pos x="T10" y="T11"/>
                  </a:cxn>
                  <a:cxn ang="T40">
                    <a:pos x="T12" y="T13"/>
                  </a:cxn>
                  <a:cxn ang="T41">
                    <a:pos x="T14" y="T15"/>
                  </a:cxn>
                  <a:cxn ang="T42">
                    <a:pos x="T16" y="T17"/>
                  </a:cxn>
                  <a:cxn ang="T43">
                    <a:pos x="T18" y="T19"/>
                  </a:cxn>
                  <a:cxn ang="T44">
                    <a:pos x="T20" y="T21"/>
                  </a:cxn>
                  <a:cxn ang="T45">
                    <a:pos x="T22" y="T23"/>
                  </a:cxn>
                  <a:cxn ang="T46">
                    <a:pos x="T24" y="T25"/>
                  </a:cxn>
                  <a:cxn ang="T47">
                    <a:pos x="T26" y="T27"/>
                  </a:cxn>
                  <a:cxn ang="T48">
                    <a:pos x="T28" y="T29"/>
                  </a:cxn>
                  <a:cxn ang="T49">
                    <a:pos x="T30" y="T31"/>
                  </a:cxn>
                  <a:cxn ang="T50">
                    <a:pos x="T32" y="T33"/>
                  </a:cxn>
                </a:cxnLst>
                <a:rect l="T51" t="T52" r="T53" b="T54"/>
                <a:pathLst>
                  <a:path w="84" h="186">
                    <a:moveTo>
                      <a:pt x="72" y="24"/>
                    </a:moveTo>
                    <a:lnTo>
                      <a:pt x="60" y="54"/>
                    </a:lnTo>
                    <a:lnTo>
                      <a:pt x="78" y="60"/>
                    </a:lnTo>
                    <a:lnTo>
                      <a:pt x="84" y="108"/>
                    </a:lnTo>
                    <a:lnTo>
                      <a:pt x="78" y="90"/>
                    </a:lnTo>
                    <a:lnTo>
                      <a:pt x="78" y="114"/>
                    </a:lnTo>
                    <a:lnTo>
                      <a:pt x="54" y="180"/>
                    </a:lnTo>
                    <a:lnTo>
                      <a:pt x="48" y="186"/>
                    </a:lnTo>
                    <a:lnTo>
                      <a:pt x="48" y="168"/>
                    </a:lnTo>
                    <a:lnTo>
                      <a:pt x="6" y="156"/>
                    </a:lnTo>
                    <a:lnTo>
                      <a:pt x="0" y="138"/>
                    </a:lnTo>
                    <a:lnTo>
                      <a:pt x="6" y="126"/>
                    </a:lnTo>
                    <a:lnTo>
                      <a:pt x="36" y="90"/>
                    </a:lnTo>
                    <a:lnTo>
                      <a:pt x="6" y="60"/>
                    </a:lnTo>
                    <a:lnTo>
                      <a:pt x="0" y="30"/>
                    </a:lnTo>
                    <a:lnTo>
                      <a:pt x="18" y="0"/>
                    </a:lnTo>
                    <a:lnTo>
                      <a:pt x="72" y="2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31" name="Freeform 458"/>
              <p:cNvSpPr>
                <a:spLocks noChangeAspect="1"/>
              </p:cNvSpPr>
              <p:nvPr/>
            </p:nvSpPr>
            <p:spPr bwMode="auto">
              <a:xfrm>
                <a:off x="4125" y="1794"/>
                <a:ext cx="84" cy="186"/>
              </a:xfrm>
              <a:custGeom>
                <a:avLst/>
                <a:gdLst>
                  <a:gd name="T0" fmla="*/ 72 w 84"/>
                  <a:gd name="T1" fmla="*/ 24 h 186"/>
                  <a:gd name="T2" fmla="*/ 60 w 84"/>
                  <a:gd name="T3" fmla="*/ 54 h 186"/>
                  <a:gd name="T4" fmla="*/ 78 w 84"/>
                  <a:gd name="T5" fmla="*/ 60 h 186"/>
                  <a:gd name="T6" fmla="*/ 84 w 84"/>
                  <a:gd name="T7" fmla="*/ 108 h 186"/>
                  <a:gd name="T8" fmla="*/ 78 w 84"/>
                  <a:gd name="T9" fmla="*/ 90 h 186"/>
                  <a:gd name="T10" fmla="*/ 78 w 84"/>
                  <a:gd name="T11" fmla="*/ 114 h 186"/>
                  <a:gd name="T12" fmla="*/ 54 w 84"/>
                  <a:gd name="T13" fmla="*/ 180 h 186"/>
                  <a:gd name="T14" fmla="*/ 48 w 84"/>
                  <a:gd name="T15" fmla="*/ 186 h 186"/>
                  <a:gd name="T16" fmla="*/ 48 w 84"/>
                  <a:gd name="T17" fmla="*/ 168 h 186"/>
                  <a:gd name="T18" fmla="*/ 6 w 84"/>
                  <a:gd name="T19" fmla="*/ 156 h 186"/>
                  <a:gd name="T20" fmla="*/ 0 w 84"/>
                  <a:gd name="T21" fmla="*/ 138 h 186"/>
                  <a:gd name="T22" fmla="*/ 6 w 84"/>
                  <a:gd name="T23" fmla="*/ 126 h 186"/>
                  <a:gd name="T24" fmla="*/ 36 w 84"/>
                  <a:gd name="T25" fmla="*/ 90 h 186"/>
                  <a:gd name="T26" fmla="*/ 6 w 84"/>
                  <a:gd name="T27" fmla="*/ 60 h 186"/>
                  <a:gd name="T28" fmla="*/ 0 w 84"/>
                  <a:gd name="T29" fmla="*/ 30 h 186"/>
                  <a:gd name="T30" fmla="*/ 18 w 84"/>
                  <a:gd name="T31" fmla="*/ 0 h 186"/>
                  <a:gd name="T32" fmla="*/ 72 w 84"/>
                  <a:gd name="T33" fmla="*/ 24 h 186"/>
                  <a:gd name="T34" fmla="*/ 72 w 84"/>
                  <a:gd name="T35" fmla="*/ 30 h 18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84"/>
                  <a:gd name="T55" fmla="*/ 0 h 186"/>
                  <a:gd name="T56" fmla="*/ 84 w 84"/>
                  <a:gd name="T57" fmla="*/ 186 h 186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84" h="186">
                    <a:moveTo>
                      <a:pt x="72" y="24"/>
                    </a:moveTo>
                    <a:lnTo>
                      <a:pt x="60" y="54"/>
                    </a:lnTo>
                    <a:lnTo>
                      <a:pt x="78" y="60"/>
                    </a:lnTo>
                    <a:lnTo>
                      <a:pt x="84" y="108"/>
                    </a:lnTo>
                    <a:lnTo>
                      <a:pt x="78" y="90"/>
                    </a:lnTo>
                    <a:lnTo>
                      <a:pt x="78" y="114"/>
                    </a:lnTo>
                    <a:lnTo>
                      <a:pt x="54" y="180"/>
                    </a:lnTo>
                    <a:lnTo>
                      <a:pt x="48" y="186"/>
                    </a:lnTo>
                    <a:lnTo>
                      <a:pt x="48" y="168"/>
                    </a:lnTo>
                    <a:lnTo>
                      <a:pt x="6" y="156"/>
                    </a:lnTo>
                    <a:lnTo>
                      <a:pt x="0" y="138"/>
                    </a:lnTo>
                    <a:lnTo>
                      <a:pt x="6" y="126"/>
                    </a:lnTo>
                    <a:lnTo>
                      <a:pt x="36" y="90"/>
                    </a:lnTo>
                    <a:lnTo>
                      <a:pt x="6" y="60"/>
                    </a:lnTo>
                    <a:lnTo>
                      <a:pt x="0" y="30"/>
                    </a:lnTo>
                    <a:lnTo>
                      <a:pt x="18" y="0"/>
                    </a:lnTo>
                    <a:lnTo>
                      <a:pt x="72" y="24"/>
                    </a:lnTo>
                    <a:lnTo>
                      <a:pt x="72" y="3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32" name="Freeform 459"/>
              <p:cNvSpPr>
                <a:spLocks noChangeAspect="1"/>
              </p:cNvSpPr>
              <p:nvPr/>
            </p:nvSpPr>
            <p:spPr bwMode="auto">
              <a:xfrm>
                <a:off x="2049" y="2214"/>
                <a:ext cx="432" cy="444"/>
              </a:xfrm>
              <a:custGeom>
                <a:avLst/>
                <a:gdLst>
                  <a:gd name="T0" fmla="*/ 426 w 432"/>
                  <a:gd name="T1" fmla="*/ 78 h 444"/>
                  <a:gd name="T2" fmla="*/ 396 w 432"/>
                  <a:gd name="T3" fmla="*/ 426 h 444"/>
                  <a:gd name="T4" fmla="*/ 162 w 432"/>
                  <a:gd name="T5" fmla="*/ 408 h 444"/>
                  <a:gd name="T6" fmla="*/ 168 w 432"/>
                  <a:gd name="T7" fmla="*/ 420 h 444"/>
                  <a:gd name="T8" fmla="*/ 60 w 432"/>
                  <a:gd name="T9" fmla="*/ 408 h 444"/>
                  <a:gd name="T10" fmla="*/ 54 w 432"/>
                  <a:gd name="T11" fmla="*/ 444 h 444"/>
                  <a:gd name="T12" fmla="*/ 0 w 432"/>
                  <a:gd name="T13" fmla="*/ 438 h 444"/>
                  <a:gd name="T14" fmla="*/ 12 w 432"/>
                  <a:gd name="T15" fmla="*/ 354 h 444"/>
                  <a:gd name="T16" fmla="*/ 60 w 432"/>
                  <a:gd name="T17" fmla="*/ 0 h 444"/>
                  <a:gd name="T18" fmla="*/ 432 w 432"/>
                  <a:gd name="T19" fmla="*/ 36 h 444"/>
                  <a:gd name="T20" fmla="*/ 426 w 432"/>
                  <a:gd name="T21" fmla="*/ 78 h 44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432"/>
                  <a:gd name="T34" fmla="*/ 0 h 444"/>
                  <a:gd name="T35" fmla="*/ 432 w 432"/>
                  <a:gd name="T36" fmla="*/ 444 h 44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432" h="444">
                    <a:moveTo>
                      <a:pt x="426" y="78"/>
                    </a:moveTo>
                    <a:lnTo>
                      <a:pt x="396" y="426"/>
                    </a:lnTo>
                    <a:lnTo>
                      <a:pt x="162" y="408"/>
                    </a:lnTo>
                    <a:lnTo>
                      <a:pt x="168" y="420"/>
                    </a:lnTo>
                    <a:lnTo>
                      <a:pt x="60" y="408"/>
                    </a:lnTo>
                    <a:lnTo>
                      <a:pt x="54" y="444"/>
                    </a:lnTo>
                    <a:lnTo>
                      <a:pt x="0" y="438"/>
                    </a:lnTo>
                    <a:lnTo>
                      <a:pt x="12" y="354"/>
                    </a:lnTo>
                    <a:lnTo>
                      <a:pt x="60" y="0"/>
                    </a:lnTo>
                    <a:lnTo>
                      <a:pt x="432" y="36"/>
                    </a:lnTo>
                    <a:lnTo>
                      <a:pt x="426" y="78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33" name="Freeform 460"/>
              <p:cNvSpPr>
                <a:spLocks noChangeAspect="1"/>
              </p:cNvSpPr>
              <p:nvPr/>
            </p:nvSpPr>
            <p:spPr bwMode="auto">
              <a:xfrm>
                <a:off x="2049" y="2214"/>
                <a:ext cx="432" cy="444"/>
              </a:xfrm>
              <a:custGeom>
                <a:avLst/>
                <a:gdLst>
                  <a:gd name="T0" fmla="*/ 426 w 432"/>
                  <a:gd name="T1" fmla="*/ 78 h 444"/>
                  <a:gd name="T2" fmla="*/ 396 w 432"/>
                  <a:gd name="T3" fmla="*/ 426 h 444"/>
                  <a:gd name="T4" fmla="*/ 162 w 432"/>
                  <a:gd name="T5" fmla="*/ 408 h 444"/>
                  <a:gd name="T6" fmla="*/ 168 w 432"/>
                  <a:gd name="T7" fmla="*/ 420 h 444"/>
                  <a:gd name="T8" fmla="*/ 60 w 432"/>
                  <a:gd name="T9" fmla="*/ 408 h 444"/>
                  <a:gd name="T10" fmla="*/ 54 w 432"/>
                  <a:gd name="T11" fmla="*/ 444 h 444"/>
                  <a:gd name="T12" fmla="*/ 0 w 432"/>
                  <a:gd name="T13" fmla="*/ 438 h 444"/>
                  <a:gd name="T14" fmla="*/ 12 w 432"/>
                  <a:gd name="T15" fmla="*/ 354 h 444"/>
                  <a:gd name="T16" fmla="*/ 60 w 432"/>
                  <a:gd name="T17" fmla="*/ 0 h 444"/>
                  <a:gd name="T18" fmla="*/ 432 w 432"/>
                  <a:gd name="T19" fmla="*/ 36 h 444"/>
                  <a:gd name="T20" fmla="*/ 426 w 432"/>
                  <a:gd name="T21" fmla="*/ 78 h 444"/>
                  <a:gd name="T22" fmla="*/ 426 w 432"/>
                  <a:gd name="T23" fmla="*/ 84 h 44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432"/>
                  <a:gd name="T37" fmla="*/ 0 h 444"/>
                  <a:gd name="T38" fmla="*/ 432 w 432"/>
                  <a:gd name="T39" fmla="*/ 444 h 44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432" h="444">
                    <a:moveTo>
                      <a:pt x="426" y="78"/>
                    </a:moveTo>
                    <a:lnTo>
                      <a:pt x="396" y="426"/>
                    </a:lnTo>
                    <a:lnTo>
                      <a:pt x="162" y="408"/>
                    </a:lnTo>
                    <a:lnTo>
                      <a:pt x="168" y="420"/>
                    </a:lnTo>
                    <a:lnTo>
                      <a:pt x="60" y="408"/>
                    </a:lnTo>
                    <a:lnTo>
                      <a:pt x="54" y="444"/>
                    </a:lnTo>
                    <a:lnTo>
                      <a:pt x="0" y="438"/>
                    </a:lnTo>
                    <a:lnTo>
                      <a:pt x="12" y="354"/>
                    </a:lnTo>
                    <a:lnTo>
                      <a:pt x="60" y="0"/>
                    </a:lnTo>
                    <a:lnTo>
                      <a:pt x="432" y="36"/>
                    </a:lnTo>
                    <a:lnTo>
                      <a:pt x="426" y="78"/>
                    </a:lnTo>
                    <a:lnTo>
                      <a:pt x="426" y="8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34" name="Freeform 461"/>
              <p:cNvSpPr>
                <a:spLocks noChangeAspect="1"/>
              </p:cNvSpPr>
              <p:nvPr/>
            </p:nvSpPr>
            <p:spPr bwMode="auto">
              <a:xfrm>
                <a:off x="3843" y="1500"/>
                <a:ext cx="372" cy="324"/>
              </a:xfrm>
              <a:custGeom>
                <a:avLst/>
                <a:gdLst>
                  <a:gd name="T0" fmla="*/ 360 w 372"/>
                  <a:gd name="T1" fmla="*/ 168 h 324"/>
                  <a:gd name="T2" fmla="*/ 360 w 372"/>
                  <a:gd name="T3" fmla="*/ 222 h 324"/>
                  <a:gd name="T4" fmla="*/ 372 w 372"/>
                  <a:gd name="T5" fmla="*/ 288 h 324"/>
                  <a:gd name="T6" fmla="*/ 366 w 372"/>
                  <a:gd name="T7" fmla="*/ 306 h 324"/>
                  <a:gd name="T8" fmla="*/ 360 w 372"/>
                  <a:gd name="T9" fmla="*/ 324 h 324"/>
                  <a:gd name="T10" fmla="*/ 354 w 372"/>
                  <a:gd name="T11" fmla="*/ 318 h 324"/>
                  <a:gd name="T12" fmla="*/ 300 w 372"/>
                  <a:gd name="T13" fmla="*/ 294 h 324"/>
                  <a:gd name="T14" fmla="*/ 282 w 372"/>
                  <a:gd name="T15" fmla="*/ 282 h 324"/>
                  <a:gd name="T16" fmla="*/ 252 w 372"/>
                  <a:gd name="T17" fmla="*/ 252 h 324"/>
                  <a:gd name="T18" fmla="*/ 6 w 372"/>
                  <a:gd name="T19" fmla="*/ 300 h 324"/>
                  <a:gd name="T20" fmla="*/ 0 w 372"/>
                  <a:gd name="T21" fmla="*/ 282 h 324"/>
                  <a:gd name="T22" fmla="*/ 42 w 372"/>
                  <a:gd name="T23" fmla="*/ 234 h 324"/>
                  <a:gd name="T24" fmla="*/ 30 w 372"/>
                  <a:gd name="T25" fmla="*/ 192 h 324"/>
                  <a:gd name="T26" fmla="*/ 78 w 372"/>
                  <a:gd name="T27" fmla="*/ 180 h 324"/>
                  <a:gd name="T28" fmla="*/ 114 w 372"/>
                  <a:gd name="T29" fmla="*/ 180 h 324"/>
                  <a:gd name="T30" fmla="*/ 156 w 372"/>
                  <a:gd name="T31" fmla="*/ 168 h 324"/>
                  <a:gd name="T32" fmla="*/ 180 w 372"/>
                  <a:gd name="T33" fmla="*/ 144 h 324"/>
                  <a:gd name="T34" fmla="*/ 174 w 372"/>
                  <a:gd name="T35" fmla="*/ 120 h 324"/>
                  <a:gd name="T36" fmla="*/ 174 w 372"/>
                  <a:gd name="T37" fmla="*/ 108 h 324"/>
                  <a:gd name="T38" fmla="*/ 168 w 372"/>
                  <a:gd name="T39" fmla="*/ 114 h 324"/>
                  <a:gd name="T40" fmla="*/ 162 w 372"/>
                  <a:gd name="T41" fmla="*/ 102 h 324"/>
                  <a:gd name="T42" fmla="*/ 210 w 372"/>
                  <a:gd name="T43" fmla="*/ 36 h 324"/>
                  <a:gd name="T44" fmla="*/ 234 w 372"/>
                  <a:gd name="T45" fmla="*/ 12 h 324"/>
                  <a:gd name="T46" fmla="*/ 312 w 372"/>
                  <a:gd name="T47" fmla="*/ 0 h 324"/>
                  <a:gd name="T48" fmla="*/ 324 w 372"/>
                  <a:gd name="T49" fmla="*/ 72 h 324"/>
                  <a:gd name="T50" fmla="*/ 336 w 372"/>
                  <a:gd name="T51" fmla="*/ 108 h 324"/>
                  <a:gd name="T52" fmla="*/ 342 w 372"/>
                  <a:gd name="T53" fmla="*/ 108 h 324"/>
                  <a:gd name="T54" fmla="*/ 354 w 372"/>
                  <a:gd name="T55" fmla="*/ 162 h 324"/>
                  <a:gd name="T56" fmla="*/ 360 w 372"/>
                  <a:gd name="T57" fmla="*/ 168 h 324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w 372"/>
                  <a:gd name="T88" fmla="*/ 0 h 324"/>
                  <a:gd name="T89" fmla="*/ 372 w 372"/>
                  <a:gd name="T90" fmla="*/ 324 h 324"/>
                </a:gdLst>
                <a:ahLst/>
                <a:cxnLst>
                  <a:cxn ang="T58">
                    <a:pos x="T0" y="T1"/>
                  </a:cxn>
                  <a:cxn ang="T59">
                    <a:pos x="T2" y="T3"/>
                  </a:cxn>
                  <a:cxn ang="T60">
                    <a:pos x="T4" y="T5"/>
                  </a:cxn>
                  <a:cxn ang="T61">
                    <a:pos x="T6" y="T7"/>
                  </a:cxn>
                  <a:cxn ang="T62">
                    <a:pos x="T8" y="T9"/>
                  </a:cxn>
                  <a:cxn ang="T63">
                    <a:pos x="T10" y="T11"/>
                  </a:cxn>
                  <a:cxn ang="T64">
                    <a:pos x="T12" y="T13"/>
                  </a:cxn>
                  <a:cxn ang="T65">
                    <a:pos x="T14" y="T15"/>
                  </a:cxn>
                  <a:cxn ang="T66">
                    <a:pos x="T16" y="T17"/>
                  </a:cxn>
                  <a:cxn ang="T67">
                    <a:pos x="T18" y="T19"/>
                  </a:cxn>
                  <a:cxn ang="T68">
                    <a:pos x="T20" y="T21"/>
                  </a:cxn>
                  <a:cxn ang="T69">
                    <a:pos x="T22" y="T23"/>
                  </a:cxn>
                  <a:cxn ang="T70">
                    <a:pos x="T24" y="T25"/>
                  </a:cxn>
                  <a:cxn ang="T71">
                    <a:pos x="T26" y="T27"/>
                  </a:cxn>
                  <a:cxn ang="T72">
                    <a:pos x="T28" y="T29"/>
                  </a:cxn>
                  <a:cxn ang="T73">
                    <a:pos x="T30" y="T31"/>
                  </a:cxn>
                  <a:cxn ang="T74">
                    <a:pos x="T32" y="T33"/>
                  </a:cxn>
                  <a:cxn ang="T75">
                    <a:pos x="T34" y="T35"/>
                  </a:cxn>
                  <a:cxn ang="T76">
                    <a:pos x="T36" y="T37"/>
                  </a:cxn>
                  <a:cxn ang="T77">
                    <a:pos x="T38" y="T39"/>
                  </a:cxn>
                  <a:cxn ang="T78">
                    <a:pos x="T40" y="T41"/>
                  </a:cxn>
                  <a:cxn ang="T79">
                    <a:pos x="T42" y="T43"/>
                  </a:cxn>
                  <a:cxn ang="T80">
                    <a:pos x="T44" y="T45"/>
                  </a:cxn>
                  <a:cxn ang="T81">
                    <a:pos x="T46" y="T47"/>
                  </a:cxn>
                  <a:cxn ang="T82">
                    <a:pos x="T48" y="T49"/>
                  </a:cxn>
                  <a:cxn ang="T83">
                    <a:pos x="T50" y="T51"/>
                  </a:cxn>
                  <a:cxn ang="T84">
                    <a:pos x="T52" y="T53"/>
                  </a:cxn>
                  <a:cxn ang="T85">
                    <a:pos x="T54" y="T55"/>
                  </a:cxn>
                  <a:cxn ang="T86">
                    <a:pos x="T56" y="T57"/>
                  </a:cxn>
                </a:cxnLst>
                <a:rect l="T87" t="T88" r="T89" b="T90"/>
                <a:pathLst>
                  <a:path w="372" h="324">
                    <a:moveTo>
                      <a:pt x="360" y="168"/>
                    </a:moveTo>
                    <a:lnTo>
                      <a:pt x="360" y="222"/>
                    </a:lnTo>
                    <a:lnTo>
                      <a:pt x="372" y="288"/>
                    </a:lnTo>
                    <a:lnTo>
                      <a:pt x="366" y="306"/>
                    </a:lnTo>
                    <a:lnTo>
                      <a:pt x="360" y="324"/>
                    </a:lnTo>
                    <a:lnTo>
                      <a:pt x="354" y="318"/>
                    </a:lnTo>
                    <a:lnTo>
                      <a:pt x="300" y="294"/>
                    </a:lnTo>
                    <a:lnTo>
                      <a:pt x="282" y="282"/>
                    </a:lnTo>
                    <a:lnTo>
                      <a:pt x="252" y="252"/>
                    </a:lnTo>
                    <a:lnTo>
                      <a:pt x="6" y="300"/>
                    </a:lnTo>
                    <a:lnTo>
                      <a:pt x="0" y="282"/>
                    </a:lnTo>
                    <a:lnTo>
                      <a:pt x="42" y="234"/>
                    </a:lnTo>
                    <a:lnTo>
                      <a:pt x="30" y="192"/>
                    </a:lnTo>
                    <a:lnTo>
                      <a:pt x="78" y="180"/>
                    </a:lnTo>
                    <a:lnTo>
                      <a:pt x="114" y="180"/>
                    </a:lnTo>
                    <a:lnTo>
                      <a:pt x="156" y="168"/>
                    </a:lnTo>
                    <a:lnTo>
                      <a:pt x="180" y="144"/>
                    </a:lnTo>
                    <a:lnTo>
                      <a:pt x="174" y="120"/>
                    </a:lnTo>
                    <a:lnTo>
                      <a:pt x="174" y="108"/>
                    </a:lnTo>
                    <a:lnTo>
                      <a:pt x="168" y="114"/>
                    </a:lnTo>
                    <a:lnTo>
                      <a:pt x="162" y="102"/>
                    </a:lnTo>
                    <a:lnTo>
                      <a:pt x="210" y="36"/>
                    </a:lnTo>
                    <a:lnTo>
                      <a:pt x="234" y="12"/>
                    </a:lnTo>
                    <a:lnTo>
                      <a:pt x="312" y="0"/>
                    </a:lnTo>
                    <a:lnTo>
                      <a:pt x="324" y="72"/>
                    </a:lnTo>
                    <a:lnTo>
                      <a:pt x="336" y="108"/>
                    </a:lnTo>
                    <a:lnTo>
                      <a:pt x="342" y="108"/>
                    </a:lnTo>
                    <a:lnTo>
                      <a:pt x="354" y="162"/>
                    </a:lnTo>
                    <a:lnTo>
                      <a:pt x="360" y="168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35" name="Freeform 462"/>
              <p:cNvSpPr>
                <a:spLocks noChangeAspect="1"/>
              </p:cNvSpPr>
              <p:nvPr/>
            </p:nvSpPr>
            <p:spPr bwMode="auto">
              <a:xfrm>
                <a:off x="3843" y="1500"/>
                <a:ext cx="372" cy="324"/>
              </a:xfrm>
              <a:custGeom>
                <a:avLst/>
                <a:gdLst>
                  <a:gd name="T0" fmla="*/ 360 w 372"/>
                  <a:gd name="T1" fmla="*/ 168 h 324"/>
                  <a:gd name="T2" fmla="*/ 360 w 372"/>
                  <a:gd name="T3" fmla="*/ 222 h 324"/>
                  <a:gd name="T4" fmla="*/ 372 w 372"/>
                  <a:gd name="T5" fmla="*/ 288 h 324"/>
                  <a:gd name="T6" fmla="*/ 366 w 372"/>
                  <a:gd name="T7" fmla="*/ 306 h 324"/>
                  <a:gd name="T8" fmla="*/ 360 w 372"/>
                  <a:gd name="T9" fmla="*/ 324 h 324"/>
                  <a:gd name="T10" fmla="*/ 354 w 372"/>
                  <a:gd name="T11" fmla="*/ 318 h 324"/>
                  <a:gd name="T12" fmla="*/ 300 w 372"/>
                  <a:gd name="T13" fmla="*/ 294 h 324"/>
                  <a:gd name="T14" fmla="*/ 282 w 372"/>
                  <a:gd name="T15" fmla="*/ 282 h 324"/>
                  <a:gd name="T16" fmla="*/ 252 w 372"/>
                  <a:gd name="T17" fmla="*/ 252 h 324"/>
                  <a:gd name="T18" fmla="*/ 6 w 372"/>
                  <a:gd name="T19" fmla="*/ 300 h 324"/>
                  <a:gd name="T20" fmla="*/ 0 w 372"/>
                  <a:gd name="T21" fmla="*/ 282 h 324"/>
                  <a:gd name="T22" fmla="*/ 42 w 372"/>
                  <a:gd name="T23" fmla="*/ 234 h 324"/>
                  <a:gd name="T24" fmla="*/ 30 w 372"/>
                  <a:gd name="T25" fmla="*/ 192 h 324"/>
                  <a:gd name="T26" fmla="*/ 78 w 372"/>
                  <a:gd name="T27" fmla="*/ 180 h 324"/>
                  <a:gd name="T28" fmla="*/ 114 w 372"/>
                  <a:gd name="T29" fmla="*/ 180 h 324"/>
                  <a:gd name="T30" fmla="*/ 156 w 372"/>
                  <a:gd name="T31" fmla="*/ 168 h 324"/>
                  <a:gd name="T32" fmla="*/ 180 w 372"/>
                  <a:gd name="T33" fmla="*/ 144 h 324"/>
                  <a:gd name="T34" fmla="*/ 174 w 372"/>
                  <a:gd name="T35" fmla="*/ 120 h 324"/>
                  <a:gd name="T36" fmla="*/ 174 w 372"/>
                  <a:gd name="T37" fmla="*/ 108 h 324"/>
                  <a:gd name="T38" fmla="*/ 168 w 372"/>
                  <a:gd name="T39" fmla="*/ 114 h 324"/>
                  <a:gd name="T40" fmla="*/ 162 w 372"/>
                  <a:gd name="T41" fmla="*/ 102 h 324"/>
                  <a:gd name="T42" fmla="*/ 210 w 372"/>
                  <a:gd name="T43" fmla="*/ 36 h 324"/>
                  <a:gd name="T44" fmla="*/ 234 w 372"/>
                  <a:gd name="T45" fmla="*/ 12 h 324"/>
                  <a:gd name="T46" fmla="*/ 312 w 372"/>
                  <a:gd name="T47" fmla="*/ 0 h 324"/>
                  <a:gd name="T48" fmla="*/ 324 w 372"/>
                  <a:gd name="T49" fmla="*/ 72 h 324"/>
                  <a:gd name="T50" fmla="*/ 336 w 372"/>
                  <a:gd name="T51" fmla="*/ 108 h 324"/>
                  <a:gd name="T52" fmla="*/ 342 w 372"/>
                  <a:gd name="T53" fmla="*/ 108 h 324"/>
                  <a:gd name="T54" fmla="*/ 354 w 372"/>
                  <a:gd name="T55" fmla="*/ 162 h 324"/>
                  <a:gd name="T56" fmla="*/ 360 w 372"/>
                  <a:gd name="T57" fmla="*/ 168 h 324"/>
                  <a:gd name="T58" fmla="*/ 360 w 372"/>
                  <a:gd name="T59" fmla="*/ 174 h 324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w 372"/>
                  <a:gd name="T91" fmla="*/ 0 h 324"/>
                  <a:gd name="T92" fmla="*/ 372 w 372"/>
                  <a:gd name="T93" fmla="*/ 324 h 324"/>
                </a:gdLst>
                <a:ahLst/>
                <a:cxnLst>
                  <a:cxn ang="T60">
                    <a:pos x="T0" y="T1"/>
                  </a:cxn>
                  <a:cxn ang="T61">
                    <a:pos x="T2" y="T3"/>
                  </a:cxn>
                  <a:cxn ang="T62">
                    <a:pos x="T4" y="T5"/>
                  </a:cxn>
                  <a:cxn ang="T63">
                    <a:pos x="T6" y="T7"/>
                  </a:cxn>
                  <a:cxn ang="T64">
                    <a:pos x="T8" y="T9"/>
                  </a:cxn>
                  <a:cxn ang="T65">
                    <a:pos x="T10" y="T11"/>
                  </a:cxn>
                  <a:cxn ang="T66">
                    <a:pos x="T12" y="T13"/>
                  </a:cxn>
                  <a:cxn ang="T67">
                    <a:pos x="T14" y="T15"/>
                  </a:cxn>
                  <a:cxn ang="T68">
                    <a:pos x="T16" y="T17"/>
                  </a:cxn>
                  <a:cxn ang="T69">
                    <a:pos x="T18" y="T19"/>
                  </a:cxn>
                  <a:cxn ang="T70">
                    <a:pos x="T20" y="T21"/>
                  </a:cxn>
                  <a:cxn ang="T71">
                    <a:pos x="T22" y="T23"/>
                  </a:cxn>
                  <a:cxn ang="T72">
                    <a:pos x="T24" y="T25"/>
                  </a:cxn>
                  <a:cxn ang="T73">
                    <a:pos x="T26" y="T27"/>
                  </a:cxn>
                  <a:cxn ang="T74">
                    <a:pos x="T28" y="T29"/>
                  </a:cxn>
                  <a:cxn ang="T75">
                    <a:pos x="T30" y="T31"/>
                  </a:cxn>
                  <a:cxn ang="T76">
                    <a:pos x="T32" y="T33"/>
                  </a:cxn>
                  <a:cxn ang="T77">
                    <a:pos x="T34" y="T35"/>
                  </a:cxn>
                  <a:cxn ang="T78">
                    <a:pos x="T36" y="T37"/>
                  </a:cxn>
                  <a:cxn ang="T79">
                    <a:pos x="T38" y="T39"/>
                  </a:cxn>
                  <a:cxn ang="T80">
                    <a:pos x="T40" y="T41"/>
                  </a:cxn>
                  <a:cxn ang="T81">
                    <a:pos x="T42" y="T43"/>
                  </a:cxn>
                  <a:cxn ang="T82">
                    <a:pos x="T44" y="T45"/>
                  </a:cxn>
                  <a:cxn ang="T83">
                    <a:pos x="T46" y="T47"/>
                  </a:cxn>
                  <a:cxn ang="T84">
                    <a:pos x="T48" y="T49"/>
                  </a:cxn>
                  <a:cxn ang="T85">
                    <a:pos x="T50" y="T51"/>
                  </a:cxn>
                  <a:cxn ang="T86">
                    <a:pos x="T52" y="T53"/>
                  </a:cxn>
                  <a:cxn ang="T87">
                    <a:pos x="T54" y="T55"/>
                  </a:cxn>
                  <a:cxn ang="T88">
                    <a:pos x="T56" y="T57"/>
                  </a:cxn>
                  <a:cxn ang="T89">
                    <a:pos x="T58" y="T59"/>
                  </a:cxn>
                </a:cxnLst>
                <a:rect l="T90" t="T91" r="T92" b="T93"/>
                <a:pathLst>
                  <a:path w="372" h="324">
                    <a:moveTo>
                      <a:pt x="360" y="168"/>
                    </a:moveTo>
                    <a:lnTo>
                      <a:pt x="360" y="222"/>
                    </a:lnTo>
                    <a:lnTo>
                      <a:pt x="372" y="288"/>
                    </a:lnTo>
                    <a:lnTo>
                      <a:pt x="366" y="306"/>
                    </a:lnTo>
                    <a:lnTo>
                      <a:pt x="360" y="324"/>
                    </a:lnTo>
                    <a:lnTo>
                      <a:pt x="354" y="318"/>
                    </a:lnTo>
                    <a:lnTo>
                      <a:pt x="300" y="294"/>
                    </a:lnTo>
                    <a:lnTo>
                      <a:pt x="282" y="282"/>
                    </a:lnTo>
                    <a:lnTo>
                      <a:pt x="252" y="252"/>
                    </a:lnTo>
                    <a:lnTo>
                      <a:pt x="6" y="300"/>
                    </a:lnTo>
                    <a:lnTo>
                      <a:pt x="0" y="282"/>
                    </a:lnTo>
                    <a:lnTo>
                      <a:pt x="42" y="234"/>
                    </a:lnTo>
                    <a:lnTo>
                      <a:pt x="30" y="192"/>
                    </a:lnTo>
                    <a:lnTo>
                      <a:pt x="78" y="180"/>
                    </a:lnTo>
                    <a:lnTo>
                      <a:pt x="114" y="180"/>
                    </a:lnTo>
                    <a:lnTo>
                      <a:pt x="156" y="168"/>
                    </a:lnTo>
                    <a:lnTo>
                      <a:pt x="180" y="144"/>
                    </a:lnTo>
                    <a:lnTo>
                      <a:pt x="174" y="120"/>
                    </a:lnTo>
                    <a:lnTo>
                      <a:pt x="174" y="108"/>
                    </a:lnTo>
                    <a:lnTo>
                      <a:pt x="168" y="114"/>
                    </a:lnTo>
                    <a:lnTo>
                      <a:pt x="162" y="102"/>
                    </a:lnTo>
                    <a:lnTo>
                      <a:pt x="210" y="36"/>
                    </a:lnTo>
                    <a:lnTo>
                      <a:pt x="234" y="12"/>
                    </a:lnTo>
                    <a:lnTo>
                      <a:pt x="312" y="0"/>
                    </a:lnTo>
                    <a:lnTo>
                      <a:pt x="324" y="72"/>
                    </a:lnTo>
                    <a:lnTo>
                      <a:pt x="336" y="108"/>
                    </a:lnTo>
                    <a:lnTo>
                      <a:pt x="342" y="108"/>
                    </a:lnTo>
                    <a:lnTo>
                      <a:pt x="354" y="162"/>
                    </a:lnTo>
                    <a:lnTo>
                      <a:pt x="360" y="168"/>
                    </a:lnTo>
                    <a:lnTo>
                      <a:pt x="360" y="17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36" name="Freeform 463"/>
              <p:cNvSpPr>
                <a:spLocks noChangeAspect="1"/>
              </p:cNvSpPr>
              <p:nvPr/>
            </p:nvSpPr>
            <p:spPr bwMode="auto">
              <a:xfrm>
                <a:off x="4155" y="2172"/>
                <a:ext cx="36" cy="54"/>
              </a:xfrm>
              <a:custGeom>
                <a:avLst/>
                <a:gdLst>
                  <a:gd name="T0" fmla="*/ 0 w 36"/>
                  <a:gd name="T1" fmla="*/ 0 h 54"/>
                  <a:gd name="T2" fmla="*/ 36 w 36"/>
                  <a:gd name="T3" fmla="*/ 54 h 54"/>
                  <a:gd name="T4" fmla="*/ 0 w 36"/>
                  <a:gd name="T5" fmla="*/ 0 h 54"/>
                  <a:gd name="T6" fmla="*/ 0 w 36"/>
                  <a:gd name="T7" fmla="*/ 6 h 54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36"/>
                  <a:gd name="T13" fmla="*/ 0 h 54"/>
                  <a:gd name="T14" fmla="*/ 36 w 36"/>
                  <a:gd name="T15" fmla="*/ 54 h 54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36" h="54">
                    <a:moveTo>
                      <a:pt x="0" y="0"/>
                    </a:moveTo>
                    <a:lnTo>
                      <a:pt x="36" y="54"/>
                    </a:lnTo>
                    <a:lnTo>
                      <a:pt x="0" y="0"/>
                    </a:lnTo>
                    <a:lnTo>
                      <a:pt x="0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37" name="Freeform 464"/>
              <p:cNvSpPr>
                <a:spLocks noChangeAspect="1"/>
              </p:cNvSpPr>
              <p:nvPr/>
            </p:nvSpPr>
            <p:spPr bwMode="auto">
              <a:xfrm>
                <a:off x="3651" y="2178"/>
                <a:ext cx="528" cy="234"/>
              </a:xfrm>
              <a:custGeom>
                <a:avLst/>
                <a:gdLst>
                  <a:gd name="T0" fmla="*/ 528 w 528"/>
                  <a:gd name="T1" fmla="*/ 66 h 234"/>
                  <a:gd name="T2" fmla="*/ 510 w 528"/>
                  <a:gd name="T3" fmla="*/ 90 h 234"/>
                  <a:gd name="T4" fmla="*/ 486 w 528"/>
                  <a:gd name="T5" fmla="*/ 96 h 234"/>
                  <a:gd name="T6" fmla="*/ 486 w 528"/>
                  <a:gd name="T7" fmla="*/ 78 h 234"/>
                  <a:gd name="T8" fmla="*/ 474 w 528"/>
                  <a:gd name="T9" fmla="*/ 84 h 234"/>
                  <a:gd name="T10" fmla="*/ 480 w 528"/>
                  <a:gd name="T11" fmla="*/ 96 h 234"/>
                  <a:gd name="T12" fmla="*/ 450 w 528"/>
                  <a:gd name="T13" fmla="*/ 90 h 234"/>
                  <a:gd name="T14" fmla="*/ 486 w 528"/>
                  <a:gd name="T15" fmla="*/ 102 h 234"/>
                  <a:gd name="T16" fmla="*/ 474 w 528"/>
                  <a:gd name="T17" fmla="*/ 126 h 234"/>
                  <a:gd name="T18" fmla="*/ 456 w 528"/>
                  <a:gd name="T19" fmla="*/ 126 h 234"/>
                  <a:gd name="T20" fmla="*/ 474 w 528"/>
                  <a:gd name="T21" fmla="*/ 132 h 234"/>
                  <a:gd name="T22" fmla="*/ 492 w 528"/>
                  <a:gd name="T23" fmla="*/ 120 h 234"/>
                  <a:gd name="T24" fmla="*/ 504 w 528"/>
                  <a:gd name="T25" fmla="*/ 126 h 234"/>
                  <a:gd name="T26" fmla="*/ 492 w 528"/>
                  <a:gd name="T27" fmla="*/ 144 h 234"/>
                  <a:gd name="T28" fmla="*/ 486 w 528"/>
                  <a:gd name="T29" fmla="*/ 138 h 234"/>
                  <a:gd name="T30" fmla="*/ 462 w 528"/>
                  <a:gd name="T31" fmla="*/ 156 h 234"/>
                  <a:gd name="T32" fmla="*/ 456 w 528"/>
                  <a:gd name="T33" fmla="*/ 150 h 234"/>
                  <a:gd name="T34" fmla="*/ 450 w 528"/>
                  <a:gd name="T35" fmla="*/ 168 h 234"/>
                  <a:gd name="T36" fmla="*/ 438 w 528"/>
                  <a:gd name="T37" fmla="*/ 150 h 234"/>
                  <a:gd name="T38" fmla="*/ 444 w 528"/>
                  <a:gd name="T39" fmla="*/ 168 h 234"/>
                  <a:gd name="T40" fmla="*/ 426 w 528"/>
                  <a:gd name="T41" fmla="*/ 192 h 234"/>
                  <a:gd name="T42" fmla="*/ 420 w 528"/>
                  <a:gd name="T43" fmla="*/ 222 h 234"/>
                  <a:gd name="T44" fmla="*/ 414 w 528"/>
                  <a:gd name="T45" fmla="*/ 210 h 234"/>
                  <a:gd name="T46" fmla="*/ 414 w 528"/>
                  <a:gd name="T47" fmla="*/ 228 h 234"/>
                  <a:gd name="T48" fmla="*/ 378 w 528"/>
                  <a:gd name="T49" fmla="*/ 234 h 234"/>
                  <a:gd name="T50" fmla="*/ 372 w 528"/>
                  <a:gd name="T51" fmla="*/ 228 h 234"/>
                  <a:gd name="T52" fmla="*/ 294 w 528"/>
                  <a:gd name="T53" fmla="*/ 174 h 234"/>
                  <a:gd name="T54" fmla="*/ 228 w 528"/>
                  <a:gd name="T55" fmla="*/ 186 h 234"/>
                  <a:gd name="T56" fmla="*/ 210 w 528"/>
                  <a:gd name="T57" fmla="*/ 162 h 234"/>
                  <a:gd name="T58" fmla="*/ 120 w 528"/>
                  <a:gd name="T59" fmla="*/ 168 h 234"/>
                  <a:gd name="T60" fmla="*/ 78 w 528"/>
                  <a:gd name="T61" fmla="*/ 192 h 234"/>
                  <a:gd name="T62" fmla="*/ 0 w 528"/>
                  <a:gd name="T63" fmla="*/ 204 h 234"/>
                  <a:gd name="T64" fmla="*/ 0 w 528"/>
                  <a:gd name="T65" fmla="*/ 186 h 234"/>
                  <a:gd name="T66" fmla="*/ 18 w 528"/>
                  <a:gd name="T67" fmla="*/ 180 h 234"/>
                  <a:gd name="T68" fmla="*/ 30 w 528"/>
                  <a:gd name="T69" fmla="*/ 156 h 234"/>
                  <a:gd name="T70" fmla="*/ 78 w 528"/>
                  <a:gd name="T71" fmla="*/ 132 h 234"/>
                  <a:gd name="T72" fmla="*/ 96 w 528"/>
                  <a:gd name="T73" fmla="*/ 108 h 234"/>
                  <a:gd name="T74" fmla="*/ 102 w 528"/>
                  <a:gd name="T75" fmla="*/ 114 h 234"/>
                  <a:gd name="T76" fmla="*/ 132 w 528"/>
                  <a:gd name="T77" fmla="*/ 96 h 234"/>
                  <a:gd name="T78" fmla="*/ 150 w 528"/>
                  <a:gd name="T79" fmla="*/ 78 h 234"/>
                  <a:gd name="T80" fmla="*/ 150 w 528"/>
                  <a:gd name="T81" fmla="*/ 54 h 234"/>
                  <a:gd name="T82" fmla="*/ 498 w 528"/>
                  <a:gd name="T83" fmla="*/ 0 h 234"/>
                  <a:gd name="T84" fmla="*/ 516 w 528"/>
                  <a:gd name="T85" fmla="*/ 30 h 234"/>
                  <a:gd name="T86" fmla="*/ 504 w 528"/>
                  <a:gd name="T87" fmla="*/ 18 h 234"/>
                  <a:gd name="T88" fmla="*/ 510 w 528"/>
                  <a:gd name="T89" fmla="*/ 24 h 234"/>
                  <a:gd name="T90" fmla="*/ 492 w 528"/>
                  <a:gd name="T91" fmla="*/ 18 h 234"/>
                  <a:gd name="T92" fmla="*/ 498 w 528"/>
                  <a:gd name="T93" fmla="*/ 30 h 234"/>
                  <a:gd name="T94" fmla="*/ 486 w 528"/>
                  <a:gd name="T95" fmla="*/ 30 h 234"/>
                  <a:gd name="T96" fmla="*/ 492 w 528"/>
                  <a:gd name="T97" fmla="*/ 36 h 234"/>
                  <a:gd name="T98" fmla="*/ 480 w 528"/>
                  <a:gd name="T99" fmla="*/ 30 h 234"/>
                  <a:gd name="T100" fmla="*/ 480 w 528"/>
                  <a:gd name="T101" fmla="*/ 42 h 234"/>
                  <a:gd name="T102" fmla="*/ 468 w 528"/>
                  <a:gd name="T103" fmla="*/ 48 h 234"/>
                  <a:gd name="T104" fmla="*/ 456 w 528"/>
                  <a:gd name="T105" fmla="*/ 24 h 234"/>
                  <a:gd name="T106" fmla="*/ 462 w 528"/>
                  <a:gd name="T107" fmla="*/ 54 h 234"/>
                  <a:gd name="T108" fmla="*/ 504 w 528"/>
                  <a:gd name="T109" fmla="*/ 42 h 234"/>
                  <a:gd name="T110" fmla="*/ 504 w 528"/>
                  <a:gd name="T111" fmla="*/ 66 h 234"/>
                  <a:gd name="T112" fmla="*/ 510 w 528"/>
                  <a:gd name="T113" fmla="*/ 66 h 234"/>
                  <a:gd name="T114" fmla="*/ 516 w 528"/>
                  <a:gd name="T115" fmla="*/ 42 h 234"/>
                  <a:gd name="T116" fmla="*/ 528 w 528"/>
                  <a:gd name="T117" fmla="*/ 66 h 234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w 528"/>
                  <a:gd name="T178" fmla="*/ 0 h 234"/>
                  <a:gd name="T179" fmla="*/ 528 w 528"/>
                  <a:gd name="T180" fmla="*/ 234 h 234"/>
                </a:gdLst>
                <a:ahLst/>
                <a:cxnLst>
                  <a:cxn ang="T118">
                    <a:pos x="T0" y="T1"/>
                  </a:cxn>
                  <a:cxn ang="T119">
                    <a:pos x="T2" y="T3"/>
                  </a:cxn>
                  <a:cxn ang="T120">
                    <a:pos x="T4" y="T5"/>
                  </a:cxn>
                  <a:cxn ang="T121">
                    <a:pos x="T6" y="T7"/>
                  </a:cxn>
                  <a:cxn ang="T122">
                    <a:pos x="T8" y="T9"/>
                  </a:cxn>
                  <a:cxn ang="T123">
                    <a:pos x="T10" y="T11"/>
                  </a:cxn>
                  <a:cxn ang="T124">
                    <a:pos x="T12" y="T13"/>
                  </a:cxn>
                  <a:cxn ang="T125">
                    <a:pos x="T14" y="T15"/>
                  </a:cxn>
                  <a:cxn ang="T126">
                    <a:pos x="T16" y="T17"/>
                  </a:cxn>
                  <a:cxn ang="T127">
                    <a:pos x="T18" y="T19"/>
                  </a:cxn>
                  <a:cxn ang="T128">
                    <a:pos x="T20" y="T21"/>
                  </a:cxn>
                  <a:cxn ang="T129">
                    <a:pos x="T22" y="T23"/>
                  </a:cxn>
                  <a:cxn ang="T130">
                    <a:pos x="T24" y="T25"/>
                  </a:cxn>
                  <a:cxn ang="T131">
                    <a:pos x="T26" y="T27"/>
                  </a:cxn>
                  <a:cxn ang="T132">
                    <a:pos x="T28" y="T29"/>
                  </a:cxn>
                  <a:cxn ang="T133">
                    <a:pos x="T30" y="T31"/>
                  </a:cxn>
                  <a:cxn ang="T134">
                    <a:pos x="T32" y="T33"/>
                  </a:cxn>
                  <a:cxn ang="T135">
                    <a:pos x="T34" y="T35"/>
                  </a:cxn>
                  <a:cxn ang="T136">
                    <a:pos x="T36" y="T37"/>
                  </a:cxn>
                  <a:cxn ang="T137">
                    <a:pos x="T38" y="T39"/>
                  </a:cxn>
                  <a:cxn ang="T138">
                    <a:pos x="T40" y="T41"/>
                  </a:cxn>
                  <a:cxn ang="T139">
                    <a:pos x="T42" y="T43"/>
                  </a:cxn>
                  <a:cxn ang="T140">
                    <a:pos x="T44" y="T45"/>
                  </a:cxn>
                  <a:cxn ang="T141">
                    <a:pos x="T46" y="T47"/>
                  </a:cxn>
                  <a:cxn ang="T142">
                    <a:pos x="T48" y="T49"/>
                  </a:cxn>
                  <a:cxn ang="T143">
                    <a:pos x="T50" y="T51"/>
                  </a:cxn>
                  <a:cxn ang="T144">
                    <a:pos x="T52" y="T53"/>
                  </a:cxn>
                  <a:cxn ang="T145">
                    <a:pos x="T54" y="T55"/>
                  </a:cxn>
                  <a:cxn ang="T146">
                    <a:pos x="T56" y="T57"/>
                  </a:cxn>
                  <a:cxn ang="T147">
                    <a:pos x="T58" y="T59"/>
                  </a:cxn>
                  <a:cxn ang="T148">
                    <a:pos x="T60" y="T61"/>
                  </a:cxn>
                  <a:cxn ang="T149">
                    <a:pos x="T62" y="T63"/>
                  </a:cxn>
                  <a:cxn ang="T150">
                    <a:pos x="T64" y="T65"/>
                  </a:cxn>
                  <a:cxn ang="T151">
                    <a:pos x="T66" y="T67"/>
                  </a:cxn>
                  <a:cxn ang="T152">
                    <a:pos x="T68" y="T69"/>
                  </a:cxn>
                  <a:cxn ang="T153">
                    <a:pos x="T70" y="T71"/>
                  </a:cxn>
                  <a:cxn ang="T154">
                    <a:pos x="T72" y="T73"/>
                  </a:cxn>
                  <a:cxn ang="T155">
                    <a:pos x="T74" y="T75"/>
                  </a:cxn>
                  <a:cxn ang="T156">
                    <a:pos x="T76" y="T77"/>
                  </a:cxn>
                  <a:cxn ang="T157">
                    <a:pos x="T78" y="T79"/>
                  </a:cxn>
                  <a:cxn ang="T158">
                    <a:pos x="T80" y="T81"/>
                  </a:cxn>
                  <a:cxn ang="T159">
                    <a:pos x="T82" y="T83"/>
                  </a:cxn>
                  <a:cxn ang="T160">
                    <a:pos x="T84" y="T85"/>
                  </a:cxn>
                  <a:cxn ang="T161">
                    <a:pos x="T86" y="T87"/>
                  </a:cxn>
                  <a:cxn ang="T162">
                    <a:pos x="T88" y="T89"/>
                  </a:cxn>
                  <a:cxn ang="T163">
                    <a:pos x="T90" y="T91"/>
                  </a:cxn>
                  <a:cxn ang="T164">
                    <a:pos x="T92" y="T93"/>
                  </a:cxn>
                  <a:cxn ang="T165">
                    <a:pos x="T94" y="T95"/>
                  </a:cxn>
                  <a:cxn ang="T166">
                    <a:pos x="T96" y="T97"/>
                  </a:cxn>
                  <a:cxn ang="T167">
                    <a:pos x="T98" y="T99"/>
                  </a:cxn>
                  <a:cxn ang="T168">
                    <a:pos x="T100" y="T101"/>
                  </a:cxn>
                  <a:cxn ang="T169">
                    <a:pos x="T102" y="T103"/>
                  </a:cxn>
                  <a:cxn ang="T170">
                    <a:pos x="T104" y="T105"/>
                  </a:cxn>
                  <a:cxn ang="T171">
                    <a:pos x="T106" y="T107"/>
                  </a:cxn>
                  <a:cxn ang="T172">
                    <a:pos x="T108" y="T109"/>
                  </a:cxn>
                  <a:cxn ang="T173">
                    <a:pos x="T110" y="T111"/>
                  </a:cxn>
                  <a:cxn ang="T174">
                    <a:pos x="T112" y="T113"/>
                  </a:cxn>
                  <a:cxn ang="T175">
                    <a:pos x="T114" y="T115"/>
                  </a:cxn>
                  <a:cxn ang="T176">
                    <a:pos x="T116" y="T117"/>
                  </a:cxn>
                </a:cxnLst>
                <a:rect l="T177" t="T178" r="T179" b="T180"/>
                <a:pathLst>
                  <a:path w="528" h="234">
                    <a:moveTo>
                      <a:pt x="528" y="66"/>
                    </a:moveTo>
                    <a:lnTo>
                      <a:pt x="510" y="90"/>
                    </a:lnTo>
                    <a:lnTo>
                      <a:pt x="486" y="96"/>
                    </a:lnTo>
                    <a:lnTo>
                      <a:pt x="486" y="78"/>
                    </a:lnTo>
                    <a:lnTo>
                      <a:pt x="474" y="84"/>
                    </a:lnTo>
                    <a:lnTo>
                      <a:pt x="480" y="96"/>
                    </a:lnTo>
                    <a:lnTo>
                      <a:pt x="450" y="90"/>
                    </a:lnTo>
                    <a:lnTo>
                      <a:pt x="486" y="102"/>
                    </a:lnTo>
                    <a:lnTo>
                      <a:pt x="474" y="126"/>
                    </a:lnTo>
                    <a:lnTo>
                      <a:pt x="456" y="126"/>
                    </a:lnTo>
                    <a:lnTo>
                      <a:pt x="474" y="132"/>
                    </a:lnTo>
                    <a:lnTo>
                      <a:pt x="492" y="120"/>
                    </a:lnTo>
                    <a:lnTo>
                      <a:pt x="504" y="126"/>
                    </a:lnTo>
                    <a:lnTo>
                      <a:pt x="492" y="144"/>
                    </a:lnTo>
                    <a:lnTo>
                      <a:pt x="486" y="138"/>
                    </a:lnTo>
                    <a:lnTo>
                      <a:pt x="462" y="156"/>
                    </a:lnTo>
                    <a:lnTo>
                      <a:pt x="456" y="150"/>
                    </a:lnTo>
                    <a:lnTo>
                      <a:pt x="450" y="168"/>
                    </a:lnTo>
                    <a:lnTo>
                      <a:pt x="438" y="150"/>
                    </a:lnTo>
                    <a:lnTo>
                      <a:pt x="444" y="168"/>
                    </a:lnTo>
                    <a:lnTo>
                      <a:pt x="426" y="192"/>
                    </a:lnTo>
                    <a:lnTo>
                      <a:pt x="420" y="222"/>
                    </a:lnTo>
                    <a:lnTo>
                      <a:pt x="414" y="210"/>
                    </a:lnTo>
                    <a:lnTo>
                      <a:pt x="414" y="228"/>
                    </a:lnTo>
                    <a:lnTo>
                      <a:pt x="378" y="234"/>
                    </a:lnTo>
                    <a:lnTo>
                      <a:pt x="372" y="228"/>
                    </a:lnTo>
                    <a:lnTo>
                      <a:pt x="294" y="174"/>
                    </a:lnTo>
                    <a:lnTo>
                      <a:pt x="228" y="186"/>
                    </a:lnTo>
                    <a:lnTo>
                      <a:pt x="210" y="162"/>
                    </a:lnTo>
                    <a:lnTo>
                      <a:pt x="120" y="168"/>
                    </a:lnTo>
                    <a:lnTo>
                      <a:pt x="78" y="192"/>
                    </a:lnTo>
                    <a:lnTo>
                      <a:pt x="0" y="204"/>
                    </a:lnTo>
                    <a:lnTo>
                      <a:pt x="0" y="186"/>
                    </a:lnTo>
                    <a:lnTo>
                      <a:pt x="18" y="180"/>
                    </a:lnTo>
                    <a:lnTo>
                      <a:pt x="30" y="156"/>
                    </a:lnTo>
                    <a:lnTo>
                      <a:pt x="78" y="132"/>
                    </a:lnTo>
                    <a:lnTo>
                      <a:pt x="96" y="108"/>
                    </a:lnTo>
                    <a:lnTo>
                      <a:pt x="102" y="114"/>
                    </a:lnTo>
                    <a:lnTo>
                      <a:pt x="132" y="96"/>
                    </a:lnTo>
                    <a:lnTo>
                      <a:pt x="150" y="78"/>
                    </a:lnTo>
                    <a:lnTo>
                      <a:pt x="150" y="54"/>
                    </a:lnTo>
                    <a:lnTo>
                      <a:pt x="498" y="0"/>
                    </a:lnTo>
                    <a:lnTo>
                      <a:pt x="516" y="30"/>
                    </a:lnTo>
                    <a:lnTo>
                      <a:pt x="504" y="18"/>
                    </a:lnTo>
                    <a:lnTo>
                      <a:pt x="510" y="24"/>
                    </a:lnTo>
                    <a:lnTo>
                      <a:pt x="492" y="18"/>
                    </a:lnTo>
                    <a:lnTo>
                      <a:pt x="498" y="30"/>
                    </a:lnTo>
                    <a:lnTo>
                      <a:pt x="486" y="30"/>
                    </a:lnTo>
                    <a:lnTo>
                      <a:pt x="492" y="36"/>
                    </a:lnTo>
                    <a:lnTo>
                      <a:pt x="480" y="30"/>
                    </a:lnTo>
                    <a:lnTo>
                      <a:pt x="480" y="42"/>
                    </a:lnTo>
                    <a:lnTo>
                      <a:pt x="468" y="48"/>
                    </a:lnTo>
                    <a:lnTo>
                      <a:pt x="456" y="24"/>
                    </a:lnTo>
                    <a:lnTo>
                      <a:pt x="462" y="54"/>
                    </a:lnTo>
                    <a:lnTo>
                      <a:pt x="504" y="42"/>
                    </a:lnTo>
                    <a:lnTo>
                      <a:pt x="504" y="66"/>
                    </a:lnTo>
                    <a:lnTo>
                      <a:pt x="510" y="66"/>
                    </a:lnTo>
                    <a:lnTo>
                      <a:pt x="516" y="42"/>
                    </a:lnTo>
                    <a:lnTo>
                      <a:pt x="528" y="66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38" name="Freeform 465"/>
              <p:cNvSpPr>
                <a:spLocks noChangeAspect="1"/>
              </p:cNvSpPr>
              <p:nvPr/>
            </p:nvSpPr>
            <p:spPr bwMode="auto">
              <a:xfrm>
                <a:off x="3651" y="2178"/>
                <a:ext cx="528" cy="234"/>
              </a:xfrm>
              <a:custGeom>
                <a:avLst/>
                <a:gdLst>
                  <a:gd name="T0" fmla="*/ 528 w 528"/>
                  <a:gd name="T1" fmla="*/ 66 h 234"/>
                  <a:gd name="T2" fmla="*/ 510 w 528"/>
                  <a:gd name="T3" fmla="*/ 90 h 234"/>
                  <a:gd name="T4" fmla="*/ 486 w 528"/>
                  <a:gd name="T5" fmla="*/ 96 h 234"/>
                  <a:gd name="T6" fmla="*/ 486 w 528"/>
                  <a:gd name="T7" fmla="*/ 78 h 234"/>
                  <a:gd name="T8" fmla="*/ 474 w 528"/>
                  <a:gd name="T9" fmla="*/ 84 h 234"/>
                  <a:gd name="T10" fmla="*/ 480 w 528"/>
                  <a:gd name="T11" fmla="*/ 96 h 234"/>
                  <a:gd name="T12" fmla="*/ 450 w 528"/>
                  <a:gd name="T13" fmla="*/ 90 h 234"/>
                  <a:gd name="T14" fmla="*/ 486 w 528"/>
                  <a:gd name="T15" fmla="*/ 102 h 234"/>
                  <a:gd name="T16" fmla="*/ 474 w 528"/>
                  <a:gd name="T17" fmla="*/ 126 h 234"/>
                  <a:gd name="T18" fmla="*/ 456 w 528"/>
                  <a:gd name="T19" fmla="*/ 126 h 234"/>
                  <a:gd name="T20" fmla="*/ 474 w 528"/>
                  <a:gd name="T21" fmla="*/ 132 h 234"/>
                  <a:gd name="T22" fmla="*/ 492 w 528"/>
                  <a:gd name="T23" fmla="*/ 120 h 234"/>
                  <a:gd name="T24" fmla="*/ 504 w 528"/>
                  <a:gd name="T25" fmla="*/ 126 h 234"/>
                  <a:gd name="T26" fmla="*/ 492 w 528"/>
                  <a:gd name="T27" fmla="*/ 144 h 234"/>
                  <a:gd name="T28" fmla="*/ 486 w 528"/>
                  <a:gd name="T29" fmla="*/ 138 h 234"/>
                  <a:gd name="T30" fmla="*/ 462 w 528"/>
                  <a:gd name="T31" fmla="*/ 156 h 234"/>
                  <a:gd name="T32" fmla="*/ 456 w 528"/>
                  <a:gd name="T33" fmla="*/ 150 h 234"/>
                  <a:gd name="T34" fmla="*/ 450 w 528"/>
                  <a:gd name="T35" fmla="*/ 168 h 234"/>
                  <a:gd name="T36" fmla="*/ 438 w 528"/>
                  <a:gd name="T37" fmla="*/ 150 h 234"/>
                  <a:gd name="T38" fmla="*/ 444 w 528"/>
                  <a:gd name="T39" fmla="*/ 168 h 234"/>
                  <a:gd name="T40" fmla="*/ 426 w 528"/>
                  <a:gd name="T41" fmla="*/ 192 h 234"/>
                  <a:gd name="T42" fmla="*/ 420 w 528"/>
                  <a:gd name="T43" fmla="*/ 222 h 234"/>
                  <a:gd name="T44" fmla="*/ 414 w 528"/>
                  <a:gd name="T45" fmla="*/ 210 h 234"/>
                  <a:gd name="T46" fmla="*/ 414 w 528"/>
                  <a:gd name="T47" fmla="*/ 228 h 234"/>
                  <a:gd name="T48" fmla="*/ 378 w 528"/>
                  <a:gd name="T49" fmla="*/ 234 h 234"/>
                  <a:gd name="T50" fmla="*/ 372 w 528"/>
                  <a:gd name="T51" fmla="*/ 228 h 234"/>
                  <a:gd name="T52" fmla="*/ 294 w 528"/>
                  <a:gd name="T53" fmla="*/ 174 h 234"/>
                  <a:gd name="T54" fmla="*/ 228 w 528"/>
                  <a:gd name="T55" fmla="*/ 186 h 234"/>
                  <a:gd name="T56" fmla="*/ 210 w 528"/>
                  <a:gd name="T57" fmla="*/ 162 h 234"/>
                  <a:gd name="T58" fmla="*/ 120 w 528"/>
                  <a:gd name="T59" fmla="*/ 168 h 234"/>
                  <a:gd name="T60" fmla="*/ 78 w 528"/>
                  <a:gd name="T61" fmla="*/ 192 h 234"/>
                  <a:gd name="T62" fmla="*/ 0 w 528"/>
                  <a:gd name="T63" fmla="*/ 204 h 234"/>
                  <a:gd name="T64" fmla="*/ 0 w 528"/>
                  <a:gd name="T65" fmla="*/ 186 h 234"/>
                  <a:gd name="T66" fmla="*/ 18 w 528"/>
                  <a:gd name="T67" fmla="*/ 180 h 234"/>
                  <a:gd name="T68" fmla="*/ 30 w 528"/>
                  <a:gd name="T69" fmla="*/ 156 h 234"/>
                  <a:gd name="T70" fmla="*/ 78 w 528"/>
                  <a:gd name="T71" fmla="*/ 132 h 234"/>
                  <a:gd name="T72" fmla="*/ 96 w 528"/>
                  <a:gd name="T73" fmla="*/ 108 h 234"/>
                  <a:gd name="T74" fmla="*/ 102 w 528"/>
                  <a:gd name="T75" fmla="*/ 114 h 234"/>
                  <a:gd name="T76" fmla="*/ 132 w 528"/>
                  <a:gd name="T77" fmla="*/ 96 h 234"/>
                  <a:gd name="T78" fmla="*/ 150 w 528"/>
                  <a:gd name="T79" fmla="*/ 78 h 234"/>
                  <a:gd name="T80" fmla="*/ 150 w 528"/>
                  <a:gd name="T81" fmla="*/ 54 h 234"/>
                  <a:gd name="T82" fmla="*/ 498 w 528"/>
                  <a:gd name="T83" fmla="*/ 0 h 234"/>
                  <a:gd name="T84" fmla="*/ 516 w 528"/>
                  <a:gd name="T85" fmla="*/ 30 h 234"/>
                  <a:gd name="T86" fmla="*/ 504 w 528"/>
                  <a:gd name="T87" fmla="*/ 18 h 234"/>
                  <a:gd name="T88" fmla="*/ 510 w 528"/>
                  <a:gd name="T89" fmla="*/ 24 h 234"/>
                  <a:gd name="T90" fmla="*/ 492 w 528"/>
                  <a:gd name="T91" fmla="*/ 18 h 234"/>
                  <a:gd name="T92" fmla="*/ 498 w 528"/>
                  <a:gd name="T93" fmla="*/ 30 h 234"/>
                  <a:gd name="T94" fmla="*/ 486 w 528"/>
                  <a:gd name="T95" fmla="*/ 30 h 234"/>
                  <a:gd name="T96" fmla="*/ 492 w 528"/>
                  <a:gd name="T97" fmla="*/ 36 h 234"/>
                  <a:gd name="T98" fmla="*/ 480 w 528"/>
                  <a:gd name="T99" fmla="*/ 30 h 234"/>
                  <a:gd name="T100" fmla="*/ 480 w 528"/>
                  <a:gd name="T101" fmla="*/ 42 h 234"/>
                  <a:gd name="T102" fmla="*/ 468 w 528"/>
                  <a:gd name="T103" fmla="*/ 48 h 234"/>
                  <a:gd name="T104" fmla="*/ 456 w 528"/>
                  <a:gd name="T105" fmla="*/ 24 h 234"/>
                  <a:gd name="T106" fmla="*/ 462 w 528"/>
                  <a:gd name="T107" fmla="*/ 54 h 234"/>
                  <a:gd name="T108" fmla="*/ 504 w 528"/>
                  <a:gd name="T109" fmla="*/ 42 h 234"/>
                  <a:gd name="T110" fmla="*/ 504 w 528"/>
                  <a:gd name="T111" fmla="*/ 66 h 234"/>
                  <a:gd name="T112" fmla="*/ 510 w 528"/>
                  <a:gd name="T113" fmla="*/ 66 h 234"/>
                  <a:gd name="T114" fmla="*/ 516 w 528"/>
                  <a:gd name="T115" fmla="*/ 42 h 234"/>
                  <a:gd name="T116" fmla="*/ 528 w 528"/>
                  <a:gd name="T117" fmla="*/ 66 h 234"/>
                  <a:gd name="T118" fmla="*/ 528 w 528"/>
                  <a:gd name="T119" fmla="*/ 72 h 234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w 528"/>
                  <a:gd name="T181" fmla="*/ 0 h 234"/>
                  <a:gd name="T182" fmla="*/ 528 w 528"/>
                  <a:gd name="T183" fmla="*/ 234 h 234"/>
                </a:gdLst>
                <a:ahLst/>
                <a:cxnLst>
                  <a:cxn ang="T120">
                    <a:pos x="T0" y="T1"/>
                  </a:cxn>
                  <a:cxn ang="T121">
                    <a:pos x="T2" y="T3"/>
                  </a:cxn>
                  <a:cxn ang="T122">
                    <a:pos x="T4" y="T5"/>
                  </a:cxn>
                  <a:cxn ang="T123">
                    <a:pos x="T6" y="T7"/>
                  </a:cxn>
                  <a:cxn ang="T124">
                    <a:pos x="T8" y="T9"/>
                  </a:cxn>
                  <a:cxn ang="T125">
                    <a:pos x="T10" y="T11"/>
                  </a:cxn>
                  <a:cxn ang="T126">
                    <a:pos x="T12" y="T13"/>
                  </a:cxn>
                  <a:cxn ang="T127">
                    <a:pos x="T14" y="T15"/>
                  </a:cxn>
                  <a:cxn ang="T128">
                    <a:pos x="T16" y="T17"/>
                  </a:cxn>
                  <a:cxn ang="T129">
                    <a:pos x="T18" y="T19"/>
                  </a:cxn>
                  <a:cxn ang="T130">
                    <a:pos x="T20" y="T21"/>
                  </a:cxn>
                  <a:cxn ang="T131">
                    <a:pos x="T22" y="T23"/>
                  </a:cxn>
                  <a:cxn ang="T132">
                    <a:pos x="T24" y="T25"/>
                  </a:cxn>
                  <a:cxn ang="T133">
                    <a:pos x="T26" y="T27"/>
                  </a:cxn>
                  <a:cxn ang="T134">
                    <a:pos x="T28" y="T29"/>
                  </a:cxn>
                  <a:cxn ang="T135">
                    <a:pos x="T30" y="T31"/>
                  </a:cxn>
                  <a:cxn ang="T136">
                    <a:pos x="T32" y="T33"/>
                  </a:cxn>
                  <a:cxn ang="T137">
                    <a:pos x="T34" y="T35"/>
                  </a:cxn>
                  <a:cxn ang="T138">
                    <a:pos x="T36" y="T37"/>
                  </a:cxn>
                  <a:cxn ang="T139">
                    <a:pos x="T38" y="T39"/>
                  </a:cxn>
                  <a:cxn ang="T140">
                    <a:pos x="T40" y="T41"/>
                  </a:cxn>
                  <a:cxn ang="T141">
                    <a:pos x="T42" y="T43"/>
                  </a:cxn>
                  <a:cxn ang="T142">
                    <a:pos x="T44" y="T45"/>
                  </a:cxn>
                  <a:cxn ang="T143">
                    <a:pos x="T46" y="T47"/>
                  </a:cxn>
                  <a:cxn ang="T144">
                    <a:pos x="T48" y="T49"/>
                  </a:cxn>
                  <a:cxn ang="T145">
                    <a:pos x="T50" y="T51"/>
                  </a:cxn>
                  <a:cxn ang="T146">
                    <a:pos x="T52" y="T53"/>
                  </a:cxn>
                  <a:cxn ang="T147">
                    <a:pos x="T54" y="T55"/>
                  </a:cxn>
                  <a:cxn ang="T148">
                    <a:pos x="T56" y="T57"/>
                  </a:cxn>
                  <a:cxn ang="T149">
                    <a:pos x="T58" y="T59"/>
                  </a:cxn>
                  <a:cxn ang="T150">
                    <a:pos x="T60" y="T61"/>
                  </a:cxn>
                  <a:cxn ang="T151">
                    <a:pos x="T62" y="T63"/>
                  </a:cxn>
                  <a:cxn ang="T152">
                    <a:pos x="T64" y="T65"/>
                  </a:cxn>
                  <a:cxn ang="T153">
                    <a:pos x="T66" y="T67"/>
                  </a:cxn>
                  <a:cxn ang="T154">
                    <a:pos x="T68" y="T69"/>
                  </a:cxn>
                  <a:cxn ang="T155">
                    <a:pos x="T70" y="T71"/>
                  </a:cxn>
                  <a:cxn ang="T156">
                    <a:pos x="T72" y="T73"/>
                  </a:cxn>
                  <a:cxn ang="T157">
                    <a:pos x="T74" y="T75"/>
                  </a:cxn>
                  <a:cxn ang="T158">
                    <a:pos x="T76" y="T77"/>
                  </a:cxn>
                  <a:cxn ang="T159">
                    <a:pos x="T78" y="T79"/>
                  </a:cxn>
                  <a:cxn ang="T160">
                    <a:pos x="T80" y="T81"/>
                  </a:cxn>
                  <a:cxn ang="T161">
                    <a:pos x="T82" y="T83"/>
                  </a:cxn>
                  <a:cxn ang="T162">
                    <a:pos x="T84" y="T85"/>
                  </a:cxn>
                  <a:cxn ang="T163">
                    <a:pos x="T86" y="T87"/>
                  </a:cxn>
                  <a:cxn ang="T164">
                    <a:pos x="T88" y="T89"/>
                  </a:cxn>
                  <a:cxn ang="T165">
                    <a:pos x="T90" y="T91"/>
                  </a:cxn>
                  <a:cxn ang="T166">
                    <a:pos x="T92" y="T93"/>
                  </a:cxn>
                  <a:cxn ang="T167">
                    <a:pos x="T94" y="T95"/>
                  </a:cxn>
                  <a:cxn ang="T168">
                    <a:pos x="T96" y="T97"/>
                  </a:cxn>
                  <a:cxn ang="T169">
                    <a:pos x="T98" y="T99"/>
                  </a:cxn>
                  <a:cxn ang="T170">
                    <a:pos x="T100" y="T101"/>
                  </a:cxn>
                  <a:cxn ang="T171">
                    <a:pos x="T102" y="T103"/>
                  </a:cxn>
                  <a:cxn ang="T172">
                    <a:pos x="T104" y="T105"/>
                  </a:cxn>
                  <a:cxn ang="T173">
                    <a:pos x="T106" y="T107"/>
                  </a:cxn>
                  <a:cxn ang="T174">
                    <a:pos x="T108" y="T109"/>
                  </a:cxn>
                  <a:cxn ang="T175">
                    <a:pos x="T110" y="T111"/>
                  </a:cxn>
                  <a:cxn ang="T176">
                    <a:pos x="T112" y="T113"/>
                  </a:cxn>
                  <a:cxn ang="T177">
                    <a:pos x="T114" y="T115"/>
                  </a:cxn>
                  <a:cxn ang="T178">
                    <a:pos x="T116" y="T117"/>
                  </a:cxn>
                  <a:cxn ang="T179">
                    <a:pos x="T118" y="T119"/>
                  </a:cxn>
                </a:cxnLst>
                <a:rect l="T180" t="T181" r="T182" b="T183"/>
                <a:pathLst>
                  <a:path w="528" h="234">
                    <a:moveTo>
                      <a:pt x="528" y="66"/>
                    </a:moveTo>
                    <a:lnTo>
                      <a:pt x="510" y="90"/>
                    </a:lnTo>
                    <a:lnTo>
                      <a:pt x="486" y="96"/>
                    </a:lnTo>
                    <a:lnTo>
                      <a:pt x="486" y="78"/>
                    </a:lnTo>
                    <a:lnTo>
                      <a:pt x="474" y="84"/>
                    </a:lnTo>
                    <a:lnTo>
                      <a:pt x="480" y="96"/>
                    </a:lnTo>
                    <a:lnTo>
                      <a:pt x="450" y="90"/>
                    </a:lnTo>
                    <a:lnTo>
                      <a:pt x="486" y="102"/>
                    </a:lnTo>
                    <a:lnTo>
                      <a:pt x="474" y="126"/>
                    </a:lnTo>
                    <a:lnTo>
                      <a:pt x="456" y="126"/>
                    </a:lnTo>
                    <a:lnTo>
                      <a:pt x="474" y="132"/>
                    </a:lnTo>
                    <a:lnTo>
                      <a:pt x="492" y="120"/>
                    </a:lnTo>
                    <a:lnTo>
                      <a:pt x="504" y="126"/>
                    </a:lnTo>
                    <a:lnTo>
                      <a:pt x="492" y="144"/>
                    </a:lnTo>
                    <a:lnTo>
                      <a:pt x="486" y="138"/>
                    </a:lnTo>
                    <a:lnTo>
                      <a:pt x="462" y="156"/>
                    </a:lnTo>
                    <a:lnTo>
                      <a:pt x="456" y="150"/>
                    </a:lnTo>
                    <a:lnTo>
                      <a:pt x="450" y="168"/>
                    </a:lnTo>
                    <a:lnTo>
                      <a:pt x="438" y="150"/>
                    </a:lnTo>
                    <a:lnTo>
                      <a:pt x="444" y="168"/>
                    </a:lnTo>
                    <a:lnTo>
                      <a:pt x="426" y="192"/>
                    </a:lnTo>
                    <a:lnTo>
                      <a:pt x="420" y="222"/>
                    </a:lnTo>
                    <a:lnTo>
                      <a:pt x="414" y="210"/>
                    </a:lnTo>
                    <a:lnTo>
                      <a:pt x="414" y="228"/>
                    </a:lnTo>
                    <a:lnTo>
                      <a:pt x="378" y="234"/>
                    </a:lnTo>
                    <a:lnTo>
                      <a:pt x="372" y="228"/>
                    </a:lnTo>
                    <a:lnTo>
                      <a:pt x="294" y="174"/>
                    </a:lnTo>
                    <a:lnTo>
                      <a:pt x="228" y="186"/>
                    </a:lnTo>
                    <a:lnTo>
                      <a:pt x="210" y="162"/>
                    </a:lnTo>
                    <a:lnTo>
                      <a:pt x="120" y="168"/>
                    </a:lnTo>
                    <a:lnTo>
                      <a:pt x="78" y="192"/>
                    </a:lnTo>
                    <a:lnTo>
                      <a:pt x="0" y="204"/>
                    </a:lnTo>
                    <a:lnTo>
                      <a:pt x="0" y="186"/>
                    </a:lnTo>
                    <a:lnTo>
                      <a:pt x="18" y="180"/>
                    </a:lnTo>
                    <a:lnTo>
                      <a:pt x="30" y="156"/>
                    </a:lnTo>
                    <a:lnTo>
                      <a:pt x="78" y="132"/>
                    </a:lnTo>
                    <a:lnTo>
                      <a:pt x="96" y="108"/>
                    </a:lnTo>
                    <a:lnTo>
                      <a:pt x="102" y="114"/>
                    </a:lnTo>
                    <a:lnTo>
                      <a:pt x="132" y="96"/>
                    </a:lnTo>
                    <a:lnTo>
                      <a:pt x="150" y="78"/>
                    </a:lnTo>
                    <a:lnTo>
                      <a:pt x="150" y="54"/>
                    </a:lnTo>
                    <a:lnTo>
                      <a:pt x="498" y="0"/>
                    </a:lnTo>
                    <a:lnTo>
                      <a:pt x="516" y="30"/>
                    </a:lnTo>
                    <a:lnTo>
                      <a:pt x="504" y="18"/>
                    </a:lnTo>
                    <a:lnTo>
                      <a:pt x="510" y="24"/>
                    </a:lnTo>
                    <a:lnTo>
                      <a:pt x="492" y="18"/>
                    </a:lnTo>
                    <a:lnTo>
                      <a:pt x="498" y="30"/>
                    </a:lnTo>
                    <a:lnTo>
                      <a:pt x="486" y="30"/>
                    </a:lnTo>
                    <a:lnTo>
                      <a:pt x="492" y="36"/>
                    </a:lnTo>
                    <a:lnTo>
                      <a:pt x="480" y="30"/>
                    </a:lnTo>
                    <a:lnTo>
                      <a:pt x="480" y="42"/>
                    </a:lnTo>
                    <a:lnTo>
                      <a:pt x="468" y="48"/>
                    </a:lnTo>
                    <a:lnTo>
                      <a:pt x="456" y="24"/>
                    </a:lnTo>
                    <a:lnTo>
                      <a:pt x="462" y="54"/>
                    </a:lnTo>
                    <a:lnTo>
                      <a:pt x="504" y="42"/>
                    </a:lnTo>
                    <a:lnTo>
                      <a:pt x="504" y="66"/>
                    </a:lnTo>
                    <a:lnTo>
                      <a:pt x="510" y="66"/>
                    </a:lnTo>
                    <a:lnTo>
                      <a:pt x="516" y="42"/>
                    </a:lnTo>
                    <a:lnTo>
                      <a:pt x="528" y="66"/>
                    </a:lnTo>
                    <a:lnTo>
                      <a:pt x="528" y="7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39" name="Freeform 466"/>
              <p:cNvSpPr>
                <a:spLocks noChangeAspect="1"/>
              </p:cNvSpPr>
              <p:nvPr/>
            </p:nvSpPr>
            <p:spPr bwMode="auto">
              <a:xfrm>
                <a:off x="4149" y="2172"/>
                <a:ext cx="6" cy="6"/>
              </a:xfrm>
              <a:custGeom>
                <a:avLst/>
                <a:gdLst>
                  <a:gd name="T0" fmla="*/ 6 w 6"/>
                  <a:gd name="T1" fmla="*/ 0 h 6"/>
                  <a:gd name="T2" fmla="*/ 0 w 6"/>
                  <a:gd name="T3" fmla="*/ 6 h 6"/>
                  <a:gd name="T4" fmla="*/ 6 w 6"/>
                  <a:gd name="T5" fmla="*/ 0 h 6"/>
                  <a:gd name="T6" fmla="*/ 6 w 6"/>
                  <a:gd name="T7" fmla="*/ 6 h 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"/>
                  <a:gd name="T13" fmla="*/ 0 h 6"/>
                  <a:gd name="T14" fmla="*/ 6 w 6"/>
                  <a:gd name="T15" fmla="*/ 6 h 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" h="6">
                    <a:moveTo>
                      <a:pt x="6" y="0"/>
                    </a:moveTo>
                    <a:lnTo>
                      <a:pt x="0" y="6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40" name="Freeform 467"/>
              <p:cNvSpPr>
                <a:spLocks noChangeAspect="1"/>
              </p:cNvSpPr>
              <p:nvPr/>
            </p:nvSpPr>
            <p:spPr bwMode="auto">
              <a:xfrm>
                <a:off x="2475" y="1320"/>
                <a:ext cx="408" cy="252"/>
              </a:xfrm>
              <a:custGeom>
                <a:avLst/>
                <a:gdLst>
                  <a:gd name="T0" fmla="*/ 408 w 408"/>
                  <a:gd name="T1" fmla="*/ 252 h 252"/>
                  <a:gd name="T2" fmla="*/ 0 w 408"/>
                  <a:gd name="T3" fmla="*/ 234 h 252"/>
                  <a:gd name="T4" fmla="*/ 6 w 408"/>
                  <a:gd name="T5" fmla="*/ 204 h 252"/>
                  <a:gd name="T6" fmla="*/ 24 w 408"/>
                  <a:gd name="T7" fmla="*/ 0 h 252"/>
                  <a:gd name="T8" fmla="*/ 378 w 408"/>
                  <a:gd name="T9" fmla="*/ 18 h 252"/>
                  <a:gd name="T10" fmla="*/ 408 w 408"/>
                  <a:gd name="T11" fmla="*/ 246 h 252"/>
                  <a:gd name="T12" fmla="*/ 408 w 408"/>
                  <a:gd name="T13" fmla="*/ 252 h 252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408"/>
                  <a:gd name="T22" fmla="*/ 0 h 252"/>
                  <a:gd name="T23" fmla="*/ 408 w 408"/>
                  <a:gd name="T24" fmla="*/ 252 h 252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408" h="252">
                    <a:moveTo>
                      <a:pt x="408" y="252"/>
                    </a:moveTo>
                    <a:lnTo>
                      <a:pt x="0" y="234"/>
                    </a:lnTo>
                    <a:lnTo>
                      <a:pt x="6" y="204"/>
                    </a:lnTo>
                    <a:lnTo>
                      <a:pt x="24" y="0"/>
                    </a:lnTo>
                    <a:lnTo>
                      <a:pt x="378" y="18"/>
                    </a:lnTo>
                    <a:lnTo>
                      <a:pt x="408" y="246"/>
                    </a:lnTo>
                    <a:lnTo>
                      <a:pt x="408" y="25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41" name="Freeform 468"/>
              <p:cNvSpPr>
                <a:spLocks noChangeAspect="1"/>
              </p:cNvSpPr>
              <p:nvPr/>
            </p:nvSpPr>
            <p:spPr bwMode="auto">
              <a:xfrm>
                <a:off x="2475" y="1320"/>
                <a:ext cx="408" cy="258"/>
              </a:xfrm>
              <a:custGeom>
                <a:avLst/>
                <a:gdLst>
                  <a:gd name="T0" fmla="*/ 408 w 408"/>
                  <a:gd name="T1" fmla="*/ 252 h 258"/>
                  <a:gd name="T2" fmla="*/ 0 w 408"/>
                  <a:gd name="T3" fmla="*/ 234 h 258"/>
                  <a:gd name="T4" fmla="*/ 6 w 408"/>
                  <a:gd name="T5" fmla="*/ 204 h 258"/>
                  <a:gd name="T6" fmla="*/ 24 w 408"/>
                  <a:gd name="T7" fmla="*/ 0 h 258"/>
                  <a:gd name="T8" fmla="*/ 378 w 408"/>
                  <a:gd name="T9" fmla="*/ 18 h 258"/>
                  <a:gd name="T10" fmla="*/ 408 w 408"/>
                  <a:gd name="T11" fmla="*/ 246 h 258"/>
                  <a:gd name="T12" fmla="*/ 408 w 408"/>
                  <a:gd name="T13" fmla="*/ 252 h 258"/>
                  <a:gd name="T14" fmla="*/ 408 w 408"/>
                  <a:gd name="T15" fmla="*/ 258 h 258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408"/>
                  <a:gd name="T25" fmla="*/ 0 h 258"/>
                  <a:gd name="T26" fmla="*/ 408 w 408"/>
                  <a:gd name="T27" fmla="*/ 258 h 258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408" h="258">
                    <a:moveTo>
                      <a:pt x="408" y="252"/>
                    </a:moveTo>
                    <a:lnTo>
                      <a:pt x="0" y="234"/>
                    </a:lnTo>
                    <a:lnTo>
                      <a:pt x="6" y="204"/>
                    </a:lnTo>
                    <a:lnTo>
                      <a:pt x="24" y="0"/>
                    </a:lnTo>
                    <a:lnTo>
                      <a:pt x="378" y="18"/>
                    </a:lnTo>
                    <a:lnTo>
                      <a:pt x="408" y="246"/>
                    </a:lnTo>
                    <a:lnTo>
                      <a:pt x="408" y="252"/>
                    </a:lnTo>
                    <a:lnTo>
                      <a:pt x="408" y="25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42" name="Freeform 469"/>
              <p:cNvSpPr>
                <a:spLocks noChangeAspect="1"/>
              </p:cNvSpPr>
              <p:nvPr/>
            </p:nvSpPr>
            <p:spPr bwMode="auto">
              <a:xfrm>
                <a:off x="3561" y="1806"/>
                <a:ext cx="258" cy="294"/>
              </a:xfrm>
              <a:custGeom>
                <a:avLst/>
                <a:gdLst>
                  <a:gd name="T0" fmla="*/ 258 w 258"/>
                  <a:gd name="T1" fmla="*/ 102 h 294"/>
                  <a:gd name="T2" fmla="*/ 252 w 258"/>
                  <a:gd name="T3" fmla="*/ 108 h 294"/>
                  <a:gd name="T4" fmla="*/ 258 w 258"/>
                  <a:gd name="T5" fmla="*/ 132 h 294"/>
                  <a:gd name="T6" fmla="*/ 252 w 258"/>
                  <a:gd name="T7" fmla="*/ 186 h 294"/>
                  <a:gd name="T8" fmla="*/ 210 w 258"/>
                  <a:gd name="T9" fmla="*/ 222 h 294"/>
                  <a:gd name="T10" fmla="*/ 204 w 258"/>
                  <a:gd name="T11" fmla="*/ 246 h 294"/>
                  <a:gd name="T12" fmla="*/ 186 w 258"/>
                  <a:gd name="T13" fmla="*/ 246 h 294"/>
                  <a:gd name="T14" fmla="*/ 186 w 258"/>
                  <a:gd name="T15" fmla="*/ 276 h 294"/>
                  <a:gd name="T16" fmla="*/ 168 w 258"/>
                  <a:gd name="T17" fmla="*/ 294 h 294"/>
                  <a:gd name="T18" fmla="*/ 162 w 258"/>
                  <a:gd name="T19" fmla="*/ 294 h 294"/>
                  <a:gd name="T20" fmla="*/ 144 w 258"/>
                  <a:gd name="T21" fmla="*/ 270 h 294"/>
                  <a:gd name="T22" fmla="*/ 96 w 258"/>
                  <a:gd name="T23" fmla="*/ 288 h 294"/>
                  <a:gd name="T24" fmla="*/ 60 w 258"/>
                  <a:gd name="T25" fmla="*/ 276 h 294"/>
                  <a:gd name="T26" fmla="*/ 48 w 258"/>
                  <a:gd name="T27" fmla="*/ 258 h 294"/>
                  <a:gd name="T28" fmla="*/ 24 w 258"/>
                  <a:gd name="T29" fmla="*/ 258 h 294"/>
                  <a:gd name="T30" fmla="*/ 0 w 258"/>
                  <a:gd name="T31" fmla="*/ 54 h 294"/>
                  <a:gd name="T32" fmla="*/ 24 w 258"/>
                  <a:gd name="T33" fmla="*/ 54 h 294"/>
                  <a:gd name="T34" fmla="*/ 78 w 258"/>
                  <a:gd name="T35" fmla="*/ 42 h 294"/>
                  <a:gd name="T36" fmla="*/ 78 w 258"/>
                  <a:gd name="T37" fmla="*/ 48 h 294"/>
                  <a:gd name="T38" fmla="*/ 120 w 258"/>
                  <a:gd name="T39" fmla="*/ 54 h 294"/>
                  <a:gd name="T40" fmla="*/ 108 w 258"/>
                  <a:gd name="T41" fmla="*/ 66 h 294"/>
                  <a:gd name="T42" fmla="*/ 138 w 258"/>
                  <a:gd name="T43" fmla="*/ 66 h 294"/>
                  <a:gd name="T44" fmla="*/ 186 w 258"/>
                  <a:gd name="T45" fmla="*/ 48 h 294"/>
                  <a:gd name="T46" fmla="*/ 198 w 258"/>
                  <a:gd name="T47" fmla="*/ 24 h 294"/>
                  <a:gd name="T48" fmla="*/ 240 w 258"/>
                  <a:gd name="T49" fmla="*/ 0 h 294"/>
                  <a:gd name="T50" fmla="*/ 258 w 258"/>
                  <a:gd name="T51" fmla="*/ 90 h 294"/>
                  <a:gd name="T52" fmla="*/ 258 w 258"/>
                  <a:gd name="T53" fmla="*/ 102 h 294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258"/>
                  <a:gd name="T82" fmla="*/ 0 h 294"/>
                  <a:gd name="T83" fmla="*/ 258 w 258"/>
                  <a:gd name="T84" fmla="*/ 294 h 294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258" h="294">
                    <a:moveTo>
                      <a:pt x="258" y="102"/>
                    </a:moveTo>
                    <a:lnTo>
                      <a:pt x="252" y="108"/>
                    </a:lnTo>
                    <a:lnTo>
                      <a:pt x="258" y="132"/>
                    </a:lnTo>
                    <a:lnTo>
                      <a:pt x="252" y="186"/>
                    </a:lnTo>
                    <a:lnTo>
                      <a:pt x="210" y="222"/>
                    </a:lnTo>
                    <a:lnTo>
                      <a:pt x="204" y="246"/>
                    </a:lnTo>
                    <a:lnTo>
                      <a:pt x="186" y="246"/>
                    </a:lnTo>
                    <a:lnTo>
                      <a:pt x="186" y="276"/>
                    </a:lnTo>
                    <a:lnTo>
                      <a:pt x="168" y="294"/>
                    </a:lnTo>
                    <a:lnTo>
                      <a:pt x="162" y="294"/>
                    </a:lnTo>
                    <a:lnTo>
                      <a:pt x="144" y="270"/>
                    </a:lnTo>
                    <a:lnTo>
                      <a:pt x="96" y="288"/>
                    </a:lnTo>
                    <a:lnTo>
                      <a:pt x="60" y="276"/>
                    </a:lnTo>
                    <a:lnTo>
                      <a:pt x="48" y="258"/>
                    </a:lnTo>
                    <a:lnTo>
                      <a:pt x="24" y="258"/>
                    </a:lnTo>
                    <a:lnTo>
                      <a:pt x="0" y="54"/>
                    </a:lnTo>
                    <a:lnTo>
                      <a:pt x="24" y="54"/>
                    </a:lnTo>
                    <a:lnTo>
                      <a:pt x="78" y="42"/>
                    </a:lnTo>
                    <a:lnTo>
                      <a:pt x="78" y="48"/>
                    </a:lnTo>
                    <a:lnTo>
                      <a:pt x="120" y="54"/>
                    </a:lnTo>
                    <a:lnTo>
                      <a:pt x="108" y="66"/>
                    </a:lnTo>
                    <a:lnTo>
                      <a:pt x="138" y="66"/>
                    </a:lnTo>
                    <a:lnTo>
                      <a:pt x="186" y="48"/>
                    </a:lnTo>
                    <a:lnTo>
                      <a:pt x="198" y="24"/>
                    </a:lnTo>
                    <a:lnTo>
                      <a:pt x="240" y="0"/>
                    </a:lnTo>
                    <a:lnTo>
                      <a:pt x="258" y="90"/>
                    </a:lnTo>
                    <a:lnTo>
                      <a:pt x="258" y="102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43" name="Freeform 470"/>
              <p:cNvSpPr>
                <a:spLocks noChangeAspect="1"/>
              </p:cNvSpPr>
              <p:nvPr/>
            </p:nvSpPr>
            <p:spPr bwMode="auto">
              <a:xfrm>
                <a:off x="3561" y="1806"/>
                <a:ext cx="258" cy="294"/>
              </a:xfrm>
              <a:custGeom>
                <a:avLst/>
                <a:gdLst>
                  <a:gd name="T0" fmla="*/ 258 w 258"/>
                  <a:gd name="T1" fmla="*/ 102 h 294"/>
                  <a:gd name="T2" fmla="*/ 252 w 258"/>
                  <a:gd name="T3" fmla="*/ 108 h 294"/>
                  <a:gd name="T4" fmla="*/ 258 w 258"/>
                  <a:gd name="T5" fmla="*/ 132 h 294"/>
                  <a:gd name="T6" fmla="*/ 252 w 258"/>
                  <a:gd name="T7" fmla="*/ 186 h 294"/>
                  <a:gd name="T8" fmla="*/ 210 w 258"/>
                  <a:gd name="T9" fmla="*/ 222 h 294"/>
                  <a:gd name="T10" fmla="*/ 204 w 258"/>
                  <a:gd name="T11" fmla="*/ 246 h 294"/>
                  <a:gd name="T12" fmla="*/ 186 w 258"/>
                  <a:gd name="T13" fmla="*/ 246 h 294"/>
                  <a:gd name="T14" fmla="*/ 186 w 258"/>
                  <a:gd name="T15" fmla="*/ 276 h 294"/>
                  <a:gd name="T16" fmla="*/ 168 w 258"/>
                  <a:gd name="T17" fmla="*/ 294 h 294"/>
                  <a:gd name="T18" fmla="*/ 162 w 258"/>
                  <a:gd name="T19" fmla="*/ 294 h 294"/>
                  <a:gd name="T20" fmla="*/ 144 w 258"/>
                  <a:gd name="T21" fmla="*/ 270 h 294"/>
                  <a:gd name="T22" fmla="*/ 96 w 258"/>
                  <a:gd name="T23" fmla="*/ 288 h 294"/>
                  <a:gd name="T24" fmla="*/ 60 w 258"/>
                  <a:gd name="T25" fmla="*/ 276 h 294"/>
                  <a:gd name="T26" fmla="*/ 48 w 258"/>
                  <a:gd name="T27" fmla="*/ 258 h 294"/>
                  <a:gd name="T28" fmla="*/ 24 w 258"/>
                  <a:gd name="T29" fmla="*/ 258 h 294"/>
                  <a:gd name="T30" fmla="*/ 0 w 258"/>
                  <a:gd name="T31" fmla="*/ 54 h 294"/>
                  <a:gd name="T32" fmla="*/ 24 w 258"/>
                  <a:gd name="T33" fmla="*/ 54 h 294"/>
                  <a:gd name="T34" fmla="*/ 78 w 258"/>
                  <a:gd name="T35" fmla="*/ 42 h 294"/>
                  <a:gd name="T36" fmla="*/ 78 w 258"/>
                  <a:gd name="T37" fmla="*/ 48 h 294"/>
                  <a:gd name="T38" fmla="*/ 120 w 258"/>
                  <a:gd name="T39" fmla="*/ 54 h 294"/>
                  <a:gd name="T40" fmla="*/ 108 w 258"/>
                  <a:gd name="T41" fmla="*/ 66 h 294"/>
                  <a:gd name="T42" fmla="*/ 138 w 258"/>
                  <a:gd name="T43" fmla="*/ 66 h 294"/>
                  <a:gd name="T44" fmla="*/ 186 w 258"/>
                  <a:gd name="T45" fmla="*/ 48 h 294"/>
                  <a:gd name="T46" fmla="*/ 198 w 258"/>
                  <a:gd name="T47" fmla="*/ 24 h 294"/>
                  <a:gd name="T48" fmla="*/ 240 w 258"/>
                  <a:gd name="T49" fmla="*/ 0 h 294"/>
                  <a:gd name="T50" fmla="*/ 258 w 258"/>
                  <a:gd name="T51" fmla="*/ 90 h 294"/>
                  <a:gd name="T52" fmla="*/ 258 w 258"/>
                  <a:gd name="T53" fmla="*/ 102 h 294"/>
                  <a:gd name="T54" fmla="*/ 258 w 258"/>
                  <a:gd name="T55" fmla="*/ 108 h 294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258"/>
                  <a:gd name="T85" fmla="*/ 0 h 294"/>
                  <a:gd name="T86" fmla="*/ 258 w 258"/>
                  <a:gd name="T87" fmla="*/ 294 h 294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258" h="294">
                    <a:moveTo>
                      <a:pt x="258" y="102"/>
                    </a:moveTo>
                    <a:lnTo>
                      <a:pt x="252" y="108"/>
                    </a:lnTo>
                    <a:lnTo>
                      <a:pt x="258" y="132"/>
                    </a:lnTo>
                    <a:lnTo>
                      <a:pt x="252" y="186"/>
                    </a:lnTo>
                    <a:lnTo>
                      <a:pt x="210" y="222"/>
                    </a:lnTo>
                    <a:lnTo>
                      <a:pt x="204" y="246"/>
                    </a:lnTo>
                    <a:lnTo>
                      <a:pt x="186" y="246"/>
                    </a:lnTo>
                    <a:lnTo>
                      <a:pt x="186" y="276"/>
                    </a:lnTo>
                    <a:lnTo>
                      <a:pt x="168" y="294"/>
                    </a:lnTo>
                    <a:lnTo>
                      <a:pt x="162" y="294"/>
                    </a:lnTo>
                    <a:lnTo>
                      <a:pt x="144" y="270"/>
                    </a:lnTo>
                    <a:lnTo>
                      <a:pt x="96" y="288"/>
                    </a:lnTo>
                    <a:lnTo>
                      <a:pt x="60" y="276"/>
                    </a:lnTo>
                    <a:lnTo>
                      <a:pt x="48" y="258"/>
                    </a:lnTo>
                    <a:lnTo>
                      <a:pt x="24" y="258"/>
                    </a:lnTo>
                    <a:lnTo>
                      <a:pt x="0" y="54"/>
                    </a:lnTo>
                    <a:lnTo>
                      <a:pt x="24" y="54"/>
                    </a:lnTo>
                    <a:lnTo>
                      <a:pt x="78" y="42"/>
                    </a:lnTo>
                    <a:lnTo>
                      <a:pt x="78" y="48"/>
                    </a:lnTo>
                    <a:lnTo>
                      <a:pt x="120" y="54"/>
                    </a:lnTo>
                    <a:lnTo>
                      <a:pt x="108" y="66"/>
                    </a:lnTo>
                    <a:lnTo>
                      <a:pt x="138" y="66"/>
                    </a:lnTo>
                    <a:lnTo>
                      <a:pt x="186" y="48"/>
                    </a:lnTo>
                    <a:lnTo>
                      <a:pt x="198" y="24"/>
                    </a:lnTo>
                    <a:lnTo>
                      <a:pt x="240" y="0"/>
                    </a:lnTo>
                    <a:lnTo>
                      <a:pt x="258" y="90"/>
                    </a:lnTo>
                    <a:lnTo>
                      <a:pt x="258" y="102"/>
                    </a:lnTo>
                    <a:lnTo>
                      <a:pt x="258" y="10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44" name="Freeform 471"/>
              <p:cNvSpPr>
                <a:spLocks noChangeAspect="1"/>
              </p:cNvSpPr>
              <p:nvPr/>
            </p:nvSpPr>
            <p:spPr bwMode="auto">
              <a:xfrm>
                <a:off x="2475" y="2250"/>
                <a:ext cx="534" cy="282"/>
              </a:xfrm>
              <a:custGeom>
                <a:avLst/>
                <a:gdLst>
                  <a:gd name="T0" fmla="*/ 522 w 534"/>
                  <a:gd name="T1" fmla="*/ 54 h 282"/>
                  <a:gd name="T2" fmla="*/ 534 w 534"/>
                  <a:gd name="T3" fmla="*/ 144 h 282"/>
                  <a:gd name="T4" fmla="*/ 534 w 534"/>
                  <a:gd name="T5" fmla="*/ 282 h 282"/>
                  <a:gd name="T6" fmla="*/ 486 w 534"/>
                  <a:gd name="T7" fmla="*/ 252 h 282"/>
                  <a:gd name="T8" fmla="*/ 414 w 534"/>
                  <a:gd name="T9" fmla="*/ 276 h 282"/>
                  <a:gd name="T10" fmla="*/ 396 w 534"/>
                  <a:gd name="T11" fmla="*/ 258 h 282"/>
                  <a:gd name="T12" fmla="*/ 384 w 534"/>
                  <a:gd name="T13" fmla="*/ 264 h 282"/>
                  <a:gd name="T14" fmla="*/ 378 w 534"/>
                  <a:gd name="T15" fmla="*/ 258 h 282"/>
                  <a:gd name="T16" fmla="*/ 366 w 534"/>
                  <a:gd name="T17" fmla="*/ 276 h 282"/>
                  <a:gd name="T18" fmla="*/ 360 w 534"/>
                  <a:gd name="T19" fmla="*/ 258 h 282"/>
                  <a:gd name="T20" fmla="*/ 348 w 534"/>
                  <a:gd name="T21" fmla="*/ 270 h 282"/>
                  <a:gd name="T22" fmla="*/ 330 w 534"/>
                  <a:gd name="T23" fmla="*/ 252 h 282"/>
                  <a:gd name="T24" fmla="*/ 318 w 534"/>
                  <a:gd name="T25" fmla="*/ 264 h 282"/>
                  <a:gd name="T26" fmla="*/ 300 w 534"/>
                  <a:gd name="T27" fmla="*/ 240 h 282"/>
                  <a:gd name="T28" fmla="*/ 276 w 534"/>
                  <a:gd name="T29" fmla="*/ 246 h 282"/>
                  <a:gd name="T30" fmla="*/ 234 w 534"/>
                  <a:gd name="T31" fmla="*/ 234 h 282"/>
                  <a:gd name="T32" fmla="*/ 222 w 534"/>
                  <a:gd name="T33" fmla="*/ 216 h 282"/>
                  <a:gd name="T34" fmla="*/ 204 w 534"/>
                  <a:gd name="T35" fmla="*/ 216 h 282"/>
                  <a:gd name="T36" fmla="*/ 180 w 534"/>
                  <a:gd name="T37" fmla="*/ 204 h 282"/>
                  <a:gd name="T38" fmla="*/ 192 w 534"/>
                  <a:gd name="T39" fmla="*/ 54 h 282"/>
                  <a:gd name="T40" fmla="*/ 0 w 534"/>
                  <a:gd name="T41" fmla="*/ 42 h 282"/>
                  <a:gd name="T42" fmla="*/ 6 w 534"/>
                  <a:gd name="T43" fmla="*/ 0 h 282"/>
                  <a:gd name="T44" fmla="*/ 66 w 534"/>
                  <a:gd name="T45" fmla="*/ 6 h 282"/>
                  <a:gd name="T46" fmla="*/ 522 w 534"/>
                  <a:gd name="T47" fmla="*/ 18 h 282"/>
                  <a:gd name="T48" fmla="*/ 522 w 534"/>
                  <a:gd name="T49" fmla="*/ 42 h 282"/>
                  <a:gd name="T50" fmla="*/ 522 w 534"/>
                  <a:gd name="T51" fmla="*/ 54 h 282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534"/>
                  <a:gd name="T79" fmla="*/ 0 h 282"/>
                  <a:gd name="T80" fmla="*/ 534 w 534"/>
                  <a:gd name="T81" fmla="*/ 282 h 282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534" h="282">
                    <a:moveTo>
                      <a:pt x="522" y="54"/>
                    </a:moveTo>
                    <a:lnTo>
                      <a:pt x="534" y="144"/>
                    </a:lnTo>
                    <a:lnTo>
                      <a:pt x="534" y="282"/>
                    </a:lnTo>
                    <a:lnTo>
                      <a:pt x="486" y="252"/>
                    </a:lnTo>
                    <a:lnTo>
                      <a:pt x="414" y="276"/>
                    </a:lnTo>
                    <a:lnTo>
                      <a:pt x="396" y="258"/>
                    </a:lnTo>
                    <a:lnTo>
                      <a:pt x="384" y="264"/>
                    </a:lnTo>
                    <a:lnTo>
                      <a:pt x="378" y="258"/>
                    </a:lnTo>
                    <a:lnTo>
                      <a:pt x="366" y="276"/>
                    </a:lnTo>
                    <a:lnTo>
                      <a:pt x="360" y="258"/>
                    </a:lnTo>
                    <a:lnTo>
                      <a:pt x="348" y="270"/>
                    </a:lnTo>
                    <a:lnTo>
                      <a:pt x="330" y="252"/>
                    </a:lnTo>
                    <a:lnTo>
                      <a:pt x="318" y="264"/>
                    </a:lnTo>
                    <a:lnTo>
                      <a:pt x="300" y="240"/>
                    </a:lnTo>
                    <a:lnTo>
                      <a:pt x="276" y="246"/>
                    </a:lnTo>
                    <a:lnTo>
                      <a:pt x="234" y="234"/>
                    </a:lnTo>
                    <a:lnTo>
                      <a:pt x="222" y="216"/>
                    </a:lnTo>
                    <a:lnTo>
                      <a:pt x="204" y="216"/>
                    </a:lnTo>
                    <a:lnTo>
                      <a:pt x="180" y="204"/>
                    </a:lnTo>
                    <a:lnTo>
                      <a:pt x="192" y="54"/>
                    </a:lnTo>
                    <a:lnTo>
                      <a:pt x="0" y="42"/>
                    </a:lnTo>
                    <a:lnTo>
                      <a:pt x="6" y="0"/>
                    </a:lnTo>
                    <a:lnTo>
                      <a:pt x="66" y="6"/>
                    </a:lnTo>
                    <a:lnTo>
                      <a:pt x="522" y="18"/>
                    </a:lnTo>
                    <a:lnTo>
                      <a:pt x="522" y="42"/>
                    </a:lnTo>
                    <a:lnTo>
                      <a:pt x="522" y="5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45" name="Freeform 472"/>
              <p:cNvSpPr>
                <a:spLocks noChangeAspect="1"/>
              </p:cNvSpPr>
              <p:nvPr/>
            </p:nvSpPr>
            <p:spPr bwMode="auto">
              <a:xfrm>
                <a:off x="2475" y="2250"/>
                <a:ext cx="534" cy="282"/>
              </a:xfrm>
              <a:custGeom>
                <a:avLst/>
                <a:gdLst>
                  <a:gd name="T0" fmla="*/ 522 w 534"/>
                  <a:gd name="T1" fmla="*/ 54 h 282"/>
                  <a:gd name="T2" fmla="*/ 534 w 534"/>
                  <a:gd name="T3" fmla="*/ 144 h 282"/>
                  <a:gd name="T4" fmla="*/ 534 w 534"/>
                  <a:gd name="T5" fmla="*/ 282 h 282"/>
                  <a:gd name="T6" fmla="*/ 486 w 534"/>
                  <a:gd name="T7" fmla="*/ 252 h 282"/>
                  <a:gd name="T8" fmla="*/ 414 w 534"/>
                  <a:gd name="T9" fmla="*/ 276 h 282"/>
                  <a:gd name="T10" fmla="*/ 396 w 534"/>
                  <a:gd name="T11" fmla="*/ 258 h 282"/>
                  <a:gd name="T12" fmla="*/ 384 w 534"/>
                  <a:gd name="T13" fmla="*/ 264 h 282"/>
                  <a:gd name="T14" fmla="*/ 378 w 534"/>
                  <a:gd name="T15" fmla="*/ 258 h 282"/>
                  <a:gd name="T16" fmla="*/ 366 w 534"/>
                  <a:gd name="T17" fmla="*/ 276 h 282"/>
                  <a:gd name="T18" fmla="*/ 360 w 534"/>
                  <a:gd name="T19" fmla="*/ 258 h 282"/>
                  <a:gd name="T20" fmla="*/ 348 w 534"/>
                  <a:gd name="T21" fmla="*/ 270 h 282"/>
                  <a:gd name="T22" fmla="*/ 330 w 534"/>
                  <a:gd name="T23" fmla="*/ 252 h 282"/>
                  <a:gd name="T24" fmla="*/ 318 w 534"/>
                  <a:gd name="T25" fmla="*/ 264 h 282"/>
                  <a:gd name="T26" fmla="*/ 300 w 534"/>
                  <a:gd name="T27" fmla="*/ 240 h 282"/>
                  <a:gd name="T28" fmla="*/ 276 w 534"/>
                  <a:gd name="T29" fmla="*/ 246 h 282"/>
                  <a:gd name="T30" fmla="*/ 234 w 534"/>
                  <a:gd name="T31" fmla="*/ 234 h 282"/>
                  <a:gd name="T32" fmla="*/ 222 w 534"/>
                  <a:gd name="T33" fmla="*/ 216 h 282"/>
                  <a:gd name="T34" fmla="*/ 204 w 534"/>
                  <a:gd name="T35" fmla="*/ 216 h 282"/>
                  <a:gd name="T36" fmla="*/ 180 w 534"/>
                  <a:gd name="T37" fmla="*/ 204 h 282"/>
                  <a:gd name="T38" fmla="*/ 192 w 534"/>
                  <a:gd name="T39" fmla="*/ 54 h 282"/>
                  <a:gd name="T40" fmla="*/ 0 w 534"/>
                  <a:gd name="T41" fmla="*/ 42 h 282"/>
                  <a:gd name="T42" fmla="*/ 6 w 534"/>
                  <a:gd name="T43" fmla="*/ 0 h 282"/>
                  <a:gd name="T44" fmla="*/ 66 w 534"/>
                  <a:gd name="T45" fmla="*/ 6 h 282"/>
                  <a:gd name="T46" fmla="*/ 522 w 534"/>
                  <a:gd name="T47" fmla="*/ 18 h 282"/>
                  <a:gd name="T48" fmla="*/ 522 w 534"/>
                  <a:gd name="T49" fmla="*/ 42 h 282"/>
                  <a:gd name="T50" fmla="*/ 522 w 534"/>
                  <a:gd name="T51" fmla="*/ 54 h 282"/>
                  <a:gd name="T52" fmla="*/ 522 w 534"/>
                  <a:gd name="T53" fmla="*/ 60 h 282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534"/>
                  <a:gd name="T82" fmla="*/ 0 h 282"/>
                  <a:gd name="T83" fmla="*/ 534 w 534"/>
                  <a:gd name="T84" fmla="*/ 282 h 282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534" h="282">
                    <a:moveTo>
                      <a:pt x="522" y="54"/>
                    </a:moveTo>
                    <a:lnTo>
                      <a:pt x="534" y="144"/>
                    </a:lnTo>
                    <a:lnTo>
                      <a:pt x="534" y="282"/>
                    </a:lnTo>
                    <a:lnTo>
                      <a:pt x="486" y="252"/>
                    </a:lnTo>
                    <a:lnTo>
                      <a:pt x="414" y="276"/>
                    </a:lnTo>
                    <a:lnTo>
                      <a:pt x="396" y="258"/>
                    </a:lnTo>
                    <a:lnTo>
                      <a:pt x="384" y="264"/>
                    </a:lnTo>
                    <a:lnTo>
                      <a:pt x="378" y="258"/>
                    </a:lnTo>
                    <a:lnTo>
                      <a:pt x="366" y="276"/>
                    </a:lnTo>
                    <a:lnTo>
                      <a:pt x="360" y="258"/>
                    </a:lnTo>
                    <a:lnTo>
                      <a:pt x="348" y="270"/>
                    </a:lnTo>
                    <a:lnTo>
                      <a:pt x="330" y="252"/>
                    </a:lnTo>
                    <a:lnTo>
                      <a:pt x="318" y="264"/>
                    </a:lnTo>
                    <a:lnTo>
                      <a:pt x="300" y="240"/>
                    </a:lnTo>
                    <a:lnTo>
                      <a:pt x="276" y="246"/>
                    </a:lnTo>
                    <a:lnTo>
                      <a:pt x="234" y="234"/>
                    </a:lnTo>
                    <a:lnTo>
                      <a:pt x="222" y="216"/>
                    </a:lnTo>
                    <a:lnTo>
                      <a:pt x="204" y="216"/>
                    </a:lnTo>
                    <a:lnTo>
                      <a:pt x="180" y="204"/>
                    </a:lnTo>
                    <a:lnTo>
                      <a:pt x="192" y="54"/>
                    </a:lnTo>
                    <a:lnTo>
                      <a:pt x="0" y="42"/>
                    </a:lnTo>
                    <a:lnTo>
                      <a:pt x="6" y="0"/>
                    </a:lnTo>
                    <a:lnTo>
                      <a:pt x="66" y="6"/>
                    </a:lnTo>
                    <a:lnTo>
                      <a:pt x="522" y="18"/>
                    </a:lnTo>
                    <a:lnTo>
                      <a:pt x="522" y="42"/>
                    </a:lnTo>
                    <a:lnTo>
                      <a:pt x="522" y="54"/>
                    </a:lnTo>
                    <a:lnTo>
                      <a:pt x="522" y="6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46" name="Freeform 473"/>
              <p:cNvSpPr>
                <a:spLocks noChangeAspect="1"/>
              </p:cNvSpPr>
              <p:nvPr/>
            </p:nvSpPr>
            <p:spPr bwMode="auto">
              <a:xfrm>
                <a:off x="1311" y="1326"/>
                <a:ext cx="492" cy="414"/>
              </a:xfrm>
              <a:custGeom>
                <a:avLst/>
                <a:gdLst>
                  <a:gd name="T0" fmla="*/ 234 w 492"/>
                  <a:gd name="T1" fmla="*/ 372 h 414"/>
                  <a:gd name="T2" fmla="*/ 0 w 492"/>
                  <a:gd name="T3" fmla="*/ 312 h 414"/>
                  <a:gd name="T4" fmla="*/ 0 w 492"/>
                  <a:gd name="T5" fmla="*/ 240 h 414"/>
                  <a:gd name="T6" fmla="*/ 42 w 492"/>
                  <a:gd name="T7" fmla="*/ 186 h 414"/>
                  <a:gd name="T8" fmla="*/ 96 w 492"/>
                  <a:gd name="T9" fmla="*/ 54 h 414"/>
                  <a:gd name="T10" fmla="*/ 108 w 492"/>
                  <a:gd name="T11" fmla="*/ 0 h 414"/>
                  <a:gd name="T12" fmla="*/ 138 w 492"/>
                  <a:gd name="T13" fmla="*/ 6 h 414"/>
                  <a:gd name="T14" fmla="*/ 132 w 492"/>
                  <a:gd name="T15" fmla="*/ 12 h 414"/>
                  <a:gd name="T16" fmla="*/ 162 w 492"/>
                  <a:gd name="T17" fmla="*/ 30 h 414"/>
                  <a:gd name="T18" fmla="*/ 156 w 492"/>
                  <a:gd name="T19" fmla="*/ 66 h 414"/>
                  <a:gd name="T20" fmla="*/ 180 w 492"/>
                  <a:gd name="T21" fmla="*/ 78 h 414"/>
                  <a:gd name="T22" fmla="*/ 210 w 492"/>
                  <a:gd name="T23" fmla="*/ 72 h 414"/>
                  <a:gd name="T24" fmla="*/ 240 w 492"/>
                  <a:gd name="T25" fmla="*/ 90 h 414"/>
                  <a:gd name="T26" fmla="*/ 366 w 492"/>
                  <a:gd name="T27" fmla="*/ 90 h 414"/>
                  <a:gd name="T28" fmla="*/ 474 w 492"/>
                  <a:gd name="T29" fmla="*/ 114 h 414"/>
                  <a:gd name="T30" fmla="*/ 492 w 492"/>
                  <a:gd name="T31" fmla="*/ 150 h 414"/>
                  <a:gd name="T32" fmla="*/ 432 w 492"/>
                  <a:gd name="T33" fmla="*/ 234 h 414"/>
                  <a:gd name="T34" fmla="*/ 444 w 492"/>
                  <a:gd name="T35" fmla="*/ 252 h 414"/>
                  <a:gd name="T36" fmla="*/ 402 w 492"/>
                  <a:gd name="T37" fmla="*/ 414 h 414"/>
                  <a:gd name="T38" fmla="*/ 270 w 492"/>
                  <a:gd name="T39" fmla="*/ 384 h 414"/>
                  <a:gd name="T40" fmla="*/ 234 w 492"/>
                  <a:gd name="T41" fmla="*/ 372 h 414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w 492"/>
                  <a:gd name="T64" fmla="*/ 0 h 414"/>
                  <a:gd name="T65" fmla="*/ 492 w 492"/>
                  <a:gd name="T66" fmla="*/ 414 h 414"/>
                </a:gdLst>
                <a:ahLst/>
                <a:cxnLst>
                  <a:cxn ang="T42">
                    <a:pos x="T0" y="T1"/>
                  </a:cxn>
                  <a:cxn ang="T43">
                    <a:pos x="T2" y="T3"/>
                  </a:cxn>
                  <a:cxn ang="T44">
                    <a:pos x="T4" y="T5"/>
                  </a:cxn>
                  <a:cxn ang="T45">
                    <a:pos x="T6" y="T7"/>
                  </a:cxn>
                  <a:cxn ang="T46">
                    <a:pos x="T8" y="T9"/>
                  </a:cxn>
                  <a:cxn ang="T47">
                    <a:pos x="T10" y="T11"/>
                  </a:cxn>
                  <a:cxn ang="T48">
                    <a:pos x="T12" y="T13"/>
                  </a:cxn>
                  <a:cxn ang="T49">
                    <a:pos x="T14" y="T15"/>
                  </a:cxn>
                  <a:cxn ang="T50">
                    <a:pos x="T16" y="T17"/>
                  </a:cxn>
                  <a:cxn ang="T51">
                    <a:pos x="T18" y="T19"/>
                  </a:cxn>
                  <a:cxn ang="T52">
                    <a:pos x="T20" y="T21"/>
                  </a:cxn>
                  <a:cxn ang="T53">
                    <a:pos x="T22" y="T23"/>
                  </a:cxn>
                  <a:cxn ang="T54">
                    <a:pos x="T24" y="T25"/>
                  </a:cxn>
                  <a:cxn ang="T55">
                    <a:pos x="T26" y="T27"/>
                  </a:cxn>
                  <a:cxn ang="T56">
                    <a:pos x="T28" y="T29"/>
                  </a:cxn>
                  <a:cxn ang="T57">
                    <a:pos x="T30" y="T31"/>
                  </a:cxn>
                  <a:cxn ang="T58">
                    <a:pos x="T32" y="T33"/>
                  </a:cxn>
                  <a:cxn ang="T59">
                    <a:pos x="T34" y="T35"/>
                  </a:cxn>
                  <a:cxn ang="T60">
                    <a:pos x="T36" y="T37"/>
                  </a:cxn>
                  <a:cxn ang="T61">
                    <a:pos x="T38" y="T39"/>
                  </a:cxn>
                  <a:cxn ang="T62">
                    <a:pos x="T40" y="T41"/>
                  </a:cxn>
                </a:cxnLst>
                <a:rect l="T63" t="T64" r="T65" b="T66"/>
                <a:pathLst>
                  <a:path w="492" h="414">
                    <a:moveTo>
                      <a:pt x="234" y="372"/>
                    </a:moveTo>
                    <a:lnTo>
                      <a:pt x="0" y="312"/>
                    </a:lnTo>
                    <a:lnTo>
                      <a:pt x="0" y="240"/>
                    </a:lnTo>
                    <a:lnTo>
                      <a:pt x="42" y="186"/>
                    </a:lnTo>
                    <a:lnTo>
                      <a:pt x="96" y="54"/>
                    </a:lnTo>
                    <a:lnTo>
                      <a:pt x="108" y="0"/>
                    </a:lnTo>
                    <a:lnTo>
                      <a:pt x="138" y="6"/>
                    </a:lnTo>
                    <a:lnTo>
                      <a:pt x="132" y="12"/>
                    </a:lnTo>
                    <a:lnTo>
                      <a:pt x="162" y="30"/>
                    </a:lnTo>
                    <a:lnTo>
                      <a:pt x="156" y="66"/>
                    </a:lnTo>
                    <a:lnTo>
                      <a:pt x="180" y="78"/>
                    </a:lnTo>
                    <a:lnTo>
                      <a:pt x="210" y="72"/>
                    </a:lnTo>
                    <a:lnTo>
                      <a:pt x="240" y="90"/>
                    </a:lnTo>
                    <a:lnTo>
                      <a:pt x="366" y="90"/>
                    </a:lnTo>
                    <a:lnTo>
                      <a:pt x="474" y="114"/>
                    </a:lnTo>
                    <a:lnTo>
                      <a:pt x="492" y="150"/>
                    </a:lnTo>
                    <a:lnTo>
                      <a:pt x="432" y="234"/>
                    </a:lnTo>
                    <a:lnTo>
                      <a:pt x="444" y="252"/>
                    </a:lnTo>
                    <a:lnTo>
                      <a:pt x="402" y="414"/>
                    </a:lnTo>
                    <a:lnTo>
                      <a:pt x="270" y="384"/>
                    </a:lnTo>
                    <a:lnTo>
                      <a:pt x="234" y="37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47" name="Freeform 474"/>
              <p:cNvSpPr>
                <a:spLocks noChangeAspect="1"/>
              </p:cNvSpPr>
              <p:nvPr/>
            </p:nvSpPr>
            <p:spPr bwMode="auto">
              <a:xfrm>
                <a:off x="1311" y="1326"/>
                <a:ext cx="492" cy="414"/>
              </a:xfrm>
              <a:custGeom>
                <a:avLst/>
                <a:gdLst>
                  <a:gd name="T0" fmla="*/ 234 w 492"/>
                  <a:gd name="T1" fmla="*/ 372 h 414"/>
                  <a:gd name="T2" fmla="*/ 0 w 492"/>
                  <a:gd name="T3" fmla="*/ 312 h 414"/>
                  <a:gd name="T4" fmla="*/ 0 w 492"/>
                  <a:gd name="T5" fmla="*/ 240 h 414"/>
                  <a:gd name="T6" fmla="*/ 42 w 492"/>
                  <a:gd name="T7" fmla="*/ 186 h 414"/>
                  <a:gd name="T8" fmla="*/ 96 w 492"/>
                  <a:gd name="T9" fmla="*/ 54 h 414"/>
                  <a:gd name="T10" fmla="*/ 108 w 492"/>
                  <a:gd name="T11" fmla="*/ 0 h 414"/>
                  <a:gd name="T12" fmla="*/ 138 w 492"/>
                  <a:gd name="T13" fmla="*/ 6 h 414"/>
                  <a:gd name="T14" fmla="*/ 132 w 492"/>
                  <a:gd name="T15" fmla="*/ 12 h 414"/>
                  <a:gd name="T16" fmla="*/ 162 w 492"/>
                  <a:gd name="T17" fmla="*/ 30 h 414"/>
                  <a:gd name="T18" fmla="*/ 156 w 492"/>
                  <a:gd name="T19" fmla="*/ 66 h 414"/>
                  <a:gd name="T20" fmla="*/ 180 w 492"/>
                  <a:gd name="T21" fmla="*/ 78 h 414"/>
                  <a:gd name="T22" fmla="*/ 210 w 492"/>
                  <a:gd name="T23" fmla="*/ 72 h 414"/>
                  <a:gd name="T24" fmla="*/ 240 w 492"/>
                  <a:gd name="T25" fmla="*/ 90 h 414"/>
                  <a:gd name="T26" fmla="*/ 366 w 492"/>
                  <a:gd name="T27" fmla="*/ 90 h 414"/>
                  <a:gd name="T28" fmla="*/ 474 w 492"/>
                  <a:gd name="T29" fmla="*/ 114 h 414"/>
                  <a:gd name="T30" fmla="*/ 492 w 492"/>
                  <a:gd name="T31" fmla="*/ 150 h 414"/>
                  <a:gd name="T32" fmla="*/ 432 w 492"/>
                  <a:gd name="T33" fmla="*/ 234 h 414"/>
                  <a:gd name="T34" fmla="*/ 444 w 492"/>
                  <a:gd name="T35" fmla="*/ 252 h 414"/>
                  <a:gd name="T36" fmla="*/ 402 w 492"/>
                  <a:gd name="T37" fmla="*/ 414 h 414"/>
                  <a:gd name="T38" fmla="*/ 270 w 492"/>
                  <a:gd name="T39" fmla="*/ 384 h 414"/>
                  <a:gd name="T40" fmla="*/ 234 w 492"/>
                  <a:gd name="T41" fmla="*/ 372 h 414"/>
                  <a:gd name="T42" fmla="*/ 234 w 492"/>
                  <a:gd name="T43" fmla="*/ 378 h 414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492"/>
                  <a:gd name="T67" fmla="*/ 0 h 414"/>
                  <a:gd name="T68" fmla="*/ 492 w 492"/>
                  <a:gd name="T69" fmla="*/ 414 h 414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492" h="414">
                    <a:moveTo>
                      <a:pt x="234" y="372"/>
                    </a:moveTo>
                    <a:lnTo>
                      <a:pt x="0" y="312"/>
                    </a:lnTo>
                    <a:lnTo>
                      <a:pt x="0" y="240"/>
                    </a:lnTo>
                    <a:lnTo>
                      <a:pt x="42" y="186"/>
                    </a:lnTo>
                    <a:lnTo>
                      <a:pt x="96" y="54"/>
                    </a:lnTo>
                    <a:lnTo>
                      <a:pt x="108" y="0"/>
                    </a:lnTo>
                    <a:lnTo>
                      <a:pt x="138" y="6"/>
                    </a:lnTo>
                    <a:lnTo>
                      <a:pt x="132" y="12"/>
                    </a:lnTo>
                    <a:lnTo>
                      <a:pt x="162" y="30"/>
                    </a:lnTo>
                    <a:lnTo>
                      <a:pt x="156" y="66"/>
                    </a:lnTo>
                    <a:lnTo>
                      <a:pt x="180" y="78"/>
                    </a:lnTo>
                    <a:lnTo>
                      <a:pt x="210" y="72"/>
                    </a:lnTo>
                    <a:lnTo>
                      <a:pt x="240" y="90"/>
                    </a:lnTo>
                    <a:lnTo>
                      <a:pt x="366" y="90"/>
                    </a:lnTo>
                    <a:lnTo>
                      <a:pt x="474" y="114"/>
                    </a:lnTo>
                    <a:lnTo>
                      <a:pt x="492" y="150"/>
                    </a:lnTo>
                    <a:lnTo>
                      <a:pt x="432" y="234"/>
                    </a:lnTo>
                    <a:lnTo>
                      <a:pt x="444" y="252"/>
                    </a:lnTo>
                    <a:lnTo>
                      <a:pt x="402" y="414"/>
                    </a:lnTo>
                    <a:lnTo>
                      <a:pt x="270" y="384"/>
                    </a:lnTo>
                    <a:lnTo>
                      <a:pt x="234" y="372"/>
                    </a:lnTo>
                    <a:lnTo>
                      <a:pt x="234" y="37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48" name="Freeform 475"/>
              <p:cNvSpPr>
                <a:spLocks noChangeAspect="1"/>
              </p:cNvSpPr>
              <p:nvPr/>
            </p:nvSpPr>
            <p:spPr bwMode="auto">
              <a:xfrm>
                <a:off x="3801" y="1752"/>
                <a:ext cx="360" cy="228"/>
              </a:xfrm>
              <a:custGeom>
                <a:avLst/>
                <a:gdLst>
                  <a:gd name="T0" fmla="*/ 42 w 360"/>
                  <a:gd name="T1" fmla="*/ 30 h 228"/>
                  <a:gd name="T2" fmla="*/ 48 w 360"/>
                  <a:gd name="T3" fmla="*/ 48 h 228"/>
                  <a:gd name="T4" fmla="*/ 294 w 360"/>
                  <a:gd name="T5" fmla="*/ 0 h 228"/>
                  <a:gd name="T6" fmla="*/ 324 w 360"/>
                  <a:gd name="T7" fmla="*/ 30 h 228"/>
                  <a:gd name="T8" fmla="*/ 342 w 360"/>
                  <a:gd name="T9" fmla="*/ 42 h 228"/>
                  <a:gd name="T10" fmla="*/ 324 w 360"/>
                  <a:gd name="T11" fmla="*/ 72 h 228"/>
                  <a:gd name="T12" fmla="*/ 330 w 360"/>
                  <a:gd name="T13" fmla="*/ 102 h 228"/>
                  <a:gd name="T14" fmla="*/ 360 w 360"/>
                  <a:gd name="T15" fmla="*/ 132 h 228"/>
                  <a:gd name="T16" fmla="*/ 330 w 360"/>
                  <a:gd name="T17" fmla="*/ 168 h 228"/>
                  <a:gd name="T18" fmla="*/ 306 w 360"/>
                  <a:gd name="T19" fmla="*/ 180 h 228"/>
                  <a:gd name="T20" fmla="*/ 288 w 360"/>
                  <a:gd name="T21" fmla="*/ 180 h 228"/>
                  <a:gd name="T22" fmla="*/ 90 w 360"/>
                  <a:gd name="T23" fmla="*/ 222 h 228"/>
                  <a:gd name="T24" fmla="*/ 78 w 360"/>
                  <a:gd name="T25" fmla="*/ 222 h 228"/>
                  <a:gd name="T26" fmla="*/ 30 w 360"/>
                  <a:gd name="T27" fmla="*/ 228 h 228"/>
                  <a:gd name="T28" fmla="*/ 18 w 360"/>
                  <a:gd name="T29" fmla="*/ 156 h 228"/>
                  <a:gd name="T30" fmla="*/ 18 w 360"/>
                  <a:gd name="T31" fmla="*/ 144 h 228"/>
                  <a:gd name="T32" fmla="*/ 0 w 360"/>
                  <a:gd name="T33" fmla="*/ 54 h 228"/>
                  <a:gd name="T34" fmla="*/ 42 w 360"/>
                  <a:gd name="T35" fmla="*/ 30 h 228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360"/>
                  <a:gd name="T55" fmla="*/ 0 h 228"/>
                  <a:gd name="T56" fmla="*/ 360 w 360"/>
                  <a:gd name="T57" fmla="*/ 228 h 228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360" h="228">
                    <a:moveTo>
                      <a:pt x="42" y="30"/>
                    </a:moveTo>
                    <a:lnTo>
                      <a:pt x="48" y="48"/>
                    </a:lnTo>
                    <a:lnTo>
                      <a:pt x="294" y="0"/>
                    </a:lnTo>
                    <a:lnTo>
                      <a:pt x="324" y="30"/>
                    </a:lnTo>
                    <a:lnTo>
                      <a:pt x="342" y="42"/>
                    </a:lnTo>
                    <a:lnTo>
                      <a:pt x="324" y="72"/>
                    </a:lnTo>
                    <a:lnTo>
                      <a:pt x="330" y="102"/>
                    </a:lnTo>
                    <a:lnTo>
                      <a:pt x="360" y="132"/>
                    </a:lnTo>
                    <a:lnTo>
                      <a:pt x="330" y="168"/>
                    </a:lnTo>
                    <a:lnTo>
                      <a:pt x="306" y="180"/>
                    </a:lnTo>
                    <a:lnTo>
                      <a:pt x="288" y="180"/>
                    </a:lnTo>
                    <a:lnTo>
                      <a:pt x="90" y="222"/>
                    </a:lnTo>
                    <a:lnTo>
                      <a:pt x="78" y="222"/>
                    </a:lnTo>
                    <a:lnTo>
                      <a:pt x="30" y="228"/>
                    </a:lnTo>
                    <a:lnTo>
                      <a:pt x="18" y="156"/>
                    </a:lnTo>
                    <a:lnTo>
                      <a:pt x="18" y="144"/>
                    </a:lnTo>
                    <a:lnTo>
                      <a:pt x="0" y="54"/>
                    </a:lnTo>
                    <a:lnTo>
                      <a:pt x="42" y="3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49" name="Freeform 476"/>
              <p:cNvSpPr>
                <a:spLocks noChangeAspect="1"/>
              </p:cNvSpPr>
              <p:nvPr/>
            </p:nvSpPr>
            <p:spPr bwMode="auto">
              <a:xfrm>
                <a:off x="3801" y="1752"/>
                <a:ext cx="360" cy="228"/>
              </a:xfrm>
              <a:custGeom>
                <a:avLst/>
                <a:gdLst>
                  <a:gd name="T0" fmla="*/ 42 w 360"/>
                  <a:gd name="T1" fmla="*/ 30 h 228"/>
                  <a:gd name="T2" fmla="*/ 48 w 360"/>
                  <a:gd name="T3" fmla="*/ 48 h 228"/>
                  <a:gd name="T4" fmla="*/ 294 w 360"/>
                  <a:gd name="T5" fmla="*/ 0 h 228"/>
                  <a:gd name="T6" fmla="*/ 324 w 360"/>
                  <a:gd name="T7" fmla="*/ 30 h 228"/>
                  <a:gd name="T8" fmla="*/ 342 w 360"/>
                  <a:gd name="T9" fmla="*/ 42 h 228"/>
                  <a:gd name="T10" fmla="*/ 324 w 360"/>
                  <a:gd name="T11" fmla="*/ 72 h 228"/>
                  <a:gd name="T12" fmla="*/ 330 w 360"/>
                  <a:gd name="T13" fmla="*/ 102 h 228"/>
                  <a:gd name="T14" fmla="*/ 360 w 360"/>
                  <a:gd name="T15" fmla="*/ 132 h 228"/>
                  <a:gd name="T16" fmla="*/ 330 w 360"/>
                  <a:gd name="T17" fmla="*/ 168 h 228"/>
                  <a:gd name="T18" fmla="*/ 306 w 360"/>
                  <a:gd name="T19" fmla="*/ 180 h 228"/>
                  <a:gd name="T20" fmla="*/ 288 w 360"/>
                  <a:gd name="T21" fmla="*/ 180 h 228"/>
                  <a:gd name="T22" fmla="*/ 90 w 360"/>
                  <a:gd name="T23" fmla="*/ 222 h 228"/>
                  <a:gd name="T24" fmla="*/ 78 w 360"/>
                  <a:gd name="T25" fmla="*/ 222 h 228"/>
                  <a:gd name="T26" fmla="*/ 30 w 360"/>
                  <a:gd name="T27" fmla="*/ 228 h 228"/>
                  <a:gd name="T28" fmla="*/ 18 w 360"/>
                  <a:gd name="T29" fmla="*/ 156 h 228"/>
                  <a:gd name="T30" fmla="*/ 18 w 360"/>
                  <a:gd name="T31" fmla="*/ 144 h 228"/>
                  <a:gd name="T32" fmla="*/ 0 w 360"/>
                  <a:gd name="T33" fmla="*/ 54 h 228"/>
                  <a:gd name="T34" fmla="*/ 42 w 360"/>
                  <a:gd name="T35" fmla="*/ 30 h 228"/>
                  <a:gd name="T36" fmla="*/ 42 w 360"/>
                  <a:gd name="T37" fmla="*/ 36 h 228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360"/>
                  <a:gd name="T58" fmla="*/ 0 h 228"/>
                  <a:gd name="T59" fmla="*/ 360 w 360"/>
                  <a:gd name="T60" fmla="*/ 228 h 228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360" h="228">
                    <a:moveTo>
                      <a:pt x="42" y="30"/>
                    </a:moveTo>
                    <a:lnTo>
                      <a:pt x="48" y="48"/>
                    </a:lnTo>
                    <a:lnTo>
                      <a:pt x="294" y="0"/>
                    </a:lnTo>
                    <a:lnTo>
                      <a:pt x="324" y="30"/>
                    </a:lnTo>
                    <a:lnTo>
                      <a:pt x="342" y="42"/>
                    </a:lnTo>
                    <a:lnTo>
                      <a:pt x="324" y="72"/>
                    </a:lnTo>
                    <a:lnTo>
                      <a:pt x="330" y="102"/>
                    </a:lnTo>
                    <a:lnTo>
                      <a:pt x="360" y="132"/>
                    </a:lnTo>
                    <a:lnTo>
                      <a:pt x="330" y="168"/>
                    </a:lnTo>
                    <a:lnTo>
                      <a:pt x="306" y="180"/>
                    </a:lnTo>
                    <a:lnTo>
                      <a:pt x="288" y="180"/>
                    </a:lnTo>
                    <a:lnTo>
                      <a:pt x="90" y="222"/>
                    </a:lnTo>
                    <a:lnTo>
                      <a:pt x="78" y="222"/>
                    </a:lnTo>
                    <a:lnTo>
                      <a:pt x="30" y="228"/>
                    </a:lnTo>
                    <a:lnTo>
                      <a:pt x="18" y="156"/>
                    </a:lnTo>
                    <a:lnTo>
                      <a:pt x="18" y="144"/>
                    </a:lnTo>
                    <a:lnTo>
                      <a:pt x="0" y="54"/>
                    </a:lnTo>
                    <a:lnTo>
                      <a:pt x="42" y="30"/>
                    </a:lnTo>
                    <a:lnTo>
                      <a:pt x="42" y="3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50" name="Freeform 477"/>
              <p:cNvSpPr>
                <a:spLocks noChangeAspect="1"/>
              </p:cNvSpPr>
              <p:nvPr/>
            </p:nvSpPr>
            <p:spPr bwMode="auto">
              <a:xfrm>
                <a:off x="4299" y="1698"/>
                <a:ext cx="48" cy="54"/>
              </a:xfrm>
              <a:custGeom>
                <a:avLst/>
                <a:gdLst>
                  <a:gd name="T0" fmla="*/ 48 w 48"/>
                  <a:gd name="T1" fmla="*/ 30 h 54"/>
                  <a:gd name="T2" fmla="*/ 36 w 48"/>
                  <a:gd name="T3" fmla="*/ 42 h 54"/>
                  <a:gd name="T4" fmla="*/ 30 w 48"/>
                  <a:gd name="T5" fmla="*/ 24 h 54"/>
                  <a:gd name="T6" fmla="*/ 30 w 48"/>
                  <a:gd name="T7" fmla="*/ 48 h 54"/>
                  <a:gd name="T8" fmla="*/ 6 w 48"/>
                  <a:gd name="T9" fmla="*/ 54 h 54"/>
                  <a:gd name="T10" fmla="*/ 0 w 48"/>
                  <a:gd name="T11" fmla="*/ 6 h 54"/>
                  <a:gd name="T12" fmla="*/ 18 w 48"/>
                  <a:gd name="T13" fmla="*/ 0 h 54"/>
                  <a:gd name="T14" fmla="*/ 42 w 48"/>
                  <a:gd name="T15" fmla="*/ 24 h 54"/>
                  <a:gd name="T16" fmla="*/ 48 w 48"/>
                  <a:gd name="T17" fmla="*/ 30 h 54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48"/>
                  <a:gd name="T28" fmla="*/ 0 h 54"/>
                  <a:gd name="T29" fmla="*/ 48 w 48"/>
                  <a:gd name="T30" fmla="*/ 54 h 54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48" h="54">
                    <a:moveTo>
                      <a:pt x="48" y="30"/>
                    </a:moveTo>
                    <a:lnTo>
                      <a:pt x="36" y="42"/>
                    </a:lnTo>
                    <a:lnTo>
                      <a:pt x="30" y="24"/>
                    </a:lnTo>
                    <a:lnTo>
                      <a:pt x="30" y="48"/>
                    </a:lnTo>
                    <a:lnTo>
                      <a:pt x="6" y="54"/>
                    </a:lnTo>
                    <a:lnTo>
                      <a:pt x="0" y="6"/>
                    </a:lnTo>
                    <a:lnTo>
                      <a:pt x="18" y="0"/>
                    </a:lnTo>
                    <a:lnTo>
                      <a:pt x="42" y="24"/>
                    </a:lnTo>
                    <a:lnTo>
                      <a:pt x="48" y="30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51" name="Freeform 478"/>
              <p:cNvSpPr>
                <a:spLocks noChangeAspect="1"/>
              </p:cNvSpPr>
              <p:nvPr/>
            </p:nvSpPr>
            <p:spPr bwMode="auto">
              <a:xfrm>
                <a:off x="4299" y="1698"/>
                <a:ext cx="48" cy="54"/>
              </a:xfrm>
              <a:custGeom>
                <a:avLst/>
                <a:gdLst>
                  <a:gd name="T0" fmla="*/ 48 w 48"/>
                  <a:gd name="T1" fmla="*/ 30 h 54"/>
                  <a:gd name="T2" fmla="*/ 36 w 48"/>
                  <a:gd name="T3" fmla="*/ 42 h 54"/>
                  <a:gd name="T4" fmla="*/ 30 w 48"/>
                  <a:gd name="T5" fmla="*/ 24 h 54"/>
                  <a:gd name="T6" fmla="*/ 30 w 48"/>
                  <a:gd name="T7" fmla="*/ 48 h 54"/>
                  <a:gd name="T8" fmla="*/ 6 w 48"/>
                  <a:gd name="T9" fmla="*/ 54 h 54"/>
                  <a:gd name="T10" fmla="*/ 0 w 48"/>
                  <a:gd name="T11" fmla="*/ 6 h 54"/>
                  <a:gd name="T12" fmla="*/ 18 w 48"/>
                  <a:gd name="T13" fmla="*/ 0 h 54"/>
                  <a:gd name="T14" fmla="*/ 42 w 48"/>
                  <a:gd name="T15" fmla="*/ 24 h 54"/>
                  <a:gd name="T16" fmla="*/ 48 w 48"/>
                  <a:gd name="T17" fmla="*/ 30 h 54"/>
                  <a:gd name="T18" fmla="*/ 48 w 48"/>
                  <a:gd name="T19" fmla="*/ 36 h 54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48"/>
                  <a:gd name="T31" fmla="*/ 0 h 54"/>
                  <a:gd name="T32" fmla="*/ 48 w 48"/>
                  <a:gd name="T33" fmla="*/ 54 h 54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48" h="54">
                    <a:moveTo>
                      <a:pt x="48" y="30"/>
                    </a:moveTo>
                    <a:lnTo>
                      <a:pt x="36" y="42"/>
                    </a:lnTo>
                    <a:lnTo>
                      <a:pt x="30" y="24"/>
                    </a:lnTo>
                    <a:lnTo>
                      <a:pt x="30" y="48"/>
                    </a:lnTo>
                    <a:lnTo>
                      <a:pt x="6" y="54"/>
                    </a:lnTo>
                    <a:lnTo>
                      <a:pt x="0" y="6"/>
                    </a:lnTo>
                    <a:lnTo>
                      <a:pt x="18" y="0"/>
                    </a:lnTo>
                    <a:lnTo>
                      <a:pt x="42" y="24"/>
                    </a:lnTo>
                    <a:lnTo>
                      <a:pt x="48" y="30"/>
                    </a:lnTo>
                    <a:lnTo>
                      <a:pt x="48" y="3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52" name="Freeform 479"/>
              <p:cNvSpPr>
                <a:spLocks noChangeAspect="1"/>
              </p:cNvSpPr>
              <p:nvPr/>
            </p:nvSpPr>
            <p:spPr bwMode="auto">
              <a:xfrm>
                <a:off x="3717" y="2340"/>
                <a:ext cx="312" cy="240"/>
              </a:xfrm>
              <a:custGeom>
                <a:avLst/>
                <a:gdLst>
                  <a:gd name="T0" fmla="*/ 312 w 312"/>
                  <a:gd name="T1" fmla="*/ 72 h 240"/>
                  <a:gd name="T2" fmla="*/ 276 w 312"/>
                  <a:gd name="T3" fmla="*/ 120 h 240"/>
                  <a:gd name="T4" fmla="*/ 282 w 312"/>
                  <a:gd name="T5" fmla="*/ 132 h 240"/>
                  <a:gd name="T6" fmla="*/ 246 w 312"/>
                  <a:gd name="T7" fmla="*/ 174 h 240"/>
                  <a:gd name="T8" fmla="*/ 240 w 312"/>
                  <a:gd name="T9" fmla="*/ 168 h 240"/>
                  <a:gd name="T10" fmla="*/ 240 w 312"/>
                  <a:gd name="T11" fmla="*/ 180 h 240"/>
                  <a:gd name="T12" fmla="*/ 204 w 312"/>
                  <a:gd name="T13" fmla="*/ 198 h 240"/>
                  <a:gd name="T14" fmla="*/ 204 w 312"/>
                  <a:gd name="T15" fmla="*/ 216 h 240"/>
                  <a:gd name="T16" fmla="*/ 186 w 312"/>
                  <a:gd name="T17" fmla="*/ 204 h 240"/>
                  <a:gd name="T18" fmla="*/ 198 w 312"/>
                  <a:gd name="T19" fmla="*/ 222 h 240"/>
                  <a:gd name="T20" fmla="*/ 186 w 312"/>
                  <a:gd name="T21" fmla="*/ 240 h 240"/>
                  <a:gd name="T22" fmla="*/ 168 w 312"/>
                  <a:gd name="T23" fmla="*/ 234 h 240"/>
                  <a:gd name="T24" fmla="*/ 138 w 312"/>
                  <a:gd name="T25" fmla="*/ 168 h 240"/>
                  <a:gd name="T26" fmla="*/ 60 w 312"/>
                  <a:gd name="T27" fmla="*/ 108 h 240"/>
                  <a:gd name="T28" fmla="*/ 30 w 312"/>
                  <a:gd name="T29" fmla="*/ 72 h 240"/>
                  <a:gd name="T30" fmla="*/ 0 w 312"/>
                  <a:gd name="T31" fmla="*/ 54 h 240"/>
                  <a:gd name="T32" fmla="*/ 12 w 312"/>
                  <a:gd name="T33" fmla="*/ 30 h 240"/>
                  <a:gd name="T34" fmla="*/ 54 w 312"/>
                  <a:gd name="T35" fmla="*/ 6 h 240"/>
                  <a:gd name="T36" fmla="*/ 144 w 312"/>
                  <a:gd name="T37" fmla="*/ 0 h 240"/>
                  <a:gd name="T38" fmla="*/ 162 w 312"/>
                  <a:gd name="T39" fmla="*/ 24 h 240"/>
                  <a:gd name="T40" fmla="*/ 228 w 312"/>
                  <a:gd name="T41" fmla="*/ 12 h 240"/>
                  <a:gd name="T42" fmla="*/ 306 w 312"/>
                  <a:gd name="T43" fmla="*/ 66 h 240"/>
                  <a:gd name="T44" fmla="*/ 312 w 312"/>
                  <a:gd name="T45" fmla="*/ 72 h 240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w 312"/>
                  <a:gd name="T70" fmla="*/ 0 h 240"/>
                  <a:gd name="T71" fmla="*/ 312 w 312"/>
                  <a:gd name="T72" fmla="*/ 240 h 240"/>
                </a:gdLst>
                <a:ahLst/>
                <a:cxnLst>
                  <a:cxn ang="T46">
                    <a:pos x="T0" y="T1"/>
                  </a:cxn>
                  <a:cxn ang="T47">
                    <a:pos x="T2" y="T3"/>
                  </a:cxn>
                  <a:cxn ang="T48">
                    <a:pos x="T4" y="T5"/>
                  </a:cxn>
                  <a:cxn ang="T49">
                    <a:pos x="T6" y="T7"/>
                  </a:cxn>
                  <a:cxn ang="T50">
                    <a:pos x="T8" y="T9"/>
                  </a:cxn>
                  <a:cxn ang="T51">
                    <a:pos x="T10" y="T11"/>
                  </a:cxn>
                  <a:cxn ang="T52">
                    <a:pos x="T12" y="T13"/>
                  </a:cxn>
                  <a:cxn ang="T53">
                    <a:pos x="T14" y="T15"/>
                  </a:cxn>
                  <a:cxn ang="T54">
                    <a:pos x="T16" y="T17"/>
                  </a:cxn>
                  <a:cxn ang="T55">
                    <a:pos x="T18" y="T19"/>
                  </a:cxn>
                  <a:cxn ang="T56">
                    <a:pos x="T20" y="T21"/>
                  </a:cxn>
                  <a:cxn ang="T57">
                    <a:pos x="T22" y="T23"/>
                  </a:cxn>
                  <a:cxn ang="T58">
                    <a:pos x="T24" y="T25"/>
                  </a:cxn>
                  <a:cxn ang="T59">
                    <a:pos x="T26" y="T27"/>
                  </a:cxn>
                  <a:cxn ang="T60">
                    <a:pos x="T28" y="T29"/>
                  </a:cxn>
                  <a:cxn ang="T61">
                    <a:pos x="T30" y="T31"/>
                  </a:cxn>
                  <a:cxn ang="T62">
                    <a:pos x="T32" y="T33"/>
                  </a:cxn>
                  <a:cxn ang="T63">
                    <a:pos x="T34" y="T35"/>
                  </a:cxn>
                  <a:cxn ang="T64">
                    <a:pos x="T36" y="T37"/>
                  </a:cxn>
                  <a:cxn ang="T65">
                    <a:pos x="T38" y="T39"/>
                  </a:cxn>
                  <a:cxn ang="T66">
                    <a:pos x="T40" y="T41"/>
                  </a:cxn>
                  <a:cxn ang="T67">
                    <a:pos x="T42" y="T43"/>
                  </a:cxn>
                  <a:cxn ang="T68">
                    <a:pos x="T44" y="T45"/>
                  </a:cxn>
                </a:cxnLst>
                <a:rect l="T69" t="T70" r="T71" b="T72"/>
                <a:pathLst>
                  <a:path w="312" h="240">
                    <a:moveTo>
                      <a:pt x="312" y="72"/>
                    </a:moveTo>
                    <a:lnTo>
                      <a:pt x="276" y="120"/>
                    </a:lnTo>
                    <a:lnTo>
                      <a:pt x="282" y="132"/>
                    </a:lnTo>
                    <a:lnTo>
                      <a:pt x="246" y="174"/>
                    </a:lnTo>
                    <a:lnTo>
                      <a:pt x="240" y="168"/>
                    </a:lnTo>
                    <a:lnTo>
                      <a:pt x="240" y="180"/>
                    </a:lnTo>
                    <a:lnTo>
                      <a:pt x="204" y="198"/>
                    </a:lnTo>
                    <a:lnTo>
                      <a:pt x="204" y="216"/>
                    </a:lnTo>
                    <a:lnTo>
                      <a:pt x="186" y="204"/>
                    </a:lnTo>
                    <a:lnTo>
                      <a:pt x="198" y="222"/>
                    </a:lnTo>
                    <a:lnTo>
                      <a:pt x="186" y="240"/>
                    </a:lnTo>
                    <a:lnTo>
                      <a:pt x="168" y="234"/>
                    </a:lnTo>
                    <a:lnTo>
                      <a:pt x="138" y="168"/>
                    </a:lnTo>
                    <a:lnTo>
                      <a:pt x="60" y="108"/>
                    </a:lnTo>
                    <a:lnTo>
                      <a:pt x="30" y="72"/>
                    </a:lnTo>
                    <a:lnTo>
                      <a:pt x="0" y="54"/>
                    </a:lnTo>
                    <a:lnTo>
                      <a:pt x="12" y="30"/>
                    </a:lnTo>
                    <a:lnTo>
                      <a:pt x="54" y="6"/>
                    </a:lnTo>
                    <a:lnTo>
                      <a:pt x="144" y="0"/>
                    </a:lnTo>
                    <a:lnTo>
                      <a:pt x="162" y="24"/>
                    </a:lnTo>
                    <a:lnTo>
                      <a:pt x="228" y="12"/>
                    </a:lnTo>
                    <a:lnTo>
                      <a:pt x="306" y="66"/>
                    </a:lnTo>
                    <a:lnTo>
                      <a:pt x="312" y="72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53" name="Freeform 480"/>
              <p:cNvSpPr>
                <a:spLocks noChangeAspect="1"/>
              </p:cNvSpPr>
              <p:nvPr/>
            </p:nvSpPr>
            <p:spPr bwMode="auto">
              <a:xfrm>
                <a:off x="3717" y="2340"/>
                <a:ext cx="312" cy="240"/>
              </a:xfrm>
              <a:custGeom>
                <a:avLst/>
                <a:gdLst>
                  <a:gd name="T0" fmla="*/ 312 w 312"/>
                  <a:gd name="T1" fmla="*/ 72 h 240"/>
                  <a:gd name="T2" fmla="*/ 276 w 312"/>
                  <a:gd name="T3" fmla="*/ 120 h 240"/>
                  <a:gd name="T4" fmla="*/ 282 w 312"/>
                  <a:gd name="T5" fmla="*/ 132 h 240"/>
                  <a:gd name="T6" fmla="*/ 246 w 312"/>
                  <a:gd name="T7" fmla="*/ 174 h 240"/>
                  <a:gd name="T8" fmla="*/ 240 w 312"/>
                  <a:gd name="T9" fmla="*/ 168 h 240"/>
                  <a:gd name="T10" fmla="*/ 240 w 312"/>
                  <a:gd name="T11" fmla="*/ 180 h 240"/>
                  <a:gd name="T12" fmla="*/ 204 w 312"/>
                  <a:gd name="T13" fmla="*/ 198 h 240"/>
                  <a:gd name="T14" fmla="*/ 204 w 312"/>
                  <a:gd name="T15" fmla="*/ 216 h 240"/>
                  <a:gd name="T16" fmla="*/ 186 w 312"/>
                  <a:gd name="T17" fmla="*/ 204 h 240"/>
                  <a:gd name="T18" fmla="*/ 198 w 312"/>
                  <a:gd name="T19" fmla="*/ 222 h 240"/>
                  <a:gd name="T20" fmla="*/ 186 w 312"/>
                  <a:gd name="T21" fmla="*/ 240 h 240"/>
                  <a:gd name="T22" fmla="*/ 168 w 312"/>
                  <a:gd name="T23" fmla="*/ 234 h 240"/>
                  <a:gd name="T24" fmla="*/ 138 w 312"/>
                  <a:gd name="T25" fmla="*/ 168 h 240"/>
                  <a:gd name="T26" fmla="*/ 60 w 312"/>
                  <a:gd name="T27" fmla="*/ 108 h 240"/>
                  <a:gd name="T28" fmla="*/ 30 w 312"/>
                  <a:gd name="T29" fmla="*/ 72 h 240"/>
                  <a:gd name="T30" fmla="*/ 0 w 312"/>
                  <a:gd name="T31" fmla="*/ 54 h 240"/>
                  <a:gd name="T32" fmla="*/ 12 w 312"/>
                  <a:gd name="T33" fmla="*/ 30 h 240"/>
                  <a:gd name="T34" fmla="*/ 54 w 312"/>
                  <a:gd name="T35" fmla="*/ 6 h 240"/>
                  <a:gd name="T36" fmla="*/ 144 w 312"/>
                  <a:gd name="T37" fmla="*/ 0 h 240"/>
                  <a:gd name="T38" fmla="*/ 162 w 312"/>
                  <a:gd name="T39" fmla="*/ 24 h 240"/>
                  <a:gd name="T40" fmla="*/ 228 w 312"/>
                  <a:gd name="T41" fmla="*/ 12 h 240"/>
                  <a:gd name="T42" fmla="*/ 306 w 312"/>
                  <a:gd name="T43" fmla="*/ 66 h 240"/>
                  <a:gd name="T44" fmla="*/ 312 w 312"/>
                  <a:gd name="T45" fmla="*/ 72 h 240"/>
                  <a:gd name="T46" fmla="*/ 312 w 312"/>
                  <a:gd name="T47" fmla="*/ 78 h 240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w 312"/>
                  <a:gd name="T73" fmla="*/ 0 h 240"/>
                  <a:gd name="T74" fmla="*/ 312 w 312"/>
                  <a:gd name="T75" fmla="*/ 240 h 240"/>
                </a:gdLst>
                <a:ahLst/>
                <a:cxnLst>
                  <a:cxn ang="T48">
                    <a:pos x="T0" y="T1"/>
                  </a:cxn>
                  <a:cxn ang="T49">
                    <a:pos x="T2" y="T3"/>
                  </a:cxn>
                  <a:cxn ang="T50">
                    <a:pos x="T4" y="T5"/>
                  </a:cxn>
                  <a:cxn ang="T51">
                    <a:pos x="T6" y="T7"/>
                  </a:cxn>
                  <a:cxn ang="T52">
                    <a:pos x="T8" y="T9"/>
                  </a:cxn>
                  <a:cxn ang="T53">
                    <a:pos x="T10" y="T11"/>
                  </a:cxn>
                  <a:cxn ang="T54">
                    <a:pos x="T12" y="T13"/>
                  </a:cxn>
                  <a:cxn ang="T55">
                    <a:pos x="T14" y="T15"/>
                  </a:cxn>
                  <a:cxn ang="T56">
                    <a:pos x="T16" y="T17"/>
                  </a:cxn>
                  <a:cxn ang="T57">
                    <a:pos x="T18" y="T19"/>
                  </a:cxn>
                  <a:cxn ang="T58">
                    <a:pos x="T20" y="T21"/>
                  </a:cxn>
                  <a:cxn ang="T59">
                    <a:pos x="T22" y="T23"/>
                  </a:cxn>
                  <a:cxn ang="T60">
                    <a:pos x="T24" y="T25"/>
                  </a:cxn>
                  <a:cxn ang="T61">
                    <a:pos x="T26" y="T27"/>
                  </a:cxn>
                  <a:cxn ang="T62">
                    <a:pos x="T28" y="T29"/>
                  </a:cxn>
                  <a:cxn ang="T63">
                    <a:pos x="T30" y="T31"/>
                  </a:cxn>
                  <a:cxn ang="T64">
                    <a:pos x="T32" y="T33"/>
                  </a:cxn>
                  <a:cxn ang="T65">
                    <a:pos x="T34" y="T35"/>
                  </a:cxn>
                  <a:cxn ang="T66">
                    <a:pos x="T36" y="T37"/>
                  </a:cxn>
                  <a:cxn ang="T67">
                    <a:pos x="T38" y="T39"/>
                  </a:cxn>
                  <a:cxn ang="T68">
                    <a:pos x="T40" y="T41"/>
                  </a:cxn>
                  <a:cxn ang="T69">
                    <a:pos x="T42" y="T43"/>
                  </a:cxn>
                  <a:cxn ang="T70">
                    <a:pos x="T44" y="T45"/>
                  </a:cxn>
                  <a:cxn ang="T71">
                    <a:pos x="T46" y="T47"/>
                  </a:cxn>
                </a:cxnLst>
                <a:rect l="T72" t="T73" r="T74" b="T75"/>
                <a:pathLst>
                  <a:path w="312" h="240">
                    <a:moveTo>
                      <a:pt x="312" y="72"/>
                    </a:moveTo>
                    <a:lnTo>
                      <a:pt x="276" y="120"/>
                    </a:lnTo>
                    <a:lnTo>
                      <a:pt x="282" y="132"/>
                    </a:lnTo>
                    <a:lnTo>
                      <a:pt x="246" y="174"/>
                    </a:lnTo>
                    <a:lnTo>
                      <a:pt x="240" y="168"/>
                    </a:lnTo>
                    <a:lnTo>
                      <a:pt x="240" y="180"/>
                    </a:lnTo>
                    <a:lnTo>
                      <a:pt x="204" y="198"/>
                    </a:lnTo>
                    <a:lnTo>
                      <a:pt x="204" y="216"/>
                    </a:lnTo>
                    <a:lnTo>
                      <a:pt x="186" y="204"/>
                    </a:lnTo>
                    <a:lnTo>
                      <a:pt x="198" y="222"/>
                    </a:lnTo>
                    <a:lnTo>
                      <a:pt x="186" y="240"/>
                    </a:lnTo>
                    <a:lnTo>
                      <a:pt x="168" y="234"/>
                    </a:lnTo>
                    <a:lnTo>
                      <a:pt x="138" y="168"/>
                    </a:lnTo>
                    <a:lnTo>
                      <a:pt x="60" y="108"/>
                    </a:lnTo>
                    <a:lnTo>
                      <a:pt x="30" y="72"/>
                    </a:lnTo>
                    <a:lnTo>
                      <a:pt x="0" y="54"/>
                    </a:lnTo>
                    <a:lnTo>
                      <a:pt x="12" y="30"/>
                    </a:lnTo>
                    <a:lnTo>
                      <a:pt x="54" y="6"/>
                    </a:lnTo>
                    <a:lnTo>
                      <a:pt x="144" y="0"/>
                    </a:lnTo>
                    <a:lnTo>
                      <a:pt x="162" y="24"/>
                    </a:lnTo>
                    <a:lnTo>
                      <a:pt x="228" y="12"/>
                    </a:lnTo>
                    <a:lnTo>
                      <a:pt x="306" y="66"/>
                    </a:lnTo>
                    <a:lnTo>
                      <a:pt x="312" y="72"/>
                    </a:lnTo>
                    <a:lnTo>
                      <a:pt x="312" y="7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54" name="Freeform 481"/>
              <p:cNvSpPr>
                <a:spLocks noChangeAspect="1"/>
              </p:cNvSpPr>
              <p:nvPr/>
            </p:nvSpPr>
            <p:spPr bwMode="auto">
              <a:xfrm>
                <a:off x="2457" y="1554"/>
                <a:ext cx="432" cy="288"/>
              </a:xfrm>
              <a:custGeom>
                <a:avLst/>
                <a:gdLst>
                  <a:gd name="T0" fmla="*/ 432 w 432"/>
                  <a:gd name="T1" fmla="*/ 204 h 288"/>
                  <a:gd name="T2" fmla="*/ 426 w 432"/>
                  <a:gd name="T3" fmla="*/ 210 h 288"/>
                  <a:gd name="T4" fmla="*/ 432 w 432"/>
                  <a:gd name="T5" fmla="*/ 234 h 288"/>
                  <a:gd name="T6" fmla="*/ 420 w 432"/>
                  <a:gd name="T7" fmla="*/ 264 h 288"/>
                  <a:gd name="T8" fmla="*/ 432 w 432"/>
                  <a:gd name="T9" fmla="*/ 288 h 288"/>
                  <a:gd name="T10" fmla="*/ 384 w 432"/>
                  <a:gd name="T11" fmla="*/ 258 h 288"/>
                  <a:gd name="T12" fmla="*/ 342 w 432"/>
                  <a:gd name="T13" fmla="*/ 264 h 288"/>
                  <a:gd name="T14" fmla="*/ 312 w 432"/>
                  <a:gd name="T15" fmla="*/ 246 h 288"/>
                  <a:gd name="T16" fmla="*/ 0 w 432"/>
                  <a:gd name="T17" fmla="*/ 228 h 288"/>
                  <a:gd name="T18" fmla="*/ 0 w 432"/>
                  <a:gd name="T19" fmla="*/ 186 h 288"/>
                  <a:gd name="T20" fmla="*/ 12 w 432"/>
                  <a:gd name="T21" fmla="*/ 72 h 288"/>
                  <a:gd name="T22" fmla="*/ 18 w 432"/>
                  <a:gd name="T23" fmla="*/ 0 h 288"/>
                  <a:gd name="T24" fmla="*/ 426 w 432"/>
                  <a:gd name="T25" fmla="*/ 18 h 288"/>
                  <a:gd name="T26" fmla="*/ 414 w 432"/>
                  <a:gd name="T27" fmla="*/ 42 h 288"/>
                  <a:gd name="T28" fmla="*/ 432 w 432"/>
                  <a:gd name="T29" fmla="*/ 66 h 288"/>
                  <a:gd name="T30" fmla="*/ 432 w 432"/>
                  <a:gd name="T31" fmla="*/ 180 h 288"/>
                  <a:gd name="T32" fmla="*/ 432 w 432"/>
                  <a:gd name="T33" fmla="*/ 204 h 288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w 432"/>
                  <a:gd name="T52" fmla="*/ 0 h 288"/>
                  <a:gd name="T53" fmla="*/ 432 w 432"/>
                  <a:gd name="T54" fmla="*/ 288 h 288"/>
                </a:gdLst>
                <a:ahLst/>
                <a:cxnLst>
                  <a:cxn ang="T34">
                    <a:pos x="T0" y="T1"/>
                  </a:cxn>
                  <a:cxn ang="T35">
                    <a:pos x="T2" y="T3"/>
                  </a:cxn>
                  <a:cxn ang="T36">
                    <a:pos x="T4" y="T5"/>
                  </a:cxn>
                  <a:cxn ang="T37">
                    <a:pos x="T6" y="T7"/>
                  </a:cxn>
                  <a:cxn ang="T38">
                    <a:pos x="T8" y="T9"/>
                  </a:cxn>
                  <a:cxn ang="T39">
                    <a:pos x="T10" y="T11"/>
                  </a:cxn>
                  <a:cxn ang="T40">
                    <a:pos x="T12" y="T13"/>
                  </a:cxn>
                  <a:cxn ang="T41">
                    <a:pos x="T14" y="T15"/>
                  </a:cxn>
                  <a:cxn ang="T42">
                    <a:pos x="T16" y="T17"/>
                  </a:cxn>
                  <a:cxn ang="T43">
                    <a:pos x="T18" y="T19"/>
                  </a:cxn>
                  <a:cxn ang="T44">
                    <a:pos x="T20" y="T21"/>
                  </a:cxn>
                  <a:cxn ang="T45">
                    <a:pos x="T22" y="T23"/>
                  </a:cxn>
                  <a:cxn ang="T46">
                    <a:pos x="T24" y="T25"/>
                  </a:cxn>
                  <a:cxn ang="T47">
                    <a:pos x="T26" y="T27"/>
                  </a:cxn>
                  <a:cxn ang="T48">
                    <a:pos x="T28" y="T29"/>
                  </a:cxn>
                  <a:cxn ang="T49">
                    <a:pos x="T30" y="T31"/>
                  </a:cxn>
                  <a:cxn ang="T50">
                    <a:pos x="T32" y="T33"/>
                  </a:cxn>
                </a:cxnLst>
                <a:rect l="T51" t="T52" r="T53" b="T54"/>
                <a:pathLst>
                  <a:path w="432" h="288">
                    <a:moveTo>
                      <a:pt x="432" y="204"/>
                    </a:moveTo>
                    <a:lnTo>
                      <a:pt x="426" y="210"/>
                    </a:lnTo>
                    <a:lnTo>
                      <a:pt x="432" y="234"/>
                    </a:lnTo>
                    <a:lnTo>
                      <a:pt x="420" y="264"/>
                    </a:lnTo>
                    <a:lnTo>
                      <a:pt x="432" y="288"/>
                    </a:lnTo>
                    <a:lnTo>
                      <a:pt x="384" y="258"/>
                    </a:lnTo>
                    <a:lnTo>
                      <a:pt x="342" y="264"/>
                    </a:lnTo>
                    <a:lnTo>
                      <a:pt x="312" y="246"/>
                    </a:lnTo>
                    <a:lnTo>
                      <a:pt x="0" y="228"/>
                    </a:lnTo>
                    <a:lnTo>
                      <a:pt x="0" y="186"/>
                    </a:lnTo>
                    <a:lnTo>
                      <a:pt x="12" y="72"/>
                    </a:lnTo>
                    <a:lnTo>
                      <a:pt x="18" y="0"/>
                    </a:lnTo>
                    <a:lnTo>
                      <a:pt x="426" y="18"/>
                    </a:lnTo>
                    <a:lnTo>
                      <a:pt x="414" y="42"/>
                    </a:lnTo>
                    <a:lnTo>
                      <a:pt x="432" y="66"/>
                    </a:lnTo>
                    <a:lnTo>
                      <a:pt x="432" y="180"/>
                    </a:lnTo>
                    <a:lnTo>
                      <a:pt x="432" y="20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55" name="Freeform 482"/>
              <p:cNvSpPr>
                <a:spLocks noChangeAspect="1"/>
              </p:cNvSpPr>
              <p:nvPr/>
            </p:nvSpPr>
            <p:spPr bwMode="auto">
              <a:xfrm>
                <a:off x="2457" y="1554"/>
                <a:ext cx="432" cy="288"/>
              </a:xfrm>
              <a:custGeom>
                <a:avLst/>
                <a:gdLst>
                  <a:gd name="T0" fmla="*/ 432 w 432"/>
                  <a:gd name="T1" fmla="*/ 204 h 288"/>
                  <a:gd name="T2" fmla="*/ 426 w 432"/>
                  <a:gd name="T3" fmla="*/ 210 h 288"/>
                  <a:gd name="T4" fmla="*/ 432 w 432"/>
                  <a:gd name="T5" fmla="*/ 234 h 288"/>
                  <a:gd name="T6" fmla="*/ 420 w 432"/>
                  <a:gd name="T7" fmla="*/ 264 h 288"/>
                  <a:gd name="T8" fmla="*/ 432 w 432"/>
                  <a:gd name="T9" fmla="*/ 288 h 288"/>
                  <a:gd name="T10" fmla="*/ 384 w 432"/>
                  <a:gd name="T11" fmla="*/ 258 h 288"/>
                  <a:gd name="T12" fmla="*/ 342 w 432"/>
                  <a:gd name="T13" fmla="*/ 264 h 288"/>
                  <a:gd name="T14" fmla="*/ 312 w 432"/>
                  <a:gd name="T15" fmla="*/ 246 h 288"/>
                  <a:gd name="T16" fmla="*/ 0 w 432"/>
                  <a:gd name="T17" fmla="*/ 228 h 288"/>
                  <a:gd name="T18" fmla="*/ 0 w 432"/>
                  <a:gd name="T19" fmla="*/ 186 h 288"/>
                  <a:gd name="T20" fmla="*/ 12 w 432"/>
                  <a:gd name="T21" fmla="*/ 72 h 288"/>
                  <a:gd name="T22" fmla="*/ 18 w 432"/>
                  <a:gd name="T23" fmla="*/ 0 h 288"/>
                  <a:gd name="T24" fmla="*/ 426 w 432"/>
                  <a:gd name="T25" fmla="*/ 18 h 288"/>
                  <a:gd name="T26" fmla="*/ 414 w 432"/>
                  <a:gd name="T27" fmla="*/ 42 h 288"/>
                  <a:gd name="T28" fmla="*/ 432 w 432"/>
                  <a:gd name="T29" fmla="*/ 66 h 288"/>
                  <a:gd name="T30" fmla="*/ 432 w 432"/>
                  <a:gd name="T31" fmla="*/ 180 h 288"/>
                  <a:gd name="T32" fmla="*/ 432 w 432"/>
                  <a:gd name="T33" fmla="*/ 204 h 288"/>
                  <a:gd name="T34" fmla="*/ 432 w 432"/>
                  <a:gd name="T35" fmla="*/ 210 h 288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w 432"/>
                  <a:gd name="T55" fmla="*/ 0 h 288"/>
                  <a:gd name="T56" fmla="*/ 432 w 432"/>
                  <a:gd name="T57" fmla="*/ 288 h 288"/>
                </a:gdLst>
                <a:ahLst/>
                <a:cxnLst>
                  <a:cxn ang="T36">
                    <a:pos x="T0" y="T1"/>
                  </a:cxn>
                  <a:cxn ang="T37">
                    <a:pos x="T2" y="T3"/>
                  </a:cxn>
                  <a:cxn ang="T38">
                    <a:pos x="T4" y="T5"/>
                  </a:cxn>
                  <a:cxn ang="T39">
                    <a:pos x="T6" y="T7"/>
                  </a:cxn>
                  <a:cxn ang="T40">
                    <a:pos x="T8" y="T9"/>
                  </a:cxn>
                  <a:cxn ang="T41">
                    <a:pos x="T10" y="T11"/>
                  </a:cxn>
                  <a:cxn ang="T42">
                    <a:pos x="T12" y="T13"/>
                  </a:cxn>
                  <a:cxn ang="T43">
                    <a:pos x="T14" y="T15"/>
                  </a:cxn>
                  <a:cxn ang="T44">
                    <a:pos x="T16" y="T17"/>
                  </a:cxn>
                  <a:cxn ang="T45">
                    <a:pos x="T18" y="T19"/>
                  </a:cxn>
                  <a:cxn ang="T46">
                    <a:pos x="T20" y="T21"/>
                  </a:cxn>
                  <a:cxn ang="T47">
                    <a:pos x="T22" y="T23"/>
                  </a:cxn>
                  <a:cxn ang="T48">
                    <a:pos x="T24" y="T25"/>
                  </a:cxn>
                  <a:cxn ang="T49">
                    <a:pos x="T26" y="T27"/>
                  </a:cxn>
                  <a:cxn ang="T50">
                    <a:pos x="T28" y="T29"/>
                  </a:cxn>
                  <a:cxn ang="T51">
                    <a:pos x="T30" y="T31"/>
                  </a:cxn>
                  <a:cxn ang="T52">
                    <a:pos x="T32" y="T33"/>
                  </a:cxn>
                  <a:cxn ang="T53">
                    <a:pos x="T34" y="T35"/>
                  </a:cxn>
                </a:cxnLst>
                <a:rect l="T54" t="T55" r="T56" b="T57"/>
                <a:pathLst>
                  <a:path w="432" h="288">
                    <a:moveTo>
                      <a:pt x="432" y="204"/>
                    </a:moveTo>
                    <a:lnTo>
                      <a:pt x="426" y="210"/>
                    </a:lnTo>
                    <a:lnTo>
                      <a:pt x="432" y="234"/>
                    </a:lnTo>
                    <a:lnTo>
                      <a:pt x="420" y="264"/>
                    </a:lnTo>
                    <a:lnTo>
                      <a:pt x="432" y="288"/>
                    </a:lnTo>
                    <a:lnTo>
                      <a:pt x="384" y="258"/>
                    </a:lnTo>
                    <a:lnTo>
                      <a:pt x="342" y="264"/>
                    </a:lnTo>
                    <a:lnTo>
                      <a:pt x="312" y="246"/>
                    </a:lnTo>
                    <a:lnTo>
                      <a:pt x="0" y="228"/>
                    </a:lnTo>
                    <a:lnTo>
                      <a:pt x="0" y="186"/>
                    </a:lnTo>
                    <a:lnTo>
                      <a:pt x="12" y="72"/>
                    </a:lnTo>
                    <a:lnTo>
                      <a:pt x="18" y="0"/>
                    </a:lnTo>
                    <a:lnTo>
                      <a:pt x="426" y="18"/>
                    </a:lnTo>
                    <a:lnTo>
                      <a:pt x="414" y="42"/>
                    </a:lnTo>
                    <a:lnTo>
                      <a:pt x="432" y="66"/>
                    </a:lnTo>
                    <a:lnTo>
                      <a:pt x="432" y="180"/>
                    </a:lnTo>
                    <a:lnTo>
                      <a:pt x="432" y="204"/>
                    </a:lnTo>
                    <a:lnTo>
                      <a:pt x="432" y="21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56" name="Freeform 483"/>
              <p:cNvSpPr>
                <a:spLocks noChangeAspect="1"/>
              </p:cNvSpPr>
              <p:nvPr/>
            </p:nvSpPr>
            <p:spPr bwMode="auto">
              <a:xfrm>
                <a:off x="3279" y="2232"/>
                <a:ext cx="522" cy="180"/>
              </a:xfrm>
              <a:custGeom>
                <a:avLst/>
                <a:gdLst>
                  <a:gd name="T0" fmla="*/ 522 w 522"/>
                  <a:gd name="T1" fmla="*/ 0 h 180"/>
                  <a:gd name="T2" fmla="*/ 522 w 522"/>
                  <a:gd name="T3" fmla="*/ 24 h 180"/>
                  <a:gd name="T4" fmla="*/ 504 w 522"/>
                  <a:gd name="T5" fmla="*/ 42 h 180"/>
                  <a:gd name="T6" fmla="*/ 474 w 522"/>
                  <a:gd name="T7" fmla="*/ 60 h 180"/>
                  <a:gd name="T8" fmla="*/ 468 w 522"/>
                  <a:gd name="T9" fmla="*/ 54 h 180"/>
                  <a:gd name="T10" fmla="*/ 450 w 522"/>
                  <a:gd name="T11" fmla="*/ 78 h 180"/>
                  <a:gd name="T12" fmla="*/ 402 w 522"/>
                  <a:gd name="T13" fmla="*/ 102 h 180"/>
                  <a:gd name="T14" fmla="*/ 390 w 522"/>
                  <a:gd name="T15" fmla="*/ 126 h 180"/>
                  <a:gd name="T16" fmla="*/ 372 w 522"/>
                  <a:gd name="T17" fmla="*/ 132 h 180"/>
                  <a:gd name="T18" fmla="*/ 372 w 522"/>
                  <a:gd name="T19" fmla="*/ 150 h 180"/>
                  <a:gd name="T20" fmla="*/ 294 w 522"/>
                  <a:gd name="T21" fmla="*/ 162 h 180"/>
                  <a:gd name="T22" fmla="*/ 132 w 522"/>
                  <a:gd name="T23" fmla="*/ 174 h 180"/>
                  <a:gd name="T24" fmla="*/ 0 w 522"/>
                  <a:gd name="T25" fmla="*/ 180 h 180"/>
                  <a:gd name="T26" fmla="*/ 12 w 522"/>
                  <a:gd name="T27" fmla="*/ 168 h 180"/>
                  <a:gd name="T28" fmla="*/ 0 w 522"/>
                  <a:gd name="T29" fmla="*/ 150 h 180"/>
                  <a:gd name="T30" fmla="*/ 18 w 522"/>
                  <a:gd name="T31" fmla="*/ 138 h 180"/>
                  <a:gd name="T32" fmla="*/ 18 w 522"/>
                  <a:gd name="T33" fmla="*/ 126 h 180"/>
                  <a:gd name="T34" fmla="*/ 30 w 522"/>
                  <a:gd name="T35" fmla="*/ 108 h 180"/>
                  <a:gd name="T36" fmla="*/ 30 w 522"/>
                  <a:gd name="T37" fmla="*/ 102 h 180"/>
                  <a:gd name="T38" fmla="*/ 36 w 522"/>
                  <a:gd name="T39" fmla="*/ 54 h 180"/>
                  <a:gd name="T40" fmla="*/ 42 w 522"/>
                  <a:gd name="T41" fmla="*/ 60 h 180"/>
                  <a:gd name="T42" fmla="*/ 126 w 522"/>
                  <a:gd name="T43" fmla="*/ 54 h 180"/>
                  <a:gd name="T44" fmla="*/ 126 w 522"/>
                  <a:gd name="T45" fmla="*/ 42 h 180"/>
                  <a:gd name="T46" fmla="*/ 402 w 522"/>
                  <a:gd name="T47" fmla="*/ 18 h 180"/>
                  <a:gd name="T48" fmla="*/ 522 w 522"/>
                  <a:gd name="T49" fmla="*/ 0 h 180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w 522"/>
                  <a:gd name="T76" fmla="*/ 0 h 180"/>
                  <a:gd name="T77" fmla="*/ 522 w 522"/>
                  <a:gd name="T78" fmla="*/ 180 h 180"/>
                </a:gdLst>
                <a:ahLst/>
                <a:cxnLst>
                  <a:cxn ang="T50">
                    <a:pos x="T0" y="T1"/>
                  </a:cxn>
                  <a:cxn ang="T51">
                    <a:pos x="T2" y="T3"/>
                  </a:cxn>
                  <a:cxn ang="T52">
                    <a:pos x="T4" y="T5"/>
                  </a:cxn>
                  <a:cxn ang="T53">
                    <a:pos x="T6" y="T7"/>
                  </a:cxn>
                  <a:cxn ang="T54">
                    <a:pos x="T8" y="T9"/>
                  </a:cxn>
                  <a:cxn ang="T55">
                    <a:pos x="T10" y="T11"/>
                  </a:cxn>
                  <a:cxn ang="T56">
                    <a:pos x="T12" y="T13"/>
                  </a:cxn>
                  <a:cxn ang="T57">
                    <a:pos x="T14" y="T15"/>
                  </a:cxn>
                  <a:cxn ang="T58">
                    <a:pos x="T16" y="T17"/>
                  </a:cxn>
                  <a:cxn ang="T59">
                    <a:pos x="T18" y="T19"/>
                  </a:cxn>
                  <a:cxn ang="T60">
                    <a:pos x="T20" y="T21"/>
                  </a:cxn>
                  <a:cxn ang="T61">
                    <a:pos x="T22" y="T23"/>
                  </a:cxn>
                  <a:cxn ang="T62">
                    <a:pos x="T24" y="T25"/>
                  </a:cxn>
                  <a:cxn ang="T63">
                    <a:pos x="T26" y="T27"/>
                  </a:cxn>
                  <a:cxn ang="T64">
                    <a:pos x="T28" y="T29"/>
                  </a:cxn>
                  <a:cxn ang="T65">
                    <a:pos x="T30" y="T31"/>
                  </a:cxn>
                  <a:cxn ang="T66">
                    <a:pos x="T32" y="T33"/>
                  </a:cxn>
                  <a:cxn ang="T67">
                    <a:pos x="T34" y="T35"/>
                  </a:cxn>
                  <a:cxn ang="T68">
                    <a:pos x="T36" y="T37"/>
                  </a:cxn>
                  <a:cxn ang="T69">
                    <a:pos x="T38" y="T39"/>
                  </a:cxn>
                  <a:cxn ang="T70">
                    <a:pos x="T40" y="T41"/>
                  </a:cxn>
                  <a:cxn ang="T71">
                    <a:pos x="T42" y="T43"/>
                  </a:cxn>
                  <a:cxn ang="T72">
                    <a:pos x="T44" y="T45"/>
                  </a:cxn>
                  <a:cxn ang="T73">
                    <a:pos x="T46" y="T47"/>
                  </a:cxn>
                  <a:cxn ang="T74">
                    <a:pos x="T48" y="T49"/>
                  </a:cxn>
                </a:cxnLst>
                <a:rect l="T75" t="T76" r="T77" b="T78"/>
                <a:pathLst>
                  <a:path w="522" h="180">
                    <a:moveTo>
                      <a:pt x="522" y="0"/>
                    </a:moveTo>
                    <a:lnTo>
                      <a:pt x="522" y="24"/>
                    </a:lnTo>
                    <a:lnTo>
                      <a:pt x="504" y="42"/>
                    </a:lnTo>
                    <a:lnTo>
                      <a:pt x="474" y="60"/>
                    </a:lnTo>
                    <a:lnTo>
                      <a:pt x="468" y="54"/>
                    </a:lnTo>
                    <a:lnTo>
                      <a:pt x="450" y="78"/>
                    </a:lnTo>
                    <a:lnTo>
                      <a:pt x="402" y="102"/>
                    </a:lnTo>
                    <a:lnTo>
                      <a:pt x="390" y="126"/>
                    </a:lnTo>
                    <a:lnTo>
                      <a:pt x="372" y="132"/>
                    </a:lnTo>
                    <a:lnTo>
                      <a:pt x="372" y="150"/>
                    </a:lnTo>
                    <a:lnTo>
                      <a:pt x="294" y="162"/>
                    </a:lnTo>
                    <a:lnTo>
                      <a:pt x="132" y="174"/>
                    </a:lnTo>
                    <a:lnTo>
                      <a:pt x="0" y="180"/>
                    </a:lnTo>
                    <a:lnTo>
                      <a:pt x="12" y="168"/>
                    </a:lnTo>
                    <a:lnTo>
                      <a:pt x="0" y="150"/>
                    </a:lnTo>
                    <a:lnTo>
                      <a:pt x="18" y="138"/>
                    </a:lnTo>
                    <a:lnTo>
                      <a:pt x="18" y="126"/>
                    </a:lnTo>
                    <a:lnTo>
                      <a:pt x="30" y="108"/>
                    </a:lnTo>
                    <a:lnTo>
                      <a:pt x="30" y="102"/>
                    </a:lnTo>
                    <a:lnTo>
                      <a:pt x="36" y="54"/>
                    </a:lnTo>
                    <a:lnTo>
                      <a:pt x="42" y="60"/>
                    </a:lnTo>
                    <a:lnTo>
                      <a:pt x="126" y="54"/>
                    </a:lnTo>
                    <a:lnTo>
                      <a:pt x="126" y="42"/>
                    </a:lnTo>
                    <a:lnTo>
                      <a:pt x="402" y="18"/>
                    </a:lnTo>
                    <a:lnTo>
                      <a:pt x="522" y="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57" name="Freeform 484"/>
              <p:cNvSpPr>
                <a:spLocks noChangeAspect="1"/>
              </p:cNvSpPr>
              <p:nvPr/>
            </p:nvSpPr>
            <p:spPr bwMode="auto">
              <a:xfrm>
                <a:off x="3279" y="2232"/>
                <a:ext cx="522" cy="180"/>
              </a:xfrm>
              <a:custGeom>
                <a:avLst/>
                <a:gdLst>
                  <a:gd name="T0" fmla="*/ 522 w 522"/>
                  <a:gd name="T1" fmla="*/ 0 h 180"/>
                  <a:gd name="T2" fmla="*/ 522 w 522"/>
                  <a:gd name="T3" fmla="*/ 24 h 180"/>
                  <a:gd name="T4" fmla="*/ 504 w 522"/>
                  <a:gd name="T5" fmla="*/ 42 h 180"/>
                  <a:gd name="T6" fmla="*/ 474 w 522"/>
                  <a:gd name="T7" fmla="*/ 60 h 180"/>
                  <a:gd name="T8" fmla="*/ 468 w 522"/>
                  <a:gd name="T9" fmla="*/ 54 h 180"/>
                  <a:gd name="T10" fmla="*/ 450 w 522"/>
                  <a:gd name="T11" fmla="*/ 78 h 180"/>
                  <a:gd name="T12" fmla="*/ 402 w 522"/>
                  <a:gd name="T13" fmla="*/ 102 h 180"/>
                  <a:gd name="T14" fmla="*/ 390 w 522"/>
                  <a:gd name="T15" fmla="*/ 126 h 180"/>
                  <a:gd name="T16" fmla="*/ 372 w 522"/>
                  <a:gd name="T17" fmla="*/ 132 h 180"/>
                  <a:gd name="T18" fmla="*/ 372 w 522"/>
                  <a:gd name="T19" fmla="*/ 150 h 180"/>
                  <a:gd name="T20" fmla="*/ 294 w 522"/>
                  <a:gd name="T21" fmla="*/ 162 h 180"/>
                  <a:gd name="T22" fmla="*/ 132 w 522"/>
                  <a:gd name="T23" fmla="*/ 174 h 180"/>
                  <a:gd name="T24" fmla="*/ 0 w 522"/>
                  <a:gd name="T25" fmla="*/ 180 h 180"/>
                  <a:gd name="T26" fmla="*/ 12 w 522"/>
                  <a:gd name="T27" fmla="*/ 168 h 180"/>
                  <a:gd name="T28" fmla="*/ 0 w 522"/>
                  <a:gd name="T29" fmla="*/ 150 h 180"/>
                  <a:gd name="T30" fmla="*/ 18 w 522"/>
                  <a:gd name="T31" fmla="*/ 138 h 180"/>
                  <a:gd name="T32" fmla="*/ 18 w 522"/>
                  <a:gd name="T33" fmla="*/ 126 h 180"/>
                  <a:gd name="T34" fmla="*/ 30 w 522"/>
                  <a:gd name="T35" fmla="*/ 108 h 180"/>
                  <a:gd name="T36" fmla="*/ 30 w 522"/>
                  <a:gd name="T37" fmla="*/ 102 h 180"/>
                  <a:gd name="T38" fmla="*/ 36 w 522"/>
                  <a:gd name="T39" fmla="*/ 54 h 180"/>
                  <a:gd name="T40" fmla="*/ 42 w 522"/>
                  <a:gd name="T41" fmla="*/ 60 h 180"/>
                  <a:gd name="T42" fmla="*/ 126 w 522"/>
                  <a:gd name="T43" fmla="*/ 54 h 180"/>
                  <a:gd name="T44" fmla="*/ 126 w 522"/>
                  <a:gd name="T45" fmla="*/ 42 h 180"/>
                  <a:gd name="T46" fmla="*/ 402 w 522"/>
                  <a:gd name="T47" fmla="*/ 18 h 180"/>
                  <a:gd name="T48" fmla="*/ 522 w 522"/>
                  <a:gd name="T49" fmla="*/ 0 h 180"/>
                  <a:gd name="T50" fmla="*/ 522 w 522"/>
                  <a:gd name="T51" fmla="*/ 6 h 180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w 522"/>
                  <a:gd name="T79" fmla="*/ 0 h 180"/>
                  <a:gd name="T80" fmla="*/ 522 w 522"/>
                  <a:gd name="T81" fmla="*/ 180 h 180"/>
                </a:gdLst>
                <a:ahLst/>
                <a:cxnLst>
                  <a:cxn ang="T52">
                    <a:pos x="T0" y="T1"/>
                  </a:cxn>
                  <a:cxn ang="T53">
                    <a:pos x="T2" y="T3"/>
                  </a:cxn>
                  <a:cxn ang="T54">
                    <a:pos x="T4" y="T5"/>
                  </a:cxn>
                  <a:cxn ang="T55">
                    <a:pos x="T6" y="T7"/>
                  </a:cxn>
                  <a:cxn ang="T56">
                    <a:pos x="T8" y="T9"/>
                  </a:cxn>
                  <a:cxn ang="T57">
                    <a:pos x="T10" y="T11"/>
                  </a:cxn>
                  <a:cxn ang="T58">
                    <a:pos x="T12" y="T13"/>
                  </a:cxn>
                  <a:cxn ang="T59">
                    <a:pos x="T14" y="T15"/>
                  </a:cxn>
                  <a:cxn ang="T60">
                    <a:pos x="T16" y="T17"/>
                  </a:cxn>
                  <a:cxn ang="T61">
                    <a:pos x="T18" y="T19"/>
                  </a:cxn>
                  <a:cxn ang="T62">
                    <a:pos x="T20" y="T21"/>
                  </a:cxn>
                  <a:cxn ang="T63">
                    <a:pos x="T22" y="T23"/>
                  </a:cxn>
                  <a:cxn ang="T64">
                    <a:pos x="T24" y="T25"/>
                  </a:cxn>
                  <a:cxn ang="T65">
                    <a:pos x="T26" y="T27"/>
                  </a:cxn>
                  <a:cxn ang="T66">
                    <a:pos x="T28" y="T29"/>
                  </a:cxn>
                  <a:cxn ang="T67">
                    <a:pos x="T30" y="T31"/>
                  </a:cxn>
                  <a:cxn ang="T68">
                    <a:pos x="T32" y="T33"/>
                  </a:cxn>
                  <a:cxn ang="T69">
                    <a:pos x="T34" y="T35"/>
                  </a:cxn>
                  <a:cxn ang="T70">
                    <a:pos x="T36" y="T37"/>
                  </a:cxn>
                  <a:cxn ang="T71">
                    <a:pos x="T38" y="T39"/>
                  </a:cxn>
                  <a:cxn ang="T72">
                    <a:pos x="T40" y="T41"/>
                  </a:cxn>
                  <a:cxn ang="T73">
                    <a:pos x="T42" y="T43"/>
                  </a:cxn>
                  <a:cxn ang="T74">
                    <a:pos x="T44" y="T45"/>
                  </a:cxn>
                  <a:cxn ang="T75">
                    <a:pos x="T46" y="T47"/>
                  </a:cxn>
                  <a:cxn ang="T76">
                    <a:pos x="T48" y="T49"/>
                  </a:cxn>
                  <a:cxn ang="T77">
                    <a:pos x="T50" y="T51"/>
                  </a:cxn>
                </a:cxnLst>
                <a:rect l="T78" t="T79" r="T80" b="T81"/>
                <a:pathLst>
                  <a:path w="522" h="180">
                    <a:moveTo>
                      <a:pt x="522" y="0"/>
                    </a:moveTo>
                    <a:lnTo>
                      <a:pt x="522" y="24"/>
                    </a:lnTo>
                    <a:lnTo>
                      <a:pt x="504" y="42"/>
                    </a:lnTo>
                    <a:lnTo>
                      <a:pt x="474" y="60"/>
                    </a:lnTo>
                    <a:lnTo>
                      <a:pt x="468" y="54"/>
                    </a:lnTo>
                    <a:lnTo>
                      <a:pt x="450" y="78"/>
                    </a:lnTo>
                    <a:lnTo>
                      <a:pt x="402" y="102"/>
                    </a:lnTo>
                    <a:lnTo>
                      <a:pt x="390" y="126"/>
                    </a:lnTo>
                    <a:lnTo>
                      <a:pt x="372" y="132"/>
                    </a:lnTo>
                    <a:lnTo>
                      <a:pt x="372" y="150"/>
                    </a:lnTo>
                    <a:lnTo>
                      <a:pt x="294" y="162"/>
                    </a:lnTo>
                    <a:lnTo>
                      <a:pt x="132" y="174"/>
                    </a:lnTo>
                    <a:lnTo>
                      <a:pt x="0" y="180"/>
                    </a:lnTo>
                    <a:lnTo>
                      <a:pt x="12" y="168"/>
                    </a:lnTo>
                    <a:lnTo>
                      <a:pt x="0" y="150"/>
                    </a:lnTo>
                    <a:lnTo>
                      <a:pt x="18" y="138"/>
                    </a:lnTo>
                    <a:lnTo>
                      <a:pt x="18" y="126"/>
                    </a:lnTo>
                    <a:lnTo>
                      <a:pt x="30" y="108"/>
                    </a:lnTo>
                    <a:lnTo>
                      <a:pt x="30" y="102"/>
                    </a:lnTo>
                    <a:lnTo>
                      <a:pt x="36" y="54"/>
                    </a:lnTo>
                    <a:lnTo>
                      <a:pt x="42" y="60"/>
                    </a:lnTo>
                    <a:lnTo>
                      <a:pt x="126" y="54"/>
                    </a:lnTo>
                    <a:lnTo>
                      <a:pt x="126" y="42"/>
                    </a:lnTo>
                    <a:lnTo>
                      <a:pt x="402" y="18"/>
                    </a:lnTo>
                    <a:lnTo>
                      <a:pt x="522" y="0"/>
                    </a:lnTo>
                    <a:lnTo>
                      <a:pt x="522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58" name="Freeform 485"/>
              <p:cNvSpPr>
                <a:spLocks noChangeAspect="1"/>
              </p:cNvSpPr>
              <p:nvPr/>
            </p:nvSpPr>
            <p:spPr bwMode="auto">
              <a:xfrm>
                <a:off x="2211" y="2292"/>
                <a:ext cx="864" cy="834"/>
              </a:xfrm>
              <a:custGeom>
                <a:avLst/>
                <a:gdLst>
                  <a:gd name="T0" fmla="*/ 828 w 864"/>
                  <a:gd name="T1" fmla="*/ 246 h 834"/>
                  <a:gd name="T2" fmla="*/ 864 w 864"/>
                  <a:gd name="T3" fmla="*/ 438 h 834"/>
                  <a:gd name="T4" fmla="*/ 858 w 864"/>
                  <a:gd name="T5" fmla="*/ 516 h 834"/>
                  <a:gd name="T6" fmla="*/ 846 w 864"/>
                  <a:gd name="T7" fmla="*/ 540 h 834"/>
                  <a:gd name="T8" fmla="*/ 804 w 864"/>
                  <a:gd name="T9" fmla="*/ 558 h 834"/>
                  <a:gd name="T10" fmla="*/ 792 w 864"/>
                  <a:gd name="T11" fmla="*/ 534 h 834"/>
                  <a:gd name="T12" fmla="*/ 768 w 864"/>
                  <a:gd name="T13" fmla="*/ 540 h 834"/>
                  <a:gd name="T14" fmla="*/ 756 w 864"/>
                  <a:gd name="T15" fmla="*/ 582 h 834"/>
                  <a:gd name="T16" fmla="*/ 678 w 864"/>
                  <a:gd name="T17" fmla="*/ 648 h 834"/>
                  <a:gd name="T18" fmla="*/ 684 w 864"/>
                  <a:gd name="T19" fmla="*/ 630 h 834"/>
                  <a:gd name="T20" fmla="*/ 678 w 864"/>
                  <a:gd name="T21" fmla="*/ 630 h 834"/>
                  <a:gd name="T22" fmla="*/ 666 w 864"/>
                  <a:gd name="T23" fmla="*/ 630 h 834"/>
                  <a:gd name="T24" fmla="*/ 660 w 864"/>
                  <a:gd name="T25" fmla="*/ 642 h 834"/>
                  <a:gd name="T26" fmla="*/ 654 w 864"/>
                  <a:gd name="T27" fmla="*/ 654 h 834"/>
                  <a:gd name="T28" fmla="*/ 642 w 864"/>
                  <a:gd name="T29" fmla="*/ 660 h 834"/>
                  <a:gd name="T30" fmla="*/ 636 w 864"/>
                  <a:gd name="T31" fmla="*/ 654 h 834"/>
                  <a:gd name="T32" fmla="*/ 624 w 864"/>
                  <a:gd name="T33" fmla="*/ 684 h 834"/>
                  <a:gd name="T34" fmla="*/ 606 w 864"/>
                  <a:gd name="T35" fmla="*/ 690 h 834"/>
                  <a:gd name="T36" fmla="*/ 612 w 864"/>
                  <a:gd name="T37" fmla="*/ 702 h 834"/>
                  <a:gd name="T38" fmla="*/ 594 w 864"/>
                  <a:gd name="T39" fmla="*/ 732 h 834"/>
                  <a:gd name="T40" fmla="*/ 588 w 864"/>
                  <a:gd name="T41" fmla="*/ 732 h 834"/>
                  <a:gd name="T42" fmla="*/ 576 w 864"/>
                  <a:gd name="T43" fmla="*/ 732 h 834"/>
                  <a:gd name="T44" fmla="*/ 594 w 864"/>
                  <a:gd name="T45" fmla="*/ 768 h 834"/>
                  <a:gd name="T46" fmla="*/ 546 w 864"/>
                  <a:gd name="T47" fmla="*/ 828 h 834"/>
                  <a:gd name="T48" fmla="*/ 462 w 864"/>
                  <a:gd name="T49" fmla="*/ 750 h 834"/>
                  <a:gd name="T50" fmla="*/ 408 w 864"/>
                  <a:gd name="T51" fmla="*/ 654 h 834"/>
                  <a:gd name="T52" fmla="*/ 336 w 864"/>
                  <a:gd name="T53" fmla="*/ 534 h 834"/>
                  <a:gd name="T54" fmla="*/ 252 w 864"/>
                  <a:gd name="T55" fmla="*/ 528 h 834"/>
                  <a:gd name="T56" fmla="*/ 216 w 864"/>
                  <a:gd name="T57" fmla="*/ 582 h 834"/>
                  <a:gd name="T58" fmla="*/ 126 w 864"/>
                  <a:gd name="T59" fmla="*/ 528 h 834"/>
                  <a:gd name="T60" fmla="*/ 6 w 864"/>
                  <a:gd name="T61" fmla="*/ 342 h 834"/>
                  <a:gd name="T62" fmla="*/ 234 w 864"/>
                  <a:gd name="T63" fmla="*/ 348 h 834"/>
                  <a:gd name="T64" fmla="*/ 456 w 864"/>
                  <a:gd name="T65" fmla="*/ 12 h 834"/>
                  <a:gd name="T66" fmla="*/ 468 w 864"/>
                  <a:gd name="T67" fmla="*/ 174 h 834"/>
                  <a:gd name="T68" fmla="*/ 498 w 864"/>
                  <a:gd name="T69" fmla="*/ 192 h 834"/>
                  <a:gd name="T70" fmla="*/ 564 w 864"/>
                  <a:gd name="T71" fmla="*/ 198 h 834"/>
                  <a:gd name="T72" fmla="*/ 594 w 864"/>
                  <a:gd name="T73" fmla="*/ 210 h 834"/>
                  <a:gd name="T74" fmla="*/ 624 w 864"/>
                  <a:gd name="T75" fmla="*/ 216 h 834"/>
                  <a:gd name="T76" fmla="*/ 642 w 864"/>
                  <a:gd name="T77" fmla="*/ 216 h 834"/>
                  <a:gd name="T78" fmla="*/ 660 w 864"/>
                  <a:gd name="T79" fmla="*/ 216 h 834"/>
                  <a:gd name="T80" fmla="*/ 750 w 864"/>
                  <a:gd name="T81" fmla="*/ 210 h 834"/>
                  <a:gd name="T82" fmla="*/ 798 w 864"/>
                  <a:gd name="T83" fmla="*/ 234 h 834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864"/>
                  <a:gd name="T127" fmla="*/ 0 h 834"/>
                  <a:gd name="T128" fmla="*/ 864 w 864"/>
                  <a:gd name="T129" fmla="*/ 834 h 834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864" h="834">
                    <a:moveTo>
                      <a:pt x="798" y="234"/>
                    </a:moveTo>
                    <a:lnTo>
                      <a:pt x="828" y="246"/>
                    </a:lnTo>
                    <a:lnTo>
                      <a:pt x="828" y="366"/>
                    </a:lnTo>
                    <a:lnTo>
                      <a:pt x="864" y="438"/>
                    </a:lnTo>
                    <a:lnTo>
                      <a:pt x="852" y="474"/>
                    </a:lnTo>
                    <a:lnTo>
                      <a:pt x="858" y="516"/>
                    </a:lnTo>
                    <a:lnTo>
                      <a:pt x="840" y="534"/>
                    </a:lnTo>
                    <a:lnTo>
                      <a:pt x="846" y="540"/>
                    </a:lnTo>
                    <a:lnTo>
                      <a:pt x="786" y="570"/>
                    </a:lnTo>
                    <a:lnTo>
                      <a:pt x="804" y="558"/>
                    </a:lnTo>
                    <a:lnTo>
                      <a:pt x="786" y="558"/>
                    </a:lnTo>
                    <a:lnTo>
                      <a:pt x="792" y="534"/>
                    </a:lnTo>
                    <a:lnTo>
                      <a:pt x="774" y="546"/>
                    </a:lnTo>
                    <a:lnTo>
                      <a:pt x="768" y="540"/>
                    </a:lnTo>
                    <a:lnTo>
                      <a:pt x="774" y="576"/>
                    </a:lnTo>
                    <a:lnTo>
                      <a:pt x="756" y="582"/>
                    </a:lnTo>
                    <a:lnTo>
                      <a:pt x="756" y="600"/>
                    </a:lnTo>
                    <a:lnTo>
                      <a:pt x="678" y="648"/>
                    </a:lnTo>
                    <a:lnTo>
                      <a:pt x="720" y="618"/>
                    </a:lnTo>
                    <a:lnTo>
                      <a:pt x="684" y="630"/>
                    </a:lnTo>
                    <a:lnTo>
                      <a:pt x="684" y="618"/>
                    </a:lnTo>
                    <a:lnTo>
                      <a:pt x="678" y="630"/>
                    </a:lnTo>
                    <a:lnTo>
                      <a:pt x="672" y="624"/>
                    </a:lnTo>
                    <a:lnTo>
                      <a:pt x="666" y="630"/>
                    </a:lnTo>
                    <a:lnTo>
                      <a:pt x="654" y="624"/>
                    </a:lnTo>
                    <a:lnTo>
                      <a:pt x="660" y="642"/>
                    </a:lnTo>
                    <a:lnTo>
                      <a:pt x="672" y="642"/>
                    </a:lnTo>
                    <a:lnTo>
                      <a:pt x="654" y="654"/>
                    </a:lnTo>
                    <a:lnTo>
                      <a:pt x="642" y="636"/>
                    </a:lnTo>
                    <a:lnTo>
                      <a:pt x="642" y="660"/>
                    </a:lnTo>
                    <a:lnTo>
                      <a:pt x="636" y="666"/>
                    </a:lnTo>
                    <a:lnTo>
                      <a:pt x="636" y="654"/>
                    </a:lnTo>
                    <a:lnTo>
                      <a:pt x="612" y="672"/>
                    </a:lnTo>
                    <a:lnTo>
                      <a:pt x="624" y="684"/>
                    </a:lnTo>
                    <a:lnTo>
                      <a:pt x="594" y="684"/>
                    </a:lnTo>
                    <a:lnTo>
                      <a:pt x="606" y="690"/>
                    </a:lnTo>
                    <a:lnTo>
                      <a:pt x="606" y="702"/>
                    </a:lnTo>
                    <a:lnTo>
                      <a:pt x="612" y="702"/>
                    </a:lnTo>
                    <a:lnTo>
                      <a:pt x="600" y="732"/>
                    </a:lnTo>
                    <a:lnTo>
                      <a:pt x="594" y="732"/>
                    </a:lnTo>
                    <a:lnTo>
                      <a:pt x="594" y="720"/>
                    </a:lnTo>
                    <a:lnTo>
                      <a:pt x="588" y="732"/>
                    </a:lnTo>
                    <a:lnTo>
                      <a:pt x="576" y="720"/>
                    </a:lnTo>
                    <a:lnTo>
                      <a:pt x="576" y="732"/>
                    </a:lnTo>
                    <a:lnTo>
                      <a:pt x="600" y="732"/>
                    </a:lnTo>
                    <a:lnTo>
                      <a:pt x="594" y="768"/>
                    </a:lnTo>
                    <a:lnTo>
                      <a:pt x="618" y="834"/>
                    </a:lnTo>
                    <a:lnTo>
                      <a:pt x="546" y="828"/>
                    </a:lnTo>
                    <a:lnTo>
                      <a:pt x="480" y="798"/>
                    </a:lnTo>
                    <a:lnTo>
                      <a:pt x="462" y="750"/>
                    </a:lnTo>
                    <a:lnTo>
                      <a:pt x="456" y="702"/>
                    </a:lnTo>
                    <a:lnTo>
                      <a:pt x="408" y="654"/>
                    </a:lnTo>
                    <a:lnTo>
                      <a:pt x="372" y="570"/>
                    </a:lnTo>
                    <a:lnTo>
                      <a:pt x="336" y="534"/>
                    </a:lnTo>
                    <a:lnTo>
                      <a:pt x="276" y="516"/>
                    </a:lnTo>
                    <a:lnTo>
                      <a:pt x="252" y="528"/>
                    </a:lnTo>
                    <a:lnTo>
                      <a:pt x="234" y="564"/>
                    </a:lnTo>
                    <a:lnTo>
                      <a:pt x="216" y="582"/>
                    </a:lnTo>
                    <a:lnTo>
                      <a:pt x="198" y="576"/>
                    </a:lnTo>
                    <a:lnTo>
                      <a:pt x="126" y="528"/>
                    </a:lnTo>
                    <a:lnTo>
                      <a:pt x="108" y="450"/>
                    </a:lnTo>
                    <a:lnTo>
                      <a:pt x="6" y="342"/>
                    </a:lnTo>
                    <a:lnTo>
                      <a:pt x="0" y="330"/>
                    </a:lnTo>
                    <a:lnTo>
                      <a:pt x="234" y="348"/>
                    </a:lnTo>
                    <a:lnTo>
                      <a:pt x="264" y="0"/>
                    </a:lnTo>
                    <a:lnTo>
                      <a:pt x="456" y="12"/>
                    </a:lnTo>
                    <a:lnTo>
                      <a:pt x="444" y="162"/>
                    </a:lnTo>
                    <a:lnTo>
                      <a:pt x="468" y="174"/>
                    </a:lnTo>
                    <a:lnTo>
                      <a:pt x="486" y="174"/>
                    </a:lnTo>
                    <a:lnTo>
                      <a:pt x="498" y="192"/>
                    </a:lnTo>
                    <a:lnTo>
                      <a:pt x="540" y="204"/>
                    </a:lnTo>
                    <a:lnTo>
                      <a:pt x="564" y="198"/>
                    </a:lnTo>
                    <a:lnTo>
                      <a:pt x="582" y="222"/>
                    </a:lnTo>
                    <a:lnTo>
                      <a:pt x="594" y="210"/>
                    </a:lnTo>
                    <a:lnTo>
                      <a:pt x="612" y="228"/>
                    </a:lnTo>
                    <a:lnTo>
                      <a:pt x="624" y="216"/>
                    </a:lnTo>
                    <a:lnTo>
                      <a:pt x="630" y="234"/>
                    </a:lnTo>
                    <a:lnTo>
                      <a:pt x="642" y="216"/>
                    </a:lnTo>
                    <a:lnTo>
                      <a:pt x="648" y="222"/>
                    </a:lnTo>
                    <a:lnTo>
                      <a:pt x="660" y="216"/>
                    </a:lnTo>
                    <a:lnTo>
                      <a:pt x="678" y="234"/>
                    </a:lnTo>
                    <a:lnTo>
                      <a:pt x="750" y="210"/>
                    </a:lnTo>
                    <a:lnTo>
                      <a:pt x="798" y="240"/>
                    </a:lnTo>
                    <a:lnTo>
                      <a:pt x="798" y="234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59" name="Freeform 486"/>
              <p:cNvSpPr>
                <a:spLocks noChangeAspect="1"/>
              </p:cNvSpPr>
              <p:nvPr/>
            </p:nvSpPr>
            <p:spPr bwMode="auto">
              <a:xfrm>
                <a:off x="2211" y="2292"/>
                <a:ext cx="864" cy="834"/>
              </a:xfrm>
              <a:custGeom>
                <a:avLst/>
                <a:gdLst>
                  <a:gd name="T0" fmla="*/ 828 w 864"/>
                  <a:gd name="T1" fmla="*/ 246 h 834"/>
                  <a:gd name="T2" fmla="*/ 864 w 864"/>
                  <a:gd name="T3" fmla="*/ 438 h 834"/>
                  <a:gd name="T4" fmla="*/ 858 w 864"/>
                  <a:gd name="T5" fmla="*/ 516 h 834"/>
                  <a:gd name="T6" fmla="*/ 846 w 864"/>
                  <a:gd name="T7" fmla="*/ 540 h 834"/>
                  <a:gd name="T8" fmla="*/ 804 w 864"/>
                  <a:gd name="T9" fmla="*/ 558 h 834"/>
                  <a:gd name="T10" fmla="*/ 792 w 864"/>
                  <a:gd name="T11" fmla="*/ 534 h 834"/>
                  <a:gd name="T12" fmla="*/ 768 w 864"/>
                  <a:gd name="T13" fmla="*/ 540 h 834"/>
                  <a:gd name="T14" fmla="*/ 756 w 864"/>
                  <a:gd name="T15" fmla="*/ 582 h 834"/>
                  <a:gd name="T16" fmla="*/ 678 w 864"/>
                  <a:gd name="T17" fmla="*/ 648 h 834"/>
                  <a:gd name="T18" fmla="*/ 684 w 864"/>
                  <a:gd name="T19" fmla="*/ 630 h 834"/>
                  <a:gd name="T20" fmla="*/ 678 w 864"/>
                  <a:gd name="T21" fmla="*/ 630 h 834"/>
                  <a:gd name="T22" fmla="*/ 666 w 864"/>
                  <a:gd name="T23" fmla="*/ 630 h 834"/>
                  <a:gd name="T24" fmla="*/ 660 w 864"/>
                  <a:gd name="T25" fmla="*/ 642 h 834"/>
                  <a:gd name="T26" fmla="*/ 654 w 864"/>
                  <a:gd name="T27" fmla="*/ 654 h 834"/>
                  <a:gd name="T28" fmla="*/ 642 w 864"/>
                  <a:gd name="T29" fmla="*/ 660 h 834"/>
                  <a:gd name="T30" fmla="*/ 636 w 864"/>
                  <a:gd name="T31" fmla="*/ 654 h 834"/>
                  <a:gd name="T32" fmla="*/ 624 w 864"/>
                  <a:gd name="T33" fmla="*/ 684 h 834"/>
                  <a:gd name="T34" fmla="*/ 606 w 864"/>
                  <a:gd name="T35" fmla="*/ 690 h 834"/>
                  <a:gd name="T36" fmla="*/ 612 w 864"/>
                  <a:gd name="T37" fmla="*/ 702 h 834"/>
                  <a:gd name="T38" fmla="*/ 594 w 864"/>
                  <a:gd name="T39" fmla="*/ 732 h 834"/>
                  <a:gd name="T40" fmla="*/ 588 w 864"/>
                  <a:gd name="T41" fmla="*/ 732 h 834"/>
                  <a:gd name="T42" fmla="*/ 576 w 864"/>
                  <a:gd name="T43" fmla="*/ 732 h 834"/>
                  <a:gd name="T44" fmla="*/ 594 w 864"/>
                  <a:gd name="T45" fmla="*/ 768 h 834"/>
                  <a:gd name="T46" fmla="*/ 546 w 864"/>
                  <a:gd name="T47" fmla="*/ 828 h 834"/>
                  <a:gd name="T48" fmla="*/ 462 w 864"/>
                  <a:gd name="T49" fmla="*/ 750 h 834"/>
                  <a:gd name="T50" fmla="*/ 408 w 864"/>
                  <a:gd name="T51" fmla="*/ 654 h 834"/>
                  <a:gd name="T52" fmla="*/ 336 w 864"/>
                  <a:gd name="T53" fmla="*/ 534 h 834"/>
                  <a:gd name="T54" fmla="*/ 252 w 864"/>
                  <a:gd name="T55" fmla="*/ 528 h 834"/>
                  <a:gd name="T56" fmla="*/ 216 w 864"/>
                  <a:gd name="T57" fmla="*/ 582 h 834"/>
                  <a:gd name="T58" fmla="*/ 126 w 864"/>
                  <a:gd name="T59" fmla="*/ 528 h 834"/>
                  <a:gd name="T60" fmla="*/ 6 w 864"/>
                  <a:gd name="T61" fmla="*/ 342 h 834"/>
                  <a:gd name="T62" fmla="*/ 234 w 864"/>
                  <a:gd name="T63" fmla="*/ 348 h 834"/>
                  <a:gd name="T64" fmla="*/ 456 w 864"/>
                  <a:gd name="T65" fmla="*/ 12 h 834"/>
                  <a:gd name="T66" fmla="*/ 468 w 864"/>
                  <a:gd name="T67" fmla="*/ 174 h 834"/>
                  <a:gd name="T68" fmla="*/ 498 w 864"/>
                  <a:gd name="T69" fmla="*/ 192 h 834"/>
                  <a:gd name="T70" fmla="*/ 564 w 864"/>
                  <a:gd name="T71" fmla="*/ 198 h 834"/>
                  <a:gd name="T72" fmla="*/ 594 w 864"/>
                  <a:gd name="T73" fmla="*/ 210 h 834"/>
                  <a:gd name="T74" fmla="*/ 624 w 864"/>
                  <a:gd name="T75" fmla="*/ 216 h 834"/>
                  <a:gd name="T76" fmla="*/ 642 w 864"/>
                  <a:gd name="T77" fmla="*/ 216 h 834"/>
                  <a:gd name="T78" fmla="*/ 660 w 864"/>
                  <a:gd name="T79" fmla="*/ 216 h 834"/>
                  <a:gd name="T80" fmla="*/ 750 w 864"/>
                  <a:gd name="T81" fmla="*/ 210 h 834"/>
                  <a:gd name="T82" fmla="*/ 798 w 864"/>
                  <a:gd name="T83" fmla="*/ 234 h 834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864"/>
                  <a:gd name="T127" fmla="*/ 0 h 834"/>
                  <a:gd name="T128" fmla="*/ 864 w 864"/>
                  <a:gd name="T129" fmla="*/ 834 h 834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864" h="834">
                    <a:moveTo>
                      <a:pt x="798" y="234"/>
                    </a:moveTo>
                    <a:lnTo>
                      <a:pt x="828" y="246"/>
                    </a:lnTo>
                    <a:lnTo>
                      <a:pt x="828" y="366"/>
                    </a:lnTo>
                    <a:lnTo>
                      <a:pt x="864" y="438"/>
                    </a:lnTo>
                    <a:lnTo>
                      <a:pt x="852" y="474"/>
                    </a:lnTo>
                    <a:lnTo>
                      <a:pt x="858" y="516"/>
                    </a:lnTo>
                    <a:lnTo>
                      <a:pt x="840" y="534"/>
                    </a:lnTo>
                    <a:lnTo>
                      <a:pt x="846" y="540"/>
                    </a:lnTo>
                    <a:lnTo>
                      <a:pt x="786" y="570"/>
                    </a:lnTo>
                    <a:lnTo>
                      <a:pt x="804" y="558"/>
                    </a:lnTo>
                    <a:lnTo>
                      <a:pt x="786" y="558"/>
                    </a:lnTo>
                    <a:lnTo>
                      <a:pt x="792" y="534"/>
                    </a:lnTo>
                    <a:lnTo>
                      <a:pt x="774" y="546"/>
                    </a:lnTo>
                    <a:lnTo>
                      <a:pt x="768" y="540"/>
                    </a:lnTo>
                    <a:lnTo>
                      <a:pt x="774" y="576"/>
                    </a:lnTo>
                    <a:lnTo>
                      <a:pt x="756" y="582"/>
                    </a:lnTo>
                    <a:lnTo>
                      <a:pt x="756" y="600"/>
                    </a:lnTo>
                    <a:lnTo>
                      <a:pt x="678" y="648"/>
                    </a:lnTo>
                    <a:lnTo>
                      <a:pt x="720" y="618"/>
                    </a:lnTo>
                    <a:lnTo>
                      <a:pt x="684" y="630"/>
                    </a:lnTo>
                    <a:lnTo>
                      <a:pt x="684" y="618"/>
                    </a:lnTo>
                    <a:lnTo>
                      <a:pt x="678" y="630"/>
                    </a:lnTo>
                    <a:lnTo>
                      <a:pt x="672" y="624"/>
                    </a:lnTo>
                    <a:lnTo>
                      <a:pt x="666" y="630"/>
                    </a:lnTo>
                    <a:lnTo>
                      <a:pt x="654" y="624"/>
                    </a:lnTo>
                    <a:lnTo>
                      <a:pt x="660" y="642"/>
                    </a:lnTo>
                    <a:lnTo>
                      <a:pt x="672" y="642"/>
                    </a:lnTo>
                    <a:lnTo>
                      <a:pt x="654" y="654"/>
                    </a:lnTo>
                    <a:lnTo>
                      <a:pt x="642" y="636"/>
                    </a:lnTo>
                    <a:lnTo>
                      <a:pt x="642" y="660"/>
                    </a:lnTo>
                    <a:lnTo>
                      <a:pt x="636" y="666"/>
                    </a:lnTo>
                    <a:lnTo>
                      <a:pt x="636" y="654"/>
                    </a:lnTo>
                    <a:lnTo>
                      <a:pt x="612" y="672"/>
                    </a:lnTo>
                    <a:lnTo>
                      <a:pt x="624" y="684"/>
                    </a:lnTo>
                    <a:lnTo>
                      <a:pt x="594" y="684"/>
                    </a:lnTo>
                    <a:lnTo>
                      <a:pt x="606" y="690"/>
                    </a:lnTo>
                    <a:lnTo>
                      <a:pt x="606" y="702"/>
                    </a:lnTo>
                    <a:lnTo>
                      <a:pt x="612" y="702"/>
                    </a:lnTo>
                    <a:lnTo>
                      <a:pt x="600" y="732"/>
                    </a:lnTo>
                    <a:lnTo>
                      <a:pt x="594" y="732"/>
                    </a:lnTo>
                    <a:lnTo>
                      <a:pt x="594" y="720"/>
                    </a:lnTo>
                    <a:lnTo>
                      <a:pt x="588" y="732"/>
                    </a:lnTo>
                    <a:lnTo>
                      <a:pt x="576" y="720"/>
                    </a:lnTo>
                    <a:lnTo>
                      <a:pt x="576" y="732"/>
                    </a:lnTo>
                    <a:lnTo>
                      <a:pt x="600" y="732"/>
                    </a:lnTo>
                    <a:lnTo>
                      <a:pt x="594" y="768"/>
                    </a:lnTo>
                    <a:lnTo>
                      <a:pt x="618" y="834"/>
                    </a:lnTo>
                    <a:lnTo>
                      <a:pt x="546" y="828"/>
                    </a:lnTo>
                    <a:lnTo>
                      <a:pt x="480" y="798"/>
                    </a:lnTo>
                    <a:lnTo>
                      <a:pt x="462" y="750"/>
                    </a:lnTo>
                    <a:lnTo>
                      <a:pt x="456" y="702"/>
                    </a:lnTo>
                    <a:lnTo>
                      <a:pt x="408" y="654"/>
                    </a:lnTo>
                    <a:lnTo>
                      <a:pt x="372" y="570"/>
                    </a:lnTo>
                    <a:lnTo>
                      <a:pt x="336" y="534"/>
                    </a:lnTo>
                    <a:lnTo>
                      <a:pt x="276" y="516"/>
                    </a:lnTo>
                    <a:lnTo>
                      <a:pt x="252" y="528"/>
                    </a:lnTo>
                    <a:lnTo>
                      <a:pt x="234" y="564"/>
                    </a:lnTo>
                    <a:lnTo>
                      <a:pt x="216" y="582"/>
                    </a:lnTo>
                    <a:lnTo>
                      <a:pt x="198" y="576"/>
                    </a:lnTo>
                    <a:lnTo>
                      <a:pt x="126" y="528"/>
                    </a:lnTo>
                    <a:lnTo>
                      <a:pt x="108" y="450"/>
                    </a:lnTo>
                    <a:lnTo>
                      <a:pt x="6" y="342"/>
                    </a:lnTo>
                    <a:lnTo>
                      <a:pt x="0" y="330"/>
                    </a:lnTo>
                    <a:lnTo>
                      <a:pt x="234" y="348"/>
                    </a:lnTo>
                    <a:lnTo>
                      <a:pt x="264" y="0"/>
                    </a:lnTo>
                    <a:lnTo>
                      <a:pt x="456" y="12"/>
                    </a:lnTo>
                    <a:lnTo>
                      <a:pt x="444" y="162"/>
                    </a:lnTo>
                    <a:lnTo>
                      <a:pt x="468" y="174"/>
                    </a:lnTo>
                    <a:lnTo>
                      <a:pt x="486" y="174"/>
                    </a:lnTo>
                    <a:lnTo>
                      <a:pt x="498" y="192"/>
                    </a:lnTo>
                    <a:lnTo>
                      <a:pt x="540" y="204"/>
                    </a:lnTo>
                    <a:lnTo>
                      <a:pt x="564" y="198"/>
                    </a:lnTo>
                    <a:lnTo>
                      <a:pt x="582" y="222"/>
                    </a:lnTo>
                    <a:lnTo>
                      <a:pt x="594" y="210"/>
                    </a:lnTo>
                    <a:lnTo>
                      <a:pt x="612" y="228"/>
                    </a:lnTo>
                    <a:lnTo>
                      <a:pt x="624" y="216"/>
                    </a:lnTo>
                    <a:lnTo>
                      <a:pt x="630" y="234"/>
                    </a:lnTo>
                    <a:lnTo>
                      <a:pt x="642" y="216"/>
                    </a:lnTo>
                    <a:lnTo>
                      <a:pt x="648" y="222"/>
                    </a:lnTo>
                    <a:lnTo>
                      <a:pt x="660" y="216"/>
                    </a:lnTo>
                    <a:lnTo>
                      <a:pt x="678" y="234"/>
                    </a:lnTo>
                    <a:lnTo>
                      <a:pt x="750" y="210"/>
                    </a:lnTo>
                    <a:lnTo>
                      <a:pt x="798" y="240"/>
                    </a:lnTo>
                    <a:lnTo>
                      <a:pt x="798" y="234"/>
                    </a:lnTo>
                    <a:lnTo>
                      <a:pt x="798" y="24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60" name="Freeform 487"/>
              <p:cNvSpPr>
                <a:spLocks noChangeAspect="1"/>
              </p:cNvSpPr>
              <p:nvPr/>
            </p:nvSpPr>
            <p:spPr bwMode="auto">
              <a:xfrm>
                <a:off x="1803" y="1776"/>
                <a:ext cx="348" cy="438"/>
              </a:xfrm>
              <a:custGeom>
                <a:avLst/>
                <a:gdLst>
                  <a:gd name="T0" fmla="*/ 306 w 348"/>
                  <a:gd name="T1" fmla="*/ 438 h 438"/>
                  <a:gd name="T2" fmla="*/ 0 w 348"/>
                  <a:gd name="T3" fmla="*/ 384 h 438"/>
                  <a:gd name="T4" fmla="*/ 78 w 348"/>
                  <a:gd name="T5" fmla="*/ 0 h 438"/>
                  <a:gd name="T6" fmla="*/ 132 w 348"/>
                  <a:gd name="T7" fmla="*/ 12 h 438"/>
                  <a:gd name="T8" fmla="*/ 246 w 348"/>
                  <a:gd name="T9" fmla="*/ 30 h 438"/>
                  <a:gd name="T10" fmla="*/ 234 w 348"/>
                  <a:gd name="T11" fmla="*/ 108 h 438"/>
                  <a:gd name="T12" fmla="*/ 348 w 348"/>
                  <a:gd name="T13" fmla="*/ 126 h 438"/>
                  <a:gd name="T14" fmla="*/ 312 w 348"/>
                  <a:gd name="T15" fmla="*/ 390 h 438"/>
                  <a:gd name="T16" fmla="*/ 306 w 348"/>
                  <a:gd name="T17" fmla="*/ 438 h 438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348"/>
                  <a:gd name="T28" fmla="*/ 0 h 438"/>
                  <a:gd name="T29" fmla="*/ 348 w 348"/>
                  <a:gd name="T30" fmla="*/ 438 h 438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348" h="438">
                    <a:moveTo>
                      <a:pt x="306" y="438"/>
                    </a:moveTo>
                    <a:lnTo>
                      <a:pt x="0" y="384"/>
                    </a:lnTo>
                    <a:lnTo>
                      <a:pt x="78" y="0"/>
                    </a:lnTo>
                    <a:lnTo>
                      <a:pt x="132" y="12"/>
                    </a:lnTo>
                    <a:lnTo>
                      <a:pt x="246" y="30"/>
                    </a:lnTo>
                    <a:lnTo>
                      <a:pt x="234" y="108"/>
                    </a:lnTo>
                    <a:lnTo>
                      <a:pt x="348" y="126"/>
                    </a:lnTo>
                    <a:lnTo>
                      <a:pt x="312" y="390"/>
                    </a:lnTo>
                    <a:lnTo>
                      <a:pt x="306" y="438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61" name="Freeform 488"/>
              <p:cNvSpPr>
                <a:spLocks noChangeAspect="1"/>
              </p:cNvSpPr>
              <p:nvPr/>
            </p:nvSpPr>
            <p:spPr bwMode="auto">
              <a:xfrm>
                <a:off x="1803" y="1776"/>
                <a:ext cx="348" cy="444"/>
              </a:xfrm>
              <a:custGeom>
                <a:avLst/>
                <a:gdLst>
                  <a:gd name="T0" fmla="*/ 306 w 348"/>
                  <a:gd name="T1" fmla="*/ 438 h 444"/>
                  <a:gd name="T2" fmla="*/ 0 w 348"/>
                  <a:gd name="T3" fmla="*/ 384 h 444"/>
                  <a:gd name="T4" fmla="*/ 78 w 348"/>
                  <a:gd name="T5" fmla="*/ 0 h 444"/>
                  <a:gd name="T6" fmla="*/ 132 w 348"/>
                  <a:gd name="T7" fmla="*/ 12 h 444"/>
                  <a:gd name="T8" fmla="*/ 246 w 348"/>
                  <a:gd name="T9" fmla="*/ 30 h 444"/>
                  <a:gd name="T10" fmla="*/ 234 w 348"/>
                  <a:gd name="T11" fmla="*/ 108 h 444"/>
                  <a:gd name="T12" fmla="*/ 348 w 348"/>
                  <a:gd name="T13" fmla="*/ 126 h 444"/>
                  <a:gd name="T14" fmla="*/ 312 w 348"/>
                  <a:gd name="T15" fmla="*/ 390 h 444"/>
                  <a:gd name="T16" fmla="*/ 306 w 348"/>
                  <a:gd name="T17" fmla="*/ 438 h 444"/>
                  <a:gd name="T18" fmla="*/ 306 w 348"/>
                  <a:gd name="T19" fmla="*/ 444 h 444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48"/>
                  <a:gd name="T31" fmla="*/ 0 h 444"/>
                  <a:gd name="T32" fmla="*/ 348 w 348"/>
                  <a:gd name="T33" fmla="*/ 444 h 444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48" h="444">
                    <a:moveTo>
                      <a:pt x="306" y="438"/>
                    </a:moveTo>
                    <a:lnTo>
                      <a:pt x="0" y="384"/>
                    </a:lnTo>
                    <a:lnTo>
                      <a:pt x="78" y="0"/>
                    </a:lnTo>
                    <a:lnTo>
                      <a:pt x="132" y="12"/>
                    </a:lnTo>
                    <a:lnTo>
                      <a:pt x="246" y="30"/>
                    </a:lnTo>
                    <a:lnTo>
                      <a:pt x="234" y="108"/>
                    </a:lnTo>
                    <a:lnTo>
                      <a:pt x="348" y="126"/>
                    </a:lnTo>
                    <a:lnTo>
                      <a:pt x="312" y="390"/>
                    </a:lnTo>
                    <a:lnTo>
                      <a:pt x="306" y="438"/>
                    </a:lnTo>
                    <a:lnTo>
                      <a:pt x="306" y="444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62" name="Freeform 489"/>
              <p:cNvSpPr>
                <a:spLocks noChangeAspect="1"/>
              </p:cNvSpPr>
              <p:nvPr/>
            </p:nvSpPr>
            <p:spPr bwMode="auto">
              <a:xfrm>
                <a:off x="4155" y="1470"/>
                <a:ext cx="102" cy="198"/>
              </a:xfrm>
              <a:custGeom>
                <a:avLst/>
                <a:gdLst>
                  <a:gd name="T0" fmla="*/ 90 w 102"/>
                  <a:gd name="T1" fmla="*/ 186 h 198"/>
                  <a:gd name="T2" fmla="*/ 66 w 102"/>
                  <a:gd name="T3" fmla="*/ 192 h 198"/>
                  <a:gd name="T4" fmla="*/ 48 w 102"/>
                  <a:gd name="T5" fmla="*/ 198 h 198"/>
                  <a:gd name="T6" fmla="*/ 42 w 102"/>
                  <a:gd name="T7" fmla="*/ 192 h 198"/>
                  <a:gd name="T8" fmla="*/ 30 w 102"/>
                  <a:gd name="T9" fmla="*/ 138 h 198"/>
                  <a:gd name="T10" fmla="*/ 24 w 102"/>
                  <a:gd name="T11" fmla="*/ 138 h 198"/>
                  <a:gd name="T12" fmla="*/ 12 w 102"/>
                  <a:gd name="T13" fmla="*/ 102 h 198"/>
                  <a:gd name="T14" fmla="*/ 0 w 102"/>
                  <a:gd name="T15" fmla="*/ 30 h 198"/>
                  <a:gd name="T16" fmla="*/ 96 w 102"/>
                  <a:gd name="T17" fmla="*/ 0 h 198"/>
                  <a:gd name="T18" fmla="*/ 102 w 102"/>
                  <a:gd name="T19" fmla="*/ 42 h 198"/>
                  <a:gd name="T20" fmla="*/ 84 w 102"/>
                  <a:gd name="T21" fmla="*/ 66 h 198"/>
                  <a:gd name="T22" fmla="*/ 78 w 102"/>
                  <a:gd name="T23" fmla="*/ 120 h 198"/>
                  <a:gd name="T24" fmla="*/ 90 w 102"/>
                  <a:gd name="T25" fmla="*/ 186 h 198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102"/>
                  <a:gd name="T40" fmla="*/ 0 h 198"/>
                  <a:gd name="T41" fmla="*/ 102 w 102"/>
                  <a:gd name="T42" fmla="*/ 198 h 198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102" h="198">
                    <a:moveTo>
                      <a:pt x="90" y="186"/>
                    </a:moveTo>
                    <a:lnTo>
                      <a:pt x="66" y="192"/>
                    </a:lnTo>
                    <a:lnTo>
                      <a:pt x="48" y="198"/>
                    </a:lnTo>
                    <a:lnTo>
                      <a:pt x="42" y="192"/>
                    </a:lnTo>
                    <a:lnTo>
                      <a:pt x="30" y="138"/>
                    </a:lnTo>
                    <a:lnTo>
                      <a:pt x="24" y="138"/>
                    </a:lnTo>
                    <a:lnTo>
                      <a:pt x="12" y="102"/>
                    </a:lnTo>
                    <a:lnTo>
                      <a:pt x="0" y="30"/>
                    </a:lnTo>
                    <a:lnTo>
                      <a:pt x="96" y="0"/>
                    </a:lnTo>
                    <a:lnTo>
                      <a:pt x="102" y="42"/>
                    </a:lnTo>
                    <a:lnTo>
                      <a:pt x="84" y="66"/>
                    </a:lnTo>
                    <a:lnTo>
                      <a:pt x="78" y="120"/>
                    </a:lnTo>
                    <a:lnTo>
                      <a:pt x="90" y="186"/>
                    </a:lnTo>
                    <a:close/>
                  </a:path>
                </a:pathLst>
              </a:custGeom>
              <a:solidFill>
                <a:srgbClr val="E8D898"/>
              </a:solidFill>
              <a:ln w="9525">
                <a:solidFill>
                  <a:srgbClr val="E8D898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63" name="Freeform 490"/>
              <p:cNvSpPr>
                <a:spLocks noChangeAspect="1"/>
              </p:cNvSpPr>
              <p:nvPr/>
            </p:nvSpPr>
            <p:spPr bwMode="auto">
              <a:xfrm>
                <a:off x="4155" y="1470"/>
                <a:ext cx="102" cy="198"/>
              </a:xfrm>
              <a:custGeom>
                <a:avLst/>
                <a:gdLst>
                  <a:gd name="T0" fmla="*/ 90 w 102"/>
                  <a:gd name="T1" fmla="*/ 186 h 198"/>
                  <a:gd name="T2" fmla="*/ 66 w 102"/>
                  <a:gd name="T3" fmla="*/ 192 h 198"/>
                  <a:gd name="T4" fmla="*/ 48 w 102"/>
                  <a:gd name="T5" fmla="*/ 198 h 198"/>
                  <a:gd name="T6" fmla="*/ 42 w 102"/>
                  <a:gd name="T7" fmla="*/ 192 h 198"/>
                  <a:gd name="T8" fmla="*/ 30 w 102"/>
                  <a:gd name="T9" fmla="*/ 138 h 198"/>
                  <a:gd name="T10" fmla="*/ 24 w 102"/>
                  <a:gd name="T11" fmla="*/ 138 h 198"/>
                  <a:gd name="T12" fmla="*/ 12 w 102"/>
                  <a:gd name="T13" fmla="*/ 102 h 198"/>
                  <a:gd name="T14" fmla="*/ 0 w 102"/>
                  <a:gd name="T15" fmla="*/ 30 h 198"/>
                  <a:gd name="T16" fmla="*/ 96 w 102"/>
                  <a:gd name="T17" fmla="*/ 0 h 198"/>
                  <a:gd name="T18" fmla="*/ 102 w 102"/>
                  <a:gd name="T19" fmla="*/ 42 h 198"/>
                  <a:gd name="T20" fmla="*/ 84 w 102"/>
                  <a:gd name="T21" fmla="*/ 66 h 198"/>
                  <a:gd name="T22" fmla="*/ 78 w 102"/>
                  <a:gd name="T23" fmla="*/ 120 h 198"/>
                  <a:gd name="T24" fmla="*/ 90 w 102"/>
                  <a:gd name="T25" fmla="*/ 186 h 198"/>
                  <a:gd name="T26" fmla="*/ 90 w 102"/>
                  <a:gd name="T27" fmla="*/ 192 h 198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w 102"/>
                  <a:gd name="T43" fmla="*/ 0 h 198"/>
                  <a:gd name="T44" fmla="*/ 102 w 102"/>
                  <a:gd name="T45" fmla="*/ 198 h 198"/>
                </a:gdLst>
                <a:ahLst/>
                <a:cxnLst>
                  <a:cxn ang="T28">
                    <a:pos x="T0" y="T1"/>
                  </a:cxn>
                  <a:cxn ang="T29">
                    <a:pos x="T2" y="T3"/>
                  </a:cxn>
                  <a:cxn ang="T30">
                    <a:pos x="T4" y="T5"/>
                  </a:cxn>
                  <a:cxn ang="T31">
                    <a:pos x="T6" y="T7"/>
                  </a:cxn>
                  <a:cxn ang="T32">
                    <a:pos x="T8" y="T9"/>
                  </a:cxn>
                  <a:cxn ang="T33">
                    <a:pos x="T10" y="T11"/>
                  </a:cxn>
                  <a:cxn ang="T34">
                    <a:pos x="T12" y="T13"/>
                  </a:cxn>
                  <a:cxn ang="T35">
                    <a:pos x="T14" y="T15"/>
                  </a:cxn>
                  <a:cxn ang="T36">
                    <a:pos x="T16" y="T17"/>
                  </a:cxn>
                  <a:cxn ang="T37">
                    <a:pos x="T18" y="T19"/>
                  </a:cxn>
                  <a:cxn ang="T38">
                    <a:pos x="T20" y="T21"/>
                  </a:cxn>
                  <a:cxn ang="T39">
                    <a:pos x="T22" y="T23"/>
                  </a:cxn>
                  <a:cxn ang="T40">
                    <a:pos x="T24" y="T25"/>
                  </a:cxn>
                  <a:cxn ang="T41">
                    <a:pos x="T26" y="T27"/>
                  </a:cxn>
                </a:cxnLst>
                <a:rect l="T42" t="T43" r="T44" b="T45"/>
                <a:pathLst>
                  <a:path w="102" h="198">
                    <a:moveTo>
                      <a:pt x="90" y="186"/>
                    </a:moveTo>
                    <a:lnTo>
                      <a:pt x="66" y="192"/>
                    </a:lnTo>
                    <a:lnTo>
                      <a:pt x="48" y="198"/>
                    </a:lnTo>
                    <a:lnTo>
                      <a:pt x="42" y="192"/>
                    </a:lnTo>
                    <a:lnTo>
                      <a:pt x="30" y="138"/>
                    </a:lnTo>
                    <a:lnTo>
                      <a:pt x="24" y="138"/>
                    </a:lnTo>
                    <a:lnTo>
                      <a:pt x="12" y="102"/>
                    </a:lnTo>
                    <a:lnTo>
                      <a:pt x="0" y="30"/>
                    </a:lnTo>
                    <a:lnTo>
                      <a:pt x="96" y="0"/>
                    </a:lnTo>
                    <a:lnTo>
                      <a:pt x="102" y="42"/>
                    </a:lnTo>
                    <a:lnTo>
                      <a:pt x="84" y="66"/>
                    </a:lnTo>
                    <a:lnTo>
                      <a:pt x="78" y="120"/>
                    </a:lnTo>
                    <a:lnTo>
                      <a:pt x="90" y="186"/>
                    </a:lnTo>
                    <a:lnTo>
                      <a:pt x="90" y="19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64" name="Freeform 491"/>
              <p:cNvSpPr>
                <a:spLocks noChangeAspect="1"/>
              </p:cNvSpPr>
              <p:nvPr/>
            </p:nvSpPr>
            <p:spPr bwMode="auto">
              <a:xfrm>
                <a:off x="4167" y="2052"/>
                <a:ext cx="6" cy="18"/>
              </a:xfrm>
              <a:custGeom>
                <a:avLst/>
                <a:gdLst>
                  <a:gd name="T0" fmla="*/ 6 w 6"/>
                  <a:gd name="T1" fmla="*/ 0 h 18"/>
                  <a:gd name="T2" fmla="*/ 0 w 6"/>
                  <a:gd name="T3" fmla="*/ 18 h 18"/>
                  <a:gd name="T4" fmla="*/ 0 w 6"/>
                  <a:gd name="T5" fmla="*/ 0 h 18"/>
                  <a:gd name="T6" fmla="*/ 6 w 6"/>
                  <a:gd name="T7" fmla="*/ 0 h 18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"/>
                  <a:gd name="T13" fmla="*/ 0 h 18"/>
                  <a:gd name="T14" fmla="*/ 6 w 6"/>
                  <a:gd name="T15" fmla="*/ 18 h 18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" h="18">
                    <a:moveTo>
                      <a:pt x="6" y="0"/>
                    </a:moveTo>
                    <a:lnTo>
                      <a:pt x="0" y="18"/>
                    </a:lnTo>
                    <a:lnTo>
                      <a:pt x="0" y="0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65" name="Freeform 492"/>
              <p:cNvSpPr>
                <a:spLocks noChangeAspect="1"/>
              </p:cNvSpPr>
              <p:nvPr/>
            </p:nvSpPr>
            <p:spPr bwMode="auto">
              <a:xfrm>
                <a:off x="4167" y="2052"/>
                <a:ext cx="6" cy="18"/>
              </a:xfrm>
              <a:custGeom>
                <a:avLst/>
                <a:gdLst>
                  <a:gd name="T0" fmla="*/ 6 w 6"/>
                  <a:gd name="T1" fmla="*/ 0 h 18"/>
                  <a:gd name="T2" fmla="*/ 0 w 6"/>
                  <a:gd name="T3" fmla="*/ 18 h 18"/>
                  <a:gd name="T4" fmla="*/ 0 w 6"/>
                  <a:gd name="T5" fmla="*/ 0 h 18"/>
                  <a:gd name="T6" fmla="*/ 6 w 6"/>
                  <a:gd name="T7" fmla="*/ 0 h 18"/>
                  <a:gd name="T8" fmla="*/ 6 w 6"/>
                  <a:gd name="T9" fmla="*/ 6 h 18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6"/>
                  <a:gd name="T16" fmla="*/ 0 h 18"/>
                  <a:gd name="T17" fmla="*/ 6 w 6"/>
                  <a:gd name="T18" fmla="*/ 18 h 18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6" h="18">
                    <a:moveTo>
                      <a:pt x="6" y="0"/>
                    </a:moveTo>
                    <a:lnTo>
                      <a:pt x="0" y="18"/>
                    </a:lnTo>
                    <a:lnTo>
                      <a:pt x="0" y="0"/>
                    </a:lnTo>
                    <a:lnTo>
                      <a:pt x="6" y="0"/>
                    </a:lnTo>
                    <a:lnTo>
                      <a:pt x="6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66" name="Freeform 493"/>
              <p:cNvSpPr>
                <a:spLocks noChangeAspect="1"/>
              </p:cNvSpPr>
              <p:nvPr/>
            </p:nvSpPr>
            <p:spPr bwMode="auto">
              <a:xfrm>
                <a:off x="4137" y="2052"/>
                <a:ext cx="24" cy="78"/>
              </a:xfrm>
              <a:custGeom>
                <a:avLst/>
                <a:gdLst>
                  <a:gd name="T0" fmla="*/ 24 w 24"/>
                  <a:gd name="T1" fmla="*/ 0 h 78"/>
                  <a:gd name="T2" fmla="*/ 6 w 24"/>
                  <a:gd name="T3" fmla="*/ 78 h 78"/>
                  <a:gd name="T4" fmla="*/ 0 w 24"/>
                  <a:gd name="T5" fmla="*/ 54 h 78"/>
                  <a:gd name="T6" fmla="*/ 12 w 24"/>
                  <a:gd name="T7" fmla="*/ 12 h 78"/>
                  <a:gd name="T8" fmla="*/ 12 w 24"/>
                  <a:gd name="T9" fmla="*/ 6 h 78"/>
                  <a:gd name="T10" fmla="*/ 24 w 24"/>
                  <a:gd name="T11" fmla="*/ 0 h 78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24"/>
                  <a:gd name="T19" fmla="*/ 0 h 78"/>
                  <a:gd name="T20" fmla="*/ 24 w 24"/>
                  <a:gd name="T21" fmla="*/ 78 h 78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24" h="78">
                    <a:moveTo>
                      <a:pt x="24" y="0"/>
                    </a:moveTo>
                    <a:lnTo>
                      <a:pt x="6" y="78"/>
                    </a:lnTo>
                    <a:lnTo>
                      <a:pt x="0" y="54"/>
                    </a:lnTo>
                    <a:lnTo>
                      <a:pt x="12" y="12"/>
                    </a:lnTo>
                    <a:lnTo>
                      <a:pt x="12" y="6"/>
                    </a:lnTo>
                    <a:lnTo>
                      <a:pt x="24" y="0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67" name="Freeform 494"/>
              <p:cNvSpPr>
                <a:spLocks noChangeAspect="1"/>
              </p:cNvSpPr>
              <p:nvPr/>
            </p:nvSpPr>
            <p:spPr bwMode="auto">
              <a:xfrm>
                <a:off x="4137" y="2052"/>
                <a:ext cx="24" cy="78"/>
              </a:xfrm>
              <a:custGeom>
                <a:avLst/>
                <a:gdLst>
                  <a:gd name="T0" fmla="*/ 24 w 24"/>
                  <a:gd name="T1" fmla="*/ 0 h 78"/>
                  <a:gd name="T2" fmla="*/ 6 w 24"/>
                  <a:gd name="T3" fmla="*/ 78 h 78"/>
                  <a:gd name="T4" fmla="*/ 0 w 24"/>
                  <a:gd name="T5" fmla="*/ 54 h 78"/>
                  <a:gd name="T6" fmla="*/ 12 w 24"/>
                  <a:gd name="T7" fmla="*/ 12 h 78"/>
                  <a:gd name="T8" fmla="*/ 12 w 24"/>
                  <a:gd name="T9" fmla="*/ 6 h 78"/>
                  <a:gd name="T10" fmla="*/ 24 w 24"/>
                  <a:gd name="T11" fmla="*/ 0 h 78"/>
                  <a:gd name="T12" fmla="*/ 24 w 24"/>
                  <a:gd name="T13" fmla="*/ 6 h 78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24"/>
                  <a:gd name="T22" fmla="*/ 0 h 78"/>
                  <a:gd name="T23" fmla="*/ 24 w 24"/>
                  <a:gd name="T24" fmla="*/ 78 h 78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24" h="78">
                    <a:moveTo>
                      <a:pt x="24" y="0"/>
                    </a:moveTo>
                    <a:lnTo>
                      <a:pt x="6" y="78"/>
                    </a:lnTo>
                    <a:lnTo>
                      <a:pt x="0" y="54"/>
                    </a:lnTo>
                    <a:lnTo>
                      <a:pt x="12" y="12"/>
                    </a:lnTo>
                    <a:lnTo>
                      <a:pt x="12" y="6"/>
                    </a:lnTo>
                    <a:lnTo>
                      <a:pt x="24" y="0"/>
                    </a:lnTo>
                    <a:lnTo>
                      <a:pt x="24" y="6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68" name="Freeform 495"/>
              <p:cNvSpPr>
                <a:spLocks noChangeAspect="1"/>
              </p:cNvSpPr>
              <p:nvPr/>
            </p:nvSpPr>
            <p:spPr bwMode="auto">
              <a:xfrm>
                <a:off x="3681" y="1980"/>
                <a:ext cx="474" cy="270"/>
              </a:xfrm>
              <a:custGeom>
                <a:avLst/>
                <a:gdLst>
                  <a:gd name="T0" fmla="*/ 474 w 474"/>
                  <a:gd name="T1" fmla="*/ 192 h 270"/>
                  <a:gd name="T2" fmla="*/ 468 w 474"/>
                  <a:gd name="T3" fmla="*/ 186 h 270"/>
                  <a:gd name="T4" fmla="*/ 474 w 474"/>
                  <a:gd name="T5" fmla="*/ 192 h 270"/>
                  <a:gd name="T6" fmla="*/ 468 w 474"/>
                  <a:gd name="T7" fmla="*/ 198 h 270"/>
                  <a:gd name="T8" fmla="*/ 120 w 474"/>
                  <a:gd name="T9" fmla="*/ 252 h 270"/>
                  <a:gd name="T10" fmla="*/ 0 w 474"/>
                  <a:gd name="T11" fmla="*/ 270 h 270"/>
                  <a:gd name="T12" fmla="*/ 30 w 474"/>
                  <a:gd name="T13" fmla="*/ 258 h 270"/>
                  <a:gd name="T14" fmla="*/ 90 w 474"/>
                  <a:gd name="T15" fmla="*/ 186 h 270"/>
                  <a:gd name="T16" fmla="*/ 96 w 474"/>
                  <a:gd name="T17" fmla="*/ 198 h 270"/>
                  <a:gd name="T18" fmla="*/ 114 w 474"/>
                  <a:gd name="T19" fmla="*/ 210 h 270"/>
                  <a:gd name="T20" fmla="*/ 186 w 474"/>
                  <a:gd name="T21" fmla="*/ 180 h 270"/>
                  <a:gd name="T22" fmla="*/ 198 w 474"/>
                  <a:gd name="T23" fmla="*/ 162 h 270"/>
                  <a:gd name="T24" fmla="*/ 192 w 474"/>
                  <a:gd name="T25" fmla="*/ 156 h 270"/>
                  <a:gd name="T26" fmla="*/ 216 w 474"/>
                  <a:gd name="T27" fmla="*/ 84 h 270"/>
                  <a:gd name="T28" fmla="*/ 240 w 474"/>
                  <a:gd name="T29" fmla="*/ 90 h 270"/>
                  <a:gd name="T30" fmla="*/ 252 w 474"/>
                  <a:gd name="T31" fmla="*/ 60 h 270"/>
                  <a:gd name="T32" fmla="*/ 264 w 474"/>
                  <a:gd name="T33" fmla="*/ 60 h 270"/>
                  <a:gd name="T34" fmla="*/ 282 w 474"/>
                  <a:gd name="T35" fmla="*/ 24 h 270"/>
                  <a:gd name="T36" fmla="*/ 282 w 474"/>
                  <a:gd name="T37" fmla="*/ 0 h 270"/>
                  <a:gd name="T38" fmla="*/ 318 w 474"/>
                  <a:gd name="T39" fmla="*/ 18 h 270"/>
                  <a:gd name="T40" fmla="*/ 324 w 474"/>
                  <a:gd name="T41" fmla="*/ 6 h 270"/>
                  <a:gd name="T42" fmla="*/ 360 w 474"/>
                  <a:gd name="T43" fmla="*/ 24 h 270"/>
                  <a:gd name="T44" fmla="*/ 372 w 474"/>
                  <a:gd name="T45" fmla="*/ 36 h 270"/>
                  <a:gd name="T46" fmla="*/ 360 w 474"/>
                  <a:gd name="T47" fmla="*/ 66 h 270"/>
                  <a:gd name="T48" fmla="*/ 366 w 474"/>
                  <a:gd name="T49" fmla="*/ 78 h 270"/>
                  <a:gd name="T50" fmla="*/ 372 w 474"/>
                  <a:gd name="T51" fmla="*/ 66 h 270"/>
                  <a:gd name="T52" fmla="*/ 384 w 474"/>
                  <a:gd name="T53" fmla="*/ 84 h 270"/>
                  <a:gd name="T54" fmla="*/ 432 w 474"/>
                  <a:gd name="T55" fmla="*/ 96 h 270"/>
                  <a:gd name="T56" fmla="*/ 426 w 474"/>
                  <a:gd name="T57" fmla="*/ 120 h 270"/>
                  <a:gd name="T58" fmla="*/ 390 w 474"/>
                  <a:gd name="T59" fmla="*/ 96 h 270"/>
                  <a:gd name="T60" fmla="*/ 420 w 474"/>
                  <a:gd name="T61" fmla="*/ 120 h 270"/>
                  <a:gd name="T62" fmla="*/ 432 w 474"/>
                  <a:gd name="T63" fmla="*/ 120 h 270"/>
                  <a:gd name="T64" fmla="*/ 426 w 474"/>
                  <a:gd name="T65" fmla="*/ 126 h 270"/>
                  <a:gd name="T66" fmla="*/ 438 w 474"/>
                  <a:gd name="T67" fmla="*/ 132 h 270"/>
                  <a:gd name="T68" fmla="*/ 438 w 474"/>
                  <a:gd name="T69" fmla="*/ 138 h 270"/>
                  <a:gd name="T70" fmla="*/ 426 w 474"/>
                  <a:gd name="T71" fmla="*/ 138 h 270"/>
                  <a:gd name="T72" fmla="*/ 432 w 474"/>
                  <a:gd name="T73" fmla="*/ 150 h 270"/>
                  <a:gd name="T74" fmla="*/ 402 w 474"/>
                  <a:gd name="T75" fmla="*/ 132 h 270"/>
                  <a:gd name="T76" fmla="*/ 444 w 474"/>
                  <a:gd name="T77" fmla="*/ 162 h 270"/>
                  <a:gd name="T78" fmla="*/ 438 w 474"/>
                  <a:gd name="T79" fmla="*/ 168 h 270"/>
                  <a:gd name="T80" fmla="*/ 402 w 474"/>
                  <a:gd name="T81" fmla="*/ 150 h 270"/>
                  <a:gd name="T82" fmla="*/ 396 w 474"/>
                  <a:gd name="T83" fmla="*/ 156 h 270"/>
                  <a:gd name="T84" fmla="*/ 414 w 474"/>
                  <a:gd name="T85" fmla="*/ 156 h 270"/>
                  <a:gd name="T86" fmla="*/ 432 w 474"/>
                  <a:gd name="T87" fmla="*/ 174 h 270"/>
                  <a:gd name="T88" fmla="*/ 462 w 474"/>
                  <a:gd name="T89" fmla="*/ 168 h 270"/>
                  <a:gd name="T90" fmla="*/ 474 w 474"/>
                  <a:gd name="T91" fmla="*/ 192 h 270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w 474"/>
                  <a:gd name="T139" fmla="*/ 0 h 270"/>
                  <a:gd name="T140" fmla="*/ 474 w 474"/>
                  <a:gd name="T141" fmla="*/ 270 h 270"/>
                </a:gdLst>
                <a:ahLst/>
                <a:cxnLst>
                  <a:cxn ang="T92">
                    <a:pos x="T0" y="T1"/>
                  </a:cxn>
                  <a:cxn ang="T93">
                    <a:pos x="T2" y="T3"/>
                  </a:cxn>
                  <a:cxn ang="T94">
                    <a:pos x="T4" y="T5"/>
                  </a:cxn>
                  <a:cxn ang="T95">
                    <a:pos x="T6" y="T7"/>
                  </a:cxn>
                  <a:cxn ang="T96">
                    <a:pos x="T8" y="T9"/>
                  </a:cxn>
                  <a:cxn ang="T97">
                    <a:pos x="T10" y="T11"/>
                  </a:cxn>
                  <a:cxn ang="T98">
                    <a:pos x="T12" y="T13"/>
                  </a:cxn>
                  <a:cxn ang="T99">
                    <a:pos x="T14" y="T15"/>
                  </a:cxn>
                  <a:cxn ang="T100">
                    <a:pos x="T16" y="T17"/>
                  </a:cxn>
                  <a:cxn ang="T101">
                    <a:pos x="T18" y="T19"/>
                  </a:cxn>
                  <a:cxn ang="T102">
                    <a:pos x="T20" y="T21"/>
                  </a:cxn>
                  <a:cxn ang="T103">
                    <a:pos x="T22" y="T23"/>
                  </a:cxn>
                  <a:cxn ang="T104">
                    <a:pos x="T24" y="T25"/>
                  </a:cxn>
                  <a:cxn ang="T105">
                    <a:pos x="T26" y="T27"/>
                  </a:cxn>
                  <a:cxn ang="T106">
                    <a:pos x="T28" y="T29"/>
                  </a:cxn>
                  <a:cxn ang="T107">
                    <a:pos x="T30" y="T31"/>
                  </a:cxn>
                  <a:cxn ang="T108">
                    <a:pos x="T32" y="T33"/>
                  </a:cxn>
                  <a:cxn ang="T109">
                    <a:pos x="T34" y="T35"/>
                  </a:cxn>
                  <a:cxn ang="T110">
                    <a:pos x="T36" y="T37"/>
                  </a:cxn>
                  <a:cxn ang="T111">
                    <a:pos x="T38" y="T39"/>
                  </a:cxn>
                  <a:cxn ang="T112">
                    <a:pos x="T40" y="T41"/>
                  </a:cxn>
                  <a:cxn ang="T113">
                    <a:pos x="T42" y="T43"/>
                  </a:cxn>
                  <a:cxn ang="T114">
                    <a:pos x="T44" y="T45"/>
                  </a:cxn>
                  <a:cxn ang="T115">
                    <a:pos x="T46" y="T47"/>
                  </a:cxn>
                  <a:cxn ang="T116">
                    <a:pos x="T48" y="T49"/>
                  </a:cxn>
                  <a:cxn ang="T117">
                    <a:pos x="T50" y="T51"/>
                  </a:cxn>
                  <a:cxn ang="T118">
                    <a:pos x="T52" y="T53"/>
                  </a:cxn>
                  <a:cxn ang="T119">
                    <a:pos x="T54" y="T55"/>
                  </a:cxn>
                  <a:cxn ang="T120">
                    <a:pos x="T56" y="T57"/>
                  </a:cxn>
                  <a:cxn ang="T121">
                    <a:pos x="T58" y="T59"/>
                  </a:cxn>
                  <a:cxn ang="T122">
                    <a:pos x="T60" y="T61"/>
                  </a:cxn>
                  <a:cxn ang="T123">
                    <a:pos x="T62" y="T63"/>
                  </a:cxn>
                  <a:cxn ang="T124">
                    <a:pos x="T64" y="T65"/>
                  </a:cxn>
                  <a:cxn ang="T125">
                    <a:pos x="T66" y="T67"/>
                  </a:cxn>
                  <a:cxn ang="T126">
                    <a:pos x="T68" y="T69"/>
                  </a:cxn>
                  <a:cxn ang="T127">
                    <a:pos x="T70" y="T71"/>
                  </a:cxn>
                  <a:cxn ang="T128">
                    <a:pos x="T72" y="T73"/>
                  </a:cxn>
                  <a:cxn ang="T129">
                    <a:pos x="T74" y="T75"/>
                  </a:cxn>
                  <a:cxn ang="T130">
                    <a:pos x="T76" y="T77"/>
                  </a:cxn>
                  <a:cxn ang="T131">
                    <a:pos x="T78" y="T79"/>
                  </a:cxn>
                  <a:cxn ang="T132">
                    <a:pos x="T80" y="T81"/>
                  </a:cxn>
                  <a:cxn ang="T133">
                    <a:pos x="T82" y="T83"/>
                  </a:cxn>
                  <a:cxn ang="T134">
                    <a:pos x="T84" y="T85"/>
                  </a:cxn>
                  <a:cxn ang="T135">
                    <a:pos x="T86" y="T87"/>
                  </a:cxn>
                  <a:cxn ang="T136">
                    <a:pos x="T88" y="T89"/>
                  </a:cxn>
                  <a:cxn ang="T137">
                    <a:pos x="T90" y="T91"/>
                  </a:cxn>
                </a:cxnLst>
                <a:rect l="T138" t="T139" r="T140" b="T141"/>
                <a:pathLst>
                  <a:path w="474" h="270">
                    <a:moveTo>
                      <a:pt x="474" y="192"/>
                    </a:moveTo>
                    <a:lnTo>
                      <a:pt x="468" y="186"/>
                    </a:lnTo>
                    <a:lnTo>
                      <a:pt x="474" y="192"/>
                    </a:lnTo>
                    <a:lnTo>
                      <a:pt x="468" y="198"/>
                    </a:lnTo>
                    <a:lnTo>
                      <a:pt x="120" y="252"/>
                    </a:lnTo>
                    <a:lnTo>
                      <a:pt x="0" y="270"/>
                    </a:lnTo>
                    <a:lnTo>
                      <a:pt x="30" y="258"/>
                    </a:lnTo>
                    <a:lnTo>
                      <a:pt x="90" y="186"/>
                    </a:lnTo>
                    <a:lnTo>
                      <a:pt x="96" y="198"/>
                    </a:lnTo>
                    <a:lnTo>
                      <a:pt x="114" y="210"/>
                    </a:lnTo>
                    <a:lnTo>
                      <a:pt x="186" y="180"/>
                    </a:lnTo>
                    <a:lnTo>
                      <a:pt x="198" y="162"/>
                    </a:lnTo>
                    <a:lnTo>
                      <a:pt x="192" y="156"/>
                    </a:lnTo>
                    <a:lnTo>
                      <a:pt x="216" y="84"/>
                    </a:lnTo>
                    <a:lnTo>
                      <a:pt x="240" y="90"/>
                    </a:lnTo>
                    <a:lnTo>
                      <a:pt x="252" y="60"/>
                    </a:lnTo>
                    <a:lnTo>
                      <a:pt x="264" y="60"/>
                    </a:lnTo>
                    <a:lnTo>
                      <a:pt x="282" y="24"/>
                    </a:lnTo>
                    <a:lnTo>
                      <a:pt x="282" y="0"/>
                    </a:lnTo>
                    <a:lnTo>
                      <a:pt x="318" y="18"/>
                    </a:lnTo>
                    <a:lnTo>
                      <a:pt x="324" y="6"/>
                    </a:lnTo>
                    <a:lnTo>
                      <a:pt x="360" y="24"/>
                    </a:lnTo>
                    <a:lnTo>
                      <a:pt x="372" y="36"/>
                    </a:lnTo>
                    <a:lnTo>
                      <a:pt x="360" y="66"/>
                    </a:lnTo>
                    <a:lnTo>
                      <a:pt x="366" y="78"/>
                    </a:lnTo>
                    <a:lnTo>
                      <a:pt x="372" y="66"/>
                    </a:lnTo>
                    <a:lnTo>
                      <a:pt x="384" y="84"/>
                    </a:lnTo>
                    <a:lnTo>
                      <a:pt x="432" y="96"/>
                    </a:lnTo>
                    <a:lnTo>
                      <a:pt x="426" y="120"/>
                    </a:lnTo>
                    <a:lnTo>
                      <a:pt x="390" y="96"/>
                    </a:lnTo>
                    <a:lnTo>
                      <a:pt x="420" y="120"/>
                    </a:lnTo>
                    <a:lnTo>
                      <a:pt x="432" y="120"/>
                    </a:lnTo>
                    <a:lnTo>
                      <a:pt x="426" y="126"/>
                    </a:lnTo>
                    <a:lnTo>
                      <a:pt x="438" y="132"/>
                    </a:lnTo>
                    <a:lnTo>
                      <a:pt x="438" y="138"/>
                    </a:lnTo>
                    <a:lnTo>
                      <a:pt x="426" y="138"/>
                    </a:lnTo>
                    <a:lnTo>
                      <a:pt x="432" y="150"/>
                    </a:lnTo>
                    <a:lnTo>
                      <a:pt x="402" y="132"/>
                    </a:lnTo>
                    <a:lnTo>
                      <a:pt x="444" y="162"/>
                    </a:lnTo>
                    <a:lnTo>
                      <a:pt x="438" y="168"/>
                    </a:lnTo>
                    <a:lnTo>
                      <a:pt x="402" y="150"/>
                    </a:lnTo>
                    <a:lnTo>
                      <a:pt x="396" y="156"/>
                    </a:lnTo>
                    <a:lnTo>
                      <a:pt x="414" y="156"/>
                    </a:lnTo>
                    <a:lnTo>
                      <a:pt x="432" y="174"/>
                    </a:lnTo>
                    <a:lnTo>
                      <a:pt x="462" y="168"/>
                    </a:lnTo>
                    <a:lnTo>
                      <a:pt x="474" y="192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69" name="Freeform 496"/>
              <p:cNvSpPr>
                <a:spLocks noChangeAspect="1"/>
              </p:cNvSpPr>
              <p:nvPr/>
            </p:nvSpPr>
            <p:spPr bwMode="auto">
              <a:xfrm>
                <a:off x="3681" y="1980"/>
                <a:ext cx="474" cy="270"/>
              </a:xfrm>
              <a:custGeom>
                <a:avLst/>
                <a:gdLst>
                  <a:gd name="T0" fmla="*/ 474 w 474"/>
                  <a:gd name="T1" fmla="*/ 192 h 270"/>
                  <a:gd name="T2" fmla="*/ 468 w 474"/>
                  <a:gd name="T3" fmla="*/ 186 h 270"/>
                  <a:gd name="T4" fmla="*/ 474 w 474"/>
                  <a:gd name="T5" fmla="*/ 192 h 270"/>
                  <a:gd name="T6" fmla="*/ 468 w 474"/>
                  <a:gd name="T7" fmla="*/ 198 h 270"/>
                  <a:gd name="T8" fmla="*/ 120 w 474"/>
                  <a:gd name="T9" fmla="*/ 252 h 270"/>
                  <a:gd name="T10" fmla="*/ 0 w 474"/>
                  <a:gd name="T11" fmla="*/ 270 h 270"/>
                  <a:gd name="T12" fmla="*/ 30 w 474"/>
                  <a:gd name="T13" fmla="*/ 258 h 270"/>
                  <a:gd name="T14" fmla="*/ 90 w 474"/>
                  <a:gd name="T15" fmla="*/ 186 h 270"/>
                  <a:gd name="T16" fmla="*/ 96 w 474"/>
                  <a:gd name="T17" fmla="*/ 198 h 270"/>
                  <a:gd name="T18" fmla="*/ 114 w 474"/>
                  <a:gd name="T19" fmla="*/ 210 h 270"/>
                  <a:gd name="T20" fmla="*/ 186 w 474"/>
                  <a:gd name="T21" fmla="*/ 180 h 270"/>
                  <a:gd name="T22" fmla="*/ 198 w 474"/>
                  <a:gd name="T23" fmla="*/ 162 h 270"/>
                  <a:gd name="T24" fmla="*/ 192 w 474"/>
                  <a:gd name="T25" fmla="*/ 156 h 270"/>
                  <a:gd name="T26" fmla="*/ 216 w 474"/>
                  <a:gd name="T27" fmla="*/ 84 h 270"/>
                  <a:gd name="T28" fmla="*/ 240 w 474"/>
                  <a:gd name="T29" fmla="*/ 90 h 270"/>
                  <a:gd name="T30" fmla="*/ 252 w 474"/>
                  <a:gd name="T31" fmla="*/ 60 h 270"/>
                  <a:gd name="T32" fmla="*/ 264 w 474"/>
                  <a:gd name="T33" fmla="*/ 60 h 270"/>
                  <a:gd name="T34" fmla="*/ 282 w 474"/>
                  <a:gd name="T35" fmla="*/ 24 h 270"/>
                  <a:gd name="T36" fmla="*/ 282 w 474"/>
                  <a:gd name="T37" fmla="*/ 0 h 270"/>
                  <a:gd name="T38" fmla="*/ 318 w 474"/>
                  <a:gd name="T39" fmla="*/ 18 h 270"/>
                  <a:gd name="T40" fmla="*/ 324 w 474"/>
                  <a:gd name="T41" fmla="*/ 6 h 270"/>
                  <a:gd name="T42" fmla="*/ 360 w 474"/>
                  <a:gd name="T43" fmla="*/ 24 h 270"/>
                  <a:gd name="T44" fmla="*/ 372 w 474"/>
                  <a:gd name="T45" fmla="*/ 36 h 270"/>
                  <a:gd name="T46" fmla="*/ 360 w 474"/>
                  <a:gd name="T47" fmla="*/ 66 h 270"/>
                  <a:gd name="T48" fmla="*/ 366 w 474"/>
                  <a:gd name="T49" fmla="*/ 78 h 270"/>
                  <a:gd name="T50" fmla="*/ 372 w 474"/>
                  <a:gd name="T51" fmla="*/ 66 h 270"/>
                  <a:gd name="T52" fmla="*/ 384 w 474"/>
                  <a:gd name="T53" fmla="*/ 84 h 270"/>
                  <a:gd name="T54" fmla="*/ 432 w 474"/>
                  <a:gd name="T55" fmla="*/ 96 h 270"/>
                  <a:gd name="T56" fmla="*/ 426 w 474"/>
                  <a:gd name="T57" fmla="*/ 120 h 270"/>
                  <a:gd name="T58" fmla="*/ 390 w 474"/>
                  <a:gd name="T59" fmla="*/ 96 h 270"/>
                  <a:gd name="T60" fmla="*/ 420 w 474"/>
                  <a:gd name="T61" fmla="*/ 120 h 270"/>
                  <a:gd name="T62" fmla="*/ 432 w 474"/>
                  <a:gd name="T63" fmla="*/ 120 h 270"/>
                  <a:gd name="T64" fmla="*/ 426 w 474"/>
                  <a:gd name="T65" fmla="*/ 126 h 270"/>
                  <a:gd name="T66" fmla="*/ 438 w 474"/>
                  <a:gd name="T67" fmla="*/ 132 h 270"/>
                  <a:gd name="T68" fmla="*/ 438 w 474"/>
                  <a:gd name="T69" fmla="*/ 138 h 270"/>
                  <a:gd name="T70" fmla="*/ 426 w 474"/>
                  <a:gd name="T71" fmla="*/ 138 h 270"/>
                  <a:gd name="T72" fmla="*/ 432 w 474"/>
                  <a:gd name="T73" fmla="*/ 150 h 270"/>
                  <a:gd name="T74" fmla="*/ 402 w 474"/>
                  <a:gd name="T75" fmla="*/ 132 h 270"/>
                  <a:gd name="T76" fmla="*/ 444 w 474"/>
                  <a:gd name="T77" fmla="*/ 162 h 270"/>
                  <a:gd name="T78" fmla="*/ 438 w 474"/>
                  <a:gd name="T79" fmla="*/ 168 h 270"/>
                  <a:gd name="T80" fmla="*/ 402 w 474"/>
                  <a:gd name="T81" fmla="*/ 150 h 270"/>
                  <a:gd name="T82" fmla="*/ 396 w 474"/>
                  <a:gd name="T83" fmla="*/ 156 h 270"/>
                  <a:gd name="T84" fmla="*/ 414 w 474"/>
                  <a:gd name="T85" fmla="*/ 156 h 270"/>
                  <a:gd name="T86" fmla="*/ 432 w 474"/>
                  <a:gd name="T87" fmla="*/ 174 h 270"/>
                  <a:gd name="T88" fmla="*/ 462 w 474"/>
                  <a:gd name="T89" fmla="*/ 168 h 270"/>
                  <a:gd name="T90" fmla="*/ 474 w 474"/>
                  <a:gd name="T91" fmla="*/ 192 h 270"/>
                  <a:gd name="T92" fmla="*/ 474 w 474"/>
                  <a:gd name="T93" fmla="*/ 198 h 270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w 474"/>
                  <a:gd name="T142" fmla="*/ 0 h 270"/>
                  <a:gd name="T143" fmla="*/ 474 w 474"/>
                  <a:gd name="T144" fmla="*/ 270 h 270"/>
                </a:gdLst>
                <a:ahLst/>
                <a:cxnLst>
                  <a:cxn ang="T94">
                    <a:pos x="T0" y="T1"/>
                  </a:cxn>
                  <a:cxn ang="T95">
                    <a:pos x="T2" y="T3"/>
                  </a:cxn>
                  <a:cxn ang="T96">
                    <a:pos x="T4" y="T5"/>
                  </a:cxn>
                  <a:cxn ang="T97">
                    <a:pos x="T6" y="T7"/>
                  </a:cxn>
                  <a:cxn ang="T98">
                    <a:pos x="T8" y="T9"/>
                  </a:cxn>
                  <a:cxn ang="T99">
                    <a:pos x="T10" y="T11"/>
                  </a:cxn>
                  <a:cxn ang="T100">
                    <a:pos x="T12" y="T13"/>
                  </a:cxn>
                  <a:cxn ang="T101">
                    <a:pos x="T14" y="T15"/>
                  </a:cxn>
                  <a:cxn ang="T102">
                    <a:pos x="T16" y="T17"/>
                  </a:cxn>
                  <a:cxn ang="T103">
                    <a:pos x="T18" y="T19"/>
                  </a:cxn>
                  <a:cxn ang="T104">
                    <a:pos x="T20" y="T21"/>
                  </a:cxn>
                  <a:cxn ang="T105">
                    <a:pos x="T22" y="T23"/>
                  </a:cxn>
                  <a:cxn ang="T106">
                    <a:pos x="T24" y="T25"/>
                  </a:cxn>
                  <a:cxn ang="T107">
                    <a:pos x="T26" y="T27"/>
                  </a:cxn>
                  <a:cxn ang="T108">
                    <a:pos x="T28" y="T29"/>
                  </a:cxn>
                  <a:cxn ang="T109">
                    <a:pos x="T30" y="T31"/>
                  </a:cxn>
                  <a:cxn ang="T110">
                    <a:pos x="T32" y="T33"/>
                  </a:cxn>
                  <a:cxn ang="T111">
                    <a:pos x="T34" y="T35"/>
                  </a:cxn>
                  <a:cxn ang="T112">
                    <a:pos x="T36" y="T37"/>
                  </a:cxn>
                  <a:cxn ang="T113">
                    <a:pos x="T38" y="T39"/>
                  </a:cxn>
                  <a:cxn ang="T114">
                    <a:pos x="T40" y="T41"/>
                  </a:cxn>
                  <a:cxn ang="T115">
                    <a:pos x="T42" y="T43"/>
                  </a:cxn>
                  <a:cxn ang="T116">
                    <a:pos x="T44" y="T45"/>
                  </a:cxn>
                  <a:cxn ang="T117">
                    <a:pos x="T46" y="T47"/>
                  </a:cxn>
                  <a:cxn ang="T118">
                    <a:pos x="T48" y="T49"/>
                  </a:cxn>
                  <a:cxn ang="T119">
                    <a:pos x="T50" y="T51"/>
                  </a:cxn>
                  <a:cxn ang="T120">
                    <a:pos x="T52" y="T53"/>
                  </a:cxn>
                  <a:cxn ang="T121">
                    <a:pos x="T54" y="T55"/>
                  </a:cxn>
                  <a:cxn ang="T122">
                    <a:pos x="T56" y="T57"/>
                  </a:cxn>
                  <a:cxn ang="T123">
                    <a:pos x="T58" y="T59"/>
                  </a:cxn>
                  <a:cxn ang="T124">
                    <a:pos x="T60" y="T61"/>
                  </a:cxn>
                  <a:cxn ang="T125">
                    <a:pos x="T62" y="T63"/>
                  </a:cxn>
                  <a:cxn ang="T126">
                    <a:pos x="T64" y="T65"/>
                  </a:cxn>
                  <a:cxn ang="T127">
                    <a:pos x="T66" y="T67"/>
                  </a:cxn>
                  <a:cxn ang="T128">
                    <a:pos x="T68" y="T69"/>
                  </a:cxn>
                  <a:cxn ang="T129">
                    <a:pos x="T70" y="T71"/>
                  </a:cxn>
                  <a:cxn ang="T130">
                    <a:pos x="T72" y="T73"/>
                  </a:cxn>
                  <a:cxn ang="T131">
                    <a:pos x="T74" y="T75"/>
                  </a:cxn>
                  <a:cxn ang="T132">
                    <a:pos x="T76" y="T77"/>
                  </a:cxn>
                  <a:cxn ang="T133">
                    <a:pos x="T78" y="T79"/>
                  </a:cxn>
                  <a:cxn ang="T134">
                    <a:pos x="T80" y="T81"/>
                  </a:cxn>
                  <a:cxn ang="T135">
                    <a:pos x="T82" y="T83"/>
                  </a:cxn>
                  <a:cxn ang="T136">
                    <a:pos x="T84" y="T85"/>
                  </a:cxn>
                  <a:cxn ang="T137">
                    <a:pos x="T86" y="T87"/>
                  </a:cxn>
                  <a:cxn ang="T138">
                    <a:pos x="T88" y="T89"/>
                  </a:cxn>
                  <a:cxn ang="T139">
                    <a:pos x="T90" y="T91"/>
                  </a:cxn>
                  <a:cxn ang="T140">
                    <a:pos x="T92" y="T93"/>
                  </a:cxn>
                </a:cxnLst>
                <a:rect l="T141" t="T142" r="T143" b="T144"/>
                <a:pathLst>
                  <a:path w="474" h="270">
                    <a:moveTo>
                      <a:pt x="474" y="192"/>
                    </a:moveTo>
                    <a:lnTo>
                      <a:pt x="468" y="186"/>
                    </a:lnTo>
                    <a:lnTo>
                      <a:pt x="474" y="192"/>
                    </a:lnTo>
                    <a:lnTo>
                      <a:pt x="468" y="198"/>
                    </a:lnTo>
                    <a:lnTo>
                      <a:pt x="120" y="252"/>
                    </a:lnTo>
                    <a:lnTo>
                      <a:pt x="0" y="270"/>
                    </a:lnTo>
                    <a:lnTo>
                      <a:pt x="30" y="258"/>
                    </a:lnTo>
                    <a:lnTo>
                      <a:pt x="90" y="186"/>
                    </a:lnTo>
                    <a:lnTo>
                      <a:pt x="96" y="198"/>
                    </a:lnTo>
                    <a:lnTo>
                      <a:pt x="114" y="210"/>
                    </a:lnTo>
                    <a:lnTo>
                      <a:pt x="186" y="180"/>
                    </a:lnTo>
                    <a:lnTo>
                      <a:pt x="198" y="162"/>
                    </a:lnTo>
                    <a:lnTo>
                      <a:pt x="192" y="156"/>
                    </a:lnTo>
                    <a:lnTo>
                      <a:pt x="216" y="84"/>
                    </a:lnTo>
                    <a:lnTo>
                      <a:pt x="240" y="90"/>
                    </a:lnTo>
                    <a:lnTo>
                      <a:pt x="252" y="60"/>
                    </a:lnTo>
                    <a:lnTo>
                      <a:pt x="264" y="60"/>
                    </a:lnTo>
                    <a:lnTo>
                      <a:pt x="282" y="24"/>
                    </a:lnTo>
                    <a:lnTo>
                      <a:pt x="282" y="0"/>
                    </a:lnTo>
                    <a:lnTo>
                      <a:pt x="318" y="18"/>
                    </a:lnTo>
                    <a:lnTo>
                      <a:pt x="324" y="6"/>
                    </a:lnTo>
                    <a:lnTo>
                      <a:pt x="360" y="24"/>
                    </a:lnTo>
                    <a:lnTo>
                      <a:pt x="372" y="36"/>
                    </a:lnTo>
                    <a:lnTo>
                      <a:pt x="360" y="66"/>
                    </a:lnTo>
                    <a:lnTo>
                      <a:pt x="366" y="78"/>
                    </a:lnTo>
                    <a:lnTo>
                      <a:pt x="372" y="66"/>
                    </a:lnTo>
                    <a:lnTo>
                      <a:pt x="384" y="84"/>
                    </a:lnTo>
                    <a:lnTo>
                      <a:pt x="432" y="96"/>
                    </a:lnTo>
                    <a:lnTo>
                      <a:pt x="426" y="120"/>
                    </a:lnTo>
                    <a:lnTo>
                      <a:pt x="390" y="96"/>
                    </a:lnTo>
                    <a:lnTo>
                      <a:pt x="420" y="120"/>
                    </a:lnTo>
                    <a:lnTo>
                      <a:pt x="432" y="120"/>
                    </a:lnTo>
                    <a:lnTo>
                      <a:pt x="426" y="126"/>
                    </a:lnTo>
                    <a:lnTo>
                      <a:pt x="438" y="132"/>
                    </a:lnTo>
                    <a:lnTo>
                      <a:pt x="438" y="138"/>
                    </a:lnTo>
                    <a:lnTo>
                      <a:pt x="426" y="138"/>
                    </a:lnTo>
                    <a:lnTo>
                      <a:pt x="432" y="150"/>
                    </a:lnTo>
                    <a:lnTo>
                      <a:pt x="402" y="132"/>
                    </a:lnTo>
                    <a:lnTo>
                      <a:pt x="444" y="162"/>
                    </a:lnTo>
                    <a:lnTo>
                      <a:pt x="438" y="168"/>
                    </a:lnTo>
                    <a:lnTo>
                      <a:pt x="402" y="150"/>
                    </a:lnTo>
                    <a:lnTo>
                      <a:pt x="396" y="156"/>
                    </a:lnTo>
                    <a:lnTo>
                      <a:pt x="414" y="156"/>
                    </a:lnTo>
                    <a:lnTo>
                      <a:pt x="432" y="174"/>
                    </a:lnTo>
                    <a:lnTo>
                      <a:pt x="462" y="168"/>
                    </a:lnTo>
                    <a:lnTo>
                      <a:pt x="474" y="192"/>
                    </a:lnTo>
                    <a:lnTo>
                      <a:pt x="474" y="19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70" name="Freeform 497"/>
              <p:cNvSpPr>
                <a:spLocks noChangeAspect="1"/>
              </p:cNvSpPr>
              <p:nvPr/>
            </p:nvSpPr>
            <p:spPr bwMode="auto">
              <a:xfrm>
                <a:off x="1419" y="1140"/>
                <a:ext cx="408" cy="300"/>
              </a:xfrm>
              <a:custGeom>
                <a:avLst/>
                <a:gdLst>
                  <a:gd name="T0" fmla="*/ 30 w 408"/>
                  <a:gd name="T1" fmla="*/ 192 h 300"/>
                  <a:gd name="T2" fmla="*/ 0 w 408"/>
                  <a:gd name="T3" fmla="*/ 180 h 300"/>
                  <a:gd name="T4" fmla="*/ 6 w 408"/>
                  <a:gd name="T5" fmla="*/ 156 h 300"/>
                  <a:gd name="T6" fmla="*/ 6 w 408"/>
                  <a:gd name="T7" fmla="*/ 174 h 300"/>
                  <a:gd name="T8" fmla="*/ 18 w 408"/>
                  <a:gd name="T9" fmla="*/ 150 h 300"/>
                  <a:gd name="T10" fmla="*/ 6 w 408"/>
                  <a:gd name="T11" fmla="*/ 150 h 300"/>
                  <a:gd name="T12" fmla="*/ 12 w 408"/>
                  <a:gd name="T13" fmla="*/ 132 h 300"/>
                  <a:gd name="T14" fmla="*/ 24 w 408"/>
                  <a:gd name="T15" fmla="*/ 132 h 300"/>
                  <a:gd name="T16" fmla="*/ 12 w 408"/>
                  <a:gd name="T17" fmla="*/ 126 h 300"/>
                  <a:gd name="T18" fmla="*/ 12 w 408"/>
                  <a:gd name="T19" fmla="*/ 66 h 300"/>
                  <a:gd name="T20" fmla="*/ 6 w 408"/>
                  <a:gd name="T21" fmla="*/ 48 h 300"/>
                  <a:gd name="T22" fmla="*/ 12 w 408"/>
                  <a:gd name="T23" fmla="*/ 18 h 300"/>
                  <a:gd name="T24" fmla="*/ 48 w 408"/>
                  <a:gd name="T25" fmla="*/ 42 h 300"/>
                  <a:gd name="T26" fmla="*/ 84 w 408"/>
                  <a:gd name="T27" fmla="*/ 60 h 300"/>
                  <a:gd name="T28" fmla="*/ 96 w 408"/>
                  <a:gd name="T29" fmla="*/ 72 h 300"/>
                  <a:gd name="T30" fmla="*/ 102 w 408"/>
                  <a:gd name="T31" fmla="*/ 66 h 300"/>
                  <a:gd name="T32" fmla="*/ 108 w 408"/>
                  <a:gd name="T33" fmla="*/ 72 h 300"/>
                  <a:gd name="T34" fmla="*/ 108 w 408"/>
                  <a:gd name="T35" fmla="*/ 84 h 300"/>
                  <a:gd name="T36" fmla="*/ 96 w 408"/>
                  <a:gd name="T37" fmla="*/ 84 h 300"/>
                  <a:gd name="T38" fmla="*/ 66 w 408"/>
                  <a:gd name="T39" fmla="*/ 114 h 300"/>
                  <a:gd name="T40" fmla="*/ 72 w 408"/>
                  <a:gd name="T41" fmla="*/ 114 h 300"/>
                  <a:gd name="T42" fmla="*/ 108 w 408"/>
                  <a:gd name="T43" fmla="*/ 90 h 300"/>
                  <a:gd name="T44" fmla="*/ 108 w 408"/>
                  <a:gd name="T45" fmla="*/ 78 h 300"/>
                  <a:gd name="T46" fmla="*/ 114 w 408"/>
                  <a:gd name="T47" fmla="*/ 84 h 300"/>
                  <a:gd name="T48" fmla="*/ 114 w 408"/>
                  <a:gd name="T49" fmla="*/ 96 h 300"/>
                  <a:gd name="T50" fmla="*/ 96 w 408"/>
                  <a:gd name="T51" fmla="*/ 102 h 300"/>
                  <a:gd name="T52" fmla="*/ 102 w 408"/>
                  <a:gd name="T53" fmla="*/ 114 h 300"/>
                  <a:gd name="T54" fmla="*/ 96 w 408"/>
                  <a:gd name="T55" fmla="*/ 132 h 300"/>
                  <a:gd name="T56" fmla="*/ 96 w 408"/>
                  <a:gd name="T57" fmla="*/ 120 h 300"/>
                  <a:gd name="T58" fmla="*/ 84 w 408"/>
                  <a:gd name="T59" fmla="*/ 132 h 300"/>
                  <a:gd name="T60" fmla="*/ 84 w 408"/>
                  <a:gd name="T61" fmla="*/ 120 h 300"/>
                  <a:gd name="T62" fmla="*/ 66 w 408"/>
                  <a:gd name="T63" fmla="*/ 132 h 300"/>
                  <a:gd name="T64" fmla="*/ 78 w 408"/>
                  <a:gd name="T65" fmla="*/ 144 h 300"/>
                  <a:gd name="T66" fmla="*/ 114 w 408"/>
                  <a:gd name="T67" fmla="*/ 126 h 300"/>
                  <a:gd name="T68" fmla="*/ 114 w 408"/>
                  <a:gd name="T69" fmla="*/ 102 h 300"/>
                  <a:gd name="T70" fmla="*/ 132 w 408"/>
                  <a:gd name="T71" fmla="*/ 78 h 300"/>
                  <a:gd name="T72" fmla="*/ 114 w 408"/>
                  <a:gd name="T73" fmla="*/ 42 h 300"/>
                  <a:gd name="T74" fmla="*/ 132 w 408"/>
                  <a:gd name="T75" fmla="*/ 36 h 300"/>
                  <a:gd name="T76" fmla="*/ 126 w 408"/>
                  <a:gd name="T77" fmla="*/ 0 h 300"/>
                  <a:gd name="T78" fmla="*/ 408 w 408"/>
                  <a:gd name="T79" fmla="*/ 72 h 300"/>
                  <a:gd name="T80" fmla="*/ 366 w 408"/>
                  <a:gd name="T81" fmla="*/ 300 h 300"/>
                  <a:gd name="T82" fmla="*/ 258 w 408"/>
                  <a:gd name="T83" fmla="*/ 276 h 300"/>
                  <a:gd name="T84" fmla="*/ 132 w 408"/>
                  <a:gd name="T85" fmla="*/ 276 h 300"/>
                  <a:gd name="T86" fmla="*/ 102 w 408"/>
                  <a:gd name="T87" fmla="*/ 258 h 300"/>
                  <a:gd name="T88" fmla="*/ 72 w 408"/>
                  <a:gd name="T89" fmla="*/ 264 h 300"/>
                  <a:gd name="T90" fmla="*/ 48 w 408"/>
                  <a:gd name="T91" fmla="*/ 252 h 300"/>
                  <a:gd name="T92" fmla="*/ 54 w 408"/>
                  <a:gd name="T93" fmla="*/ 216 h 300"/>
                  <a:gd name="T94" fmla="*/ 24 w 408"/>
                  <a:gd name="T95" fmla="*/ 198 h 300"/>
                  <a:gd name="T96" fmla="*/ 30 w 408"/>
                  <a:gd name="T97" fmla="*/ 192 h 300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w 408"/>
                  <a:gd name="T148" fmla="*/ 0 h 300"/>
                  <a:gd name="T149" fmla="*/ 408 w 408"/>
                  <a:gd name="T150" fmla="*/ 300 h 300"/>
                </a:gdLst>
                <a:ahLst/>
                <a:cxnLst>
                  <a:cxn ang="T98">
                    <a:pos x="T0" y="T1"/>
                  </a:cxn>
                  <a:cxn ang="T99">
                    <a:pos x="T2" y="T3"/>
                  </a:cxn>
                  <a:cxn ang="T100">
                    <a:pos x="T4" y="T5"/>
                  </a:cxn>
                  <a:cxn ang="T101">
                    <a:pos x="T6" y="T7"/>
                  </a:cxn>
                  <a:cxn ang="T102">
                    <a:pos x="T8" y="T9"/>
                  </a:cxn>
                  <a:cxn ang="T103">
                    <a:pos x="T10" y="T11"/>
                  </a:cxn>
                  <a:cxn ang="T104">
                    <a:pos x="T12" y="T13"/>
                  </a:cxn>
                  <a:cxn ang="T105">
                    <a:pos x="T14" y="T15"/>
                  </a:cxn>
                  <a:cxn ang="T106">
                    <a:pos x="T16" y="T17"/>
                  </a:cxn>
                  <a:cxn ang="T107">
                    <a:pos x="T18" y="T19"/>
                  </a:cxn>
                  <a:cxn ang="T108">
                    <a:pos x="T20" y="T21"/>
                  </a:cxn>
                  <a:cxn ang="T109">
                    <a:pos x="T22" y="T23"/>
                  </a:cxn>
                  <a:cxn ang="T110">
                    <a:pos x="T24" y="T25"/>
                  </a:cxn>
                  <a:cxn ang="T111">
                    <a:pos x="T26" y="T27"/>
                  </a:cxn>
                  <a:cxn ang="T112">
                    <a:pos x="T28" y="T29"/>
                  </a:cxn>
                  <a:cxn ang="T113">
                    <a:pos x="T30" y="T31"/>
                  </a:cxn>
                  <a:cxn ang="T114">
                    <a:pos x="T32" y="T33"/>
                  </a:cxn>
                  <a:cxn ang="T115">
                    <a:pos x="T34" y="T35"/>
                  </a:cxn>
                  <a:cxn ang="T116">
                    <a:pos x="T36" y="T37"/>
                  </a:cxn>
                  <a:cxn ang="T117">
                    <a:pos x="T38" y="T39"/>
                  </a:cxn>
                  <a:cxn ang="T118">
                    <a:pos x="T40" y="T41"/>
                  </a:cxn>
                  <a:cxn ang="T119">
                    <a:pos x="T42" y="T43"/>
                  </a:cxn>
                  <a:cxn ang="T120">
                    <a:pos x="T44" y="T45"/>
                  </a:cxn>
                  <a:cxn ang="T121">
                    <a:pos x="T46" y="T47"/>
                  </a:cxn>
                  <a:cxn ang="T122">
                    <a:pos x="T48" y="T49"/>
                  </a:cxn>
                  <a:cxn ang="T123">
                    <a:pos x="T50" y="T51"/>
                  </a:cxn>
                  <a:cxn ang="T124">
                    <a:pos x="T52" y="T53"/>
                  </a:cxn>
                  <a:cxn ang="T125">
                    <a:pos x="T54" y="T55"/>
                  </a:cxn>
                  <a:cxn ang="T126">
                    <a:pos x="T56" y="T57"/>
                  </a:cxn>
                  <a:cxn ang="T127">
                    <a:pos x="T58" y="T59"/>
                  </a:cxn>
                  <a:cxn ang="T128">
                    <a:pos x="T60" y="T61"/>
                  </a:cxn>
                  <a:cxn ang="T129">
                    <a:pos x="T62" y="T63"/>
                  </a:cxn>
                  <a:cxn ang="T130">
                    <a:pos x="T64" y="T65"/>
                  </a:cxn>
                  <a:cxn ang="T131">
                    <a:pos x="T66" y="T67"/>
                  </a:cxn>
                  <a:cxn ang="T132">
                    <a:pos x="T68" y="T69"/>
                  </a:cxn>
                  <a:cxn ang="T133">
                    <a:pos x="T70" y="T71"/>
                  </a:cxn>
                  <a:cxn ang="T134">
                    <a:pos x="T72" y="T73"/>
                  </a:cxn>
                  <a:cxn ang="T135">
                    <a:pos x="T74" y="T75"/>
                  </a:cxn>
                  <a:cxn ang="T136">
                    <a:pos x="T76" y="T77"/>
                  </a:cxn>
                  <a:cxn ang="T137">
                    <a:pos x="T78" y="T79"/>
                  </a:cxn>
                  <a:cxn ang="T138">
                    <a:pos x="T80" y="T81"/>
                  </a:cxn>
                  <a:cxn ang="T139">
                    <a:pos x="T82" y="T83"/>
                  </a:cxn>
                  <a:cxn ang="T140">
                    <a:pos x="T84" y="T85"/>
                  </a:cxn>
                  <a:cxn ang="T141">
                    <a:pos x="T86" y="T87"/>
                  </a:cxn>
                  <a:cxn ang="T142">
                    <a:pos x="T88" y="T89"/>
                  </a:cxn>
                  <a:cxn ang="T143">
                    <a:pos x="T90" y="T91"/>
                  </a:cxn>
                  <a:cxn ang="T144">
                    <a:pos x="T92" y="T93"/>
                  </a:cxn>
                  <a:cxn ang="T145">
                    <a:pos x="T94" y="T95"/>
                  </a:cxn>
                  <a:cxn ang="T146">
                    <a:pos x="T96" y="T97"/>
                  </a:cxn>
                </a:cxnLst>
                <a:rect l="T147" t="T148" r="T149" b="T150"/>
                <a:pathLst>
                  <a:path w="408" h="300">
                    <a:moveTo>
                      <a:pt x="30" y="192"/>
                    </a:moveTo>
                    <a:lnTo>
                      <a:pt x="0" y="180"/>
                    </a:lnTo>
                    <a:lnTo>
                      <a:pt x="6" y="156"/>
                    </a:lnTo>
                    <a:lnTo>
                      <a:pt x="6" y="174"/>
                    </a:lnTo>
                    <a:lnTo>
                      <a:pt x="18" y="150"/>
                    </a:lnTo>
                    <a:lnTo>
                      <a:pt x="6" y="150"/>
                    </a:lnTo>
                    <a:lnTo>
                      <a:pt x="12" y="132"/>
                    </a:lnTo>
                    <a:lnTo>
                      <a:pt x="24" y="132"/>
                    </a:lnTo>
                    <a:lnTo>
                      <a:pt x="12" y="126"/>
                    </a:lnTo>
                    <a:lnTo>
                      <a:pt x="12" y="66"/>
                    </a:lnTo>
                    <a:lnTo>
                      <a:pt x="6" y="48"/>
                    </a:lnTo>
                    <a:lnTo>
                      <a:pt x="12" y="18"/>
                    </a:lnTo>
                    <a:lnTo>
                      <a:pt x="48" y="42"/>
                    </a:lnTo>
                    <a:lnTo>
                      <a:pt x="84" y="60"/>
                    </a:lnTo>
                    <a:lnTo>
                      <a:pt x="96" y="72"/>
                    </a:lnTo>
                    <a:lnTo>
                      <a:pt x="102" y="66"/>
                    </a:lnTo>
                    <a:lnTo>
                      <a:pt x="108" y="72"/>
                    </a:lnTo>
                    <a:lnTo>
                      <a:pt x="108" y="84"/>
                    </a:lnTo>
                    <a:lnTo>
                      <a:pt x="96" y="84"/>
                    </a:lnTo>
                    <a:lnTo>
                      <a:pt x="66" y="114"/>
                    </a:lnTo>
                    <a:lnTo>
                      <a:pt x="72" y="114"/>
                    </a:lnTo>
                    <a:lnTo>
                      <a:pt x="108" y="90"/>
                    </a:lnTo>
                    <a:lnTo>
                      <a:pt x="108" y="78"/>
                    </a:lnTo>
                    <a:lnTo>
                      <a:pt x="114" y="84"/>
                    </a:lnTo>
                    <a:lnTo>
                      <a:pt x="114" y="96"/>
                    </a:lnTo>
                    <a:lnTo>
                      <a:pt x="96" y="102"/>
                    </a:lnTo>
                    <a:lnTo>
                      <a:pt x="102" y="114"/>
                    </a:lnTo>
                    <a:lnTo>
                      <a:pt x="96" y="132"/>
                    </a:lnTo>
                    <a:lnTo>
                      <a:pt x="96" y="120"/>
                    </a:lnTo>
                    <a:lnTo>
                      <a:pt x="84" y="132"/>
                    </a:lnTo>
                    <a:lnTo>
                      <a:pt x="84" y="120"/>
                    </a:lnTo>
                    <a:lnTo>
                      <a:pt x="66" y="132"/>
                    </a:lnTo>
                    <a:lnTo>
                      <a:pt x="78" y="144"/>
                    </a:lnTo>
                    <a:lnTo>
                      <a:pt x="114" y="126"/>
                    </a:lnTo>
                    <a:lnTo>
                      <a:pt x="114" y="102"/>
                    </a:lnTo>
                    <a:lnTo>
                      <a:pt x="132" y="78"/>
                    </a:lnTo>
                    <a:lnTo>
                      <a:pt x="114" y="42"/>
                    </a:lnTo>
                    <a:lnTo>
                      <a:pt x="132" y="36"/>
                    </a:lnTo>
                    <a:lnTo>
                      <a:pt x="126" y="0"/>
                    </a:lnTo>
                    <a:lnTo>
                      <a:pt x="408" y="72"/>
                    </a:lnTo>
                    <a:lnTo>
                      <a:pt x="366" y="300"/>
                    </a:lnTo>
                    <a:lnTo>
                      <a:pt x="258" y="276"/>
                    </a:lnTo>
                    <a:lnTo>
                      <a:pt x="132" y="276"/>
                    </a:lnTo>
                    <a:lnTo>
                      <a:pt x="102" y="258"/>
                    </a:lnTo>
                    <a:lnTo>
                      <a:pt x="72" y="264"/>
                    </a:lnTo>
                    <a:lnTo>
                      <a:pt x="48" y="252"/>
                    </a:lnTo>
                    <a:lnTo>
                      <a:pt x="54" y="216"/>
                    </a:lnTo>
                    <a:lnTo>
                      <a:pt x="24" y="198"/>
                    </a:lnTo>
                    <a:lnTo>
                      <a:pt x="30" y="19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71" name="Freeform 498"/>
              <p:cNvSpPr>
                <a:spLocks noChangeAspect="1"/>
              </p:cNvSpPr>
              <p:nvPr/>
            </p:nvSpPr>
            <p:spPr bwMode="auto">
              <a:xfrm>
                <a:off x="1419" y="1140"/>
                <a:ext cx="408" cy="300"/>
              </a:xfrm>
              <a:custGeom>
                <a:avLst/>
                <a:gdLst>
                  <a:gd name="T0" fmla="*/ 30 w 408"/>
                  <a:gd name="T1" fmla="*/ 192 h 300"/>
                  <a:gd name="T2" fmla="*/ 0 w 408"/>
                  <a:gd name="T3" fmla="*/ 180 h 300"/>
                  <a:gd name="T4" fmla="*/ 6 w 408"/>
                  <a:gd name="T5" fmla="*/ 156 h 300"/>
                  <a:gd name="T6" fmla="*/ 6 w 408"/>
                  <a:gd name="T7" fmla="*/ 174 h 300"/>
                  <a:gd name="T8" fmla="*/ 18 w 408"/>
                  <a:gd name="T9" fmla="*/ 150 h 300"/>
                  <a:gd name="T10" fmla="*/ 6 w 408"/>
                  <a:gd name="T11" fmla="*/ 150 h 300"/>
                  <a:gd name="T12" fmla="*/ 12 w 408"/>
                  <a:gd name="T13" fmla="*/ 132 h 300"/>
                  <a:gd name="T14" fmla="*/ 24 w 408"/>
                  <a:gd name="T15" fmla="*/ 132 h 300"/>
                  <a:gd name="T16" fmla="*/ 12 w 408"/>
                  <a:gd name="T17" fmla="*/ 126 h 300"/>
                  <a:gd name="T18" fmla="*/ 12 w 408"/>
                  <a:gd name="T19" fmla="*/ 66 h 300"/>
                  <a:gd name="T20" fmla="*/ 6 w 408"/>
                  <a:gd name="T21" fmla="*/ 48 h 300"/>
                  <a:gd name="T22" fmla="*/ 12 w 408"/>
                  <a:gd name="T23" fmla="*/ 18 h 300"/>
                  <a:gd name="T24" fmla="*/ 48 w 408"/>
                  <a:gd name="T25" fmla="*/ 42 h 300"/>
                  <a:gd name="T26" fmla="*/ 84 w 408"/>
                  <a:gd name="T27" fmla="*/ 60 h 300"/>
                  <a:gd name="T28" fmla="*/ 96 w 408"/>
                  <a:gd name="T29" fmla="*/ 72 h 300"/>
                  <a:gd name="T30" fmla="*/ 102 w 408"/>
                  <a:gd name="T31" fmla="*/ 66 h 300"/>
                  <a:gd name="T32" fmla="*/ 108 w 408"/>
                  <a:gd name="T33" fmla="*/ 72 h 300"/>
                  <a:gd name="T34" fmla="*/ 108 w 408"/>
                  <a:gd name="T35" fmla="*/ 84 h 300"/>
                  <a:gd name="T36" fmla="*/ 96 w 408"/>
                  <a:gd name="T37" fmla="*/ 84 h 300"/>
                  <a:gd name="T38" fmla="*/ 66 w 408"/>
                  <a:gd name="T39" fmla="*/ 114 h 300"/>
                  <a:gd name="T40" fmla="*/ 84 w 408"/>
                  <a:gd name="T41" fmla="*/ 114 h 300"/>
                  <a:gd name="T42" fmla="*/ 72 w 408"/>
                  <a:gd name="T43" fmla="*/ 114 h 300"/>
                  <a:gd name="T44" fmla="*/ 108 w 408"/>
                  <a:gd name="T45" fmla="*/ 90 h 300"/>
                  <a:gd name="T46" fmla="*/ 108 w 408"/>
                  <a:gd name="T47" fmla="*/ 78 h 300"/>
                  <a:gd name="T48" fmla="*/ 114 w 408"/>
                  <a:gd name="T49" fmla="*/ 84 h 300"/>
                  <a:gd name="T50" fmla="*/ 114 w 408"/>
                  <a:gd name="T51" fmla="*/ 96 h 300"/>
                  <a:gd name="T52" fmla="*/ 96 w 408"/>
                  <a:gd name="T53" fmla="*/ 102 h 300"/>
                  <a:gd name="T54" fmla="*/ 102 w 408"/>
                  <a:gd name="T55" fmla="*/ 114 h 300"/>
                  <a:gd name="T56" fmla="*/ 96 w 408"/>
                  <a:gd name="T57" fmla="*/ 132 h 300"/>
                  <a:gd name="T58" fmla="*/ 96 w 408"/>
                  <a:gd name="T59" fmla="*/ 120 h 300"/>
                  <a:gd name="T60" fmla="*/ 84 w 408"/>
                  <a:gd name="T61" fmla="*/ 132 h 300"/>
                  <a:gd name="T62" fmla="*/ 84 w 408"/>
                  <a:gd name="T63" fmla="*/ 120 h 300"/>
                  <a:gd name="T64" fmla="*/ 66 w 408"/>
                  <a:gd name="T65" fmla="*/ 132 h 300"/>
                  <a:gd name="T66" fmla="*/ 78 w 408"/>
                  <a:gd name="T67" fmla="*/ 144 h 300"/>
                  <a:gd name="T68" fmla="*/ 114 w 408"/>
                  <a:gd name="T69" fmla="*/ 126 h 300"/>
                  <a:gd name="T70" fmla="*/ 114 w 408"/>
                  <a:gd name="T71" fmla="*/ 102 h 300"/>
                  <a:gd name="T72" fmla="*/ 132 w 408"/>
                  <a:gd name="T73" fmla="*/ 78 h 300"/>
                  <a:gd name="T74" fmla="*/ 114 w 408"/>
                  <a:gd name="T75" fmla="*/ 42 h 300"/>
                  <a:gd name="T76" fmla="*/ 132 w 408"/>
                  <a:gd name="T77" fmla="*/ 36 h 300"/>
                  <a:gd name="T78" fmla="*/ 126 w 408"/>
                  <a:gd name="T79" fmla="*/ 0 h 300"/>
                  <a:gd name="T80" fmla="*/ 408 w 408"/>
                  <a:gd name="T81" fmla="*/ 72 h 300"/>
                  <a:gd name="T82" fmla="*/ 366 w 408"/>
                  <a:gd name="T83" fmla="*/ 300 h 300"/>
                  <a:gd name="T84" fmla="*/ 258 w 408"/>
                  <a:gd name="T85" fmla="*/ 276 h 300"/>
                  <a:gd name="T86" fmla="*/ 132 w 408"/>
                  <a:gd name="T87" fmla="*/ 276 h 300"/>
                  <a:gd name="T88" fmla="*/ 102 w 408"/>
                  <a:gd name="T89" fmla="*/ 258 h 300"/>
                  <a:gd name="T90" fmla="*/ 72 w 408"/>
                  <a:gd name="T91" fmla="*/ 264 h 300"/>
                  <a:gd name="T92" fmla="*/ 48 w 408"/>
                  <a:gd name="T93" fmla="*/ 252 h 300"/>
                  <a:gd name="T94" fmla="*/ 54 w 408"/>
                  <a:gd name="T95" fmla="*/ 216 h 300"/>
                  <a:gd name="T96" fmla="*/ 24 w 408"/>
                  <a:gd name="T97" fmla="*/ 198 h 300"/>
                  <a:gd name="T98" fmla="*/ 30 w 408"/>
                  <a:gd name="T99" fmla="*/ 192 h 300"/>
                  <a:gd name="T100" fmla="*/ 30 w 408"/>
                  <a:gd name="T101" fmla="*/ 198 h 300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w 408"/>
                  <a:gd name="T154" fmla="*/ 0 h 300"/>
                  <a:gd name="T155" fmla="*/ 408 w 408"/>
                  <a:gd name="T156" fmla="*/ 300 h 300"/>
                </a:gdLst>
                <a:ahLst/>
                <a:cxnLst>
                  <a:cxn ang="T102">
                    <a:pos x="T0" y="T1"/>
                  </a:cxn>
                  <a:cxn ang="T103">
                    <a:pos x="T2" y="T3"/>
                  </a:cxn>
                  <a:cxn ang="T104">
                    <a:pos x="T4" y="T5"/>
                  </a:cxn>
                  <a:cxn ang="T105">
                    <a:pos x="T6" y="T7"/>
                  </a:cxn>
                  <a:cxn ang="T106">
                    <a:pos x="T8" y="T9"/>
                  </a:cxn>
                  <a:cxn ang="T107">
                    <a:pos x="T10" y="T11"/>
                  </a:cxn>
                  <a:cxn ang="T108">
                    <a:pos x="T12" y="T13"/>
                  </a:cxn>
                  <a:cxn ang="T109">
                    <a:pos x="T14" y="T15"/>
                  </a:cxn>
                  <a:cxn ang="T110">
                    <a:pos x="T16" y="T17"/>
                  </a:cxn>
                  <a:cxn ang="T111">
                    <a:pos x="T18" y="T19"/>
                  </a:cxn>
                  <a:cxn ang="T112">
                    <a:pos x="T20" y="T21"/>
                  </a:cxn>
                  <a:cxn ang="T113">
                    <a:pos x="T22" y="T23"/>
                  </a:cxn>
                  <a:cxn ang="T114">
                    <a:pos x="T24" y="T25"/>
                  </a:cxn>
                  <a:cxn ang="T115">
                    <a:pos x="T26" y="T27"/>
                  </a:cxn>
                  <a:cxn ang="T116">
                    <a:pos x="T28" y="T29"/>
                  </a:cxn>
                  <a:cxn ang="T117">
                    <a:pos x="T30" y="T31"/>
                  </a:cxn>
                  <a:cxn ang="T118">
                    <a:pos x="T32" y="T33"/>
                  </a:cxn>
                  <a:cxn ang="T119">
                    <a:pos x="T34" y="T35"/>
                  </a:cxn>
                  <a:cxn ang="T120">
                    <a:pos x="T36" y="T37"/>
                  </a:cxn>
                  <a:cxn ang="T121">
                    <a:pos x="T38" y="T39"/>
                  </a:cxn>
                  <a:cxn ang="T122">
                    <a:pos x="T40" y="T41"/>
                  </a:cxn>
                  <a:cxn ang="T123">
                    <a:pos x="T42" y="T43"/>
                  </a:cxn>
                  <a:cxn ang="T124">
                    <a:pos x="T44" y="T45"/>
                  </a:cxn>
                  <a:cxn ang="T125">
                    <a:pos x="T46" y="T47"/>
                  </a:cxn>
                  <a:cxn ang="T126">
                    <a:pos x="T48" y="T49"/>
                  </a:cxn>
                  <a:cxn ang="T127">
                    <a:pos x="T50" y="T51"/>
                  </a:cxn>
                  <a:cxn ang="T128">
                    <a:pos x="T52" y="T53"/>
                  </a:cxn>
                  <a:cxn ang="T129">
                    <a:pos x="T54" y="T55"/>
                  </a:cxn>
                  <a:cxn ang="T130">
                    <a:pos x="T56" y="T57"/>
                  </a:cxn>
                  <a:cxn ang="T131">
                    <a:pos x="T58" y="T59"/>
                  </a:cxn>
                  <a:cxn ang="T132">
                    <a:pos x="T60" y="T61"/>
                  </a:cxn>
                  <a:cxn ang="T133">
                    <a:pos x="T62" y="T63"/>
                  </a:cxn>
                  <a:cxn ang="T134">
                    <a:pos x="T64" y="T65"/>
                  </a:cxn>
                  <a:cxn ang="T135">
                    <a:pos x="T66" y="T67"/>
                  </a:cxn>
                  <a:cxn ang="T136">
                    <a:pos x="T68" y="T69"/>
                  </a:cxn>
                  <a:cxn ang="T137">
                    <a:pos x="T70" y="T71"/>
                  </a:cxn>
                  <a:cxn ang="T138">
                    <a:pos x="T72" y="T73"/>
                  </a:cxn>
                  <a:cxn ang="T139">
                    <a:pos x="T74" y="T75"/>
                  </a:cxn>
                  <a:cxn ang="T140">
                    <a:pos x="T76" y="T77"/>
                  </a:cxn>
                  <a:cxn ang="T141">
                    <a:pos x="T78" y="T79"/>
                  </a:cxn>
                  <a:cxn ang="T142">
                    <a:pos x="T80" y="T81"/>
                  </a:cxn>
                  <a:cxn ang="T143">
                    <a:pos x="T82" y="T83"/>
                  </a:cxn>
                  <a:cxn ang="T144">
                    <a:pos x="T84" y="T85"/>
                  </a:cxn>
                  <a:cxn ang="T145">
                    <a:pos x="T86" y="T87"/>
                  </a:cxn>
                  <a:cxn ang="T146">
                    <a:pos x="T88" y="T89"/>
                  </a:cxn>
                  <a:cxn ang="T147">
                    <a:pos x="T90" y="T91"/>
                  </a:cxn>
                  <a:cxn ang="T148">
                    <a:pos x="T92" y="T93"/>
                  </a:cxn>
                  <a:cxn ang="T149">
                    <a:pos x="T94" y="T95"/>
                  </a:cxn>
                  <a:cxn ang="T150">
                    <a:pos x="T96" y="T97"/>
                  </a:cxn>
                  <a:cxn ang="T151">
                    <a:pos x="T98" y="T99"/>
                  </a:cxn>
                  <a:cxn ang="T152">
                    <a:pos x="T100" y="T101"/>
                  </a:cxn>
                </a:cxnLst>
                <a:rect l="T153" t="T154" r="T155" b="T156"/>
                <a:pathLst>
                  <a:path w="408" h="300">
                    <a:moveTo>
                      <a:pt x="30" y="192"/>
                    </a:moveTo>
                    <a:lnTo>
                      <a:pt x="0" y="180"/>
                    </a:lnTo>
                    <a:lnTo>
                      <a:pt x="6" y="156"/>
                    </a:lnTo>
                    <a:lnTo>
                      <a:pt x="6" y="174"/>
                    </a:lnTo>
                    <a:lnTo>
                      <a:pt x="18" y="150"/>
                    </a:lnTo>
                    <a:lnTo>
                      <a:pt x="6" y="150"/>
                    </a:lnTo>
                    <a:lnTo>
                      <a:pt x="12" y="132"/>
                    </a:lnTo>
                    <a:lnTo>
                      <a:pt x="24" y="132"/>
                    </a:lnTo>
                    <a:lnTo>
                      <a:pt x="12" y="126"/>
                    </a:lnTo>
                    <a:lnTo>
                      <a:pt x="12" y="66"/>
                    </a:lnTo>
                    <a:lnTo>
                      <a:pt x="6" y="48"/>
                    </a:lnTo>
                    <a:lnTo>
                      <a:pt x="12" y="18"/>
                    </a:lnTo>
                    <a:lnTo>
                      <a:pt x="48" y="42"/>
                    </a:lnTo>
                    <a:lnTo>
                      <a:pt x="84" y="60"/>
                    </a:lnTo>
                    <a:lnTo>
                      <a:pt x="96" y="72"/>
                    </a:lnTo>
                    <a:lnTo>
                      <a:pt x="102" y="66"/>
                    </a:lnTo>
                    <a:lnTo>
                      <a:pt x="108" y="72"/>
                    </a:lnTo>
                    <a:lnTo>
                      <a:pt x="108" y="84"/>
                    </a:lnTo>
                    <a:lnTo>
                      <a:pt x="96" y="84"/>
                    </a:lnTo>
                    <a:lnTo>
                      <a:pt x="66" y="114"/>
                    </a:lnTo>
                    <a:lnTo>
                      <a:pt x="84" y="114"/>
                    </a:lnTo>
                    <a:lnTo>
                      <a:pt x="72" y="114"/>
                    </a:lnTo>
                    <a:lnTo>
                      <a:pt x="108" y="90"/>
                    </a:lnTo>
                    <a:lnTo>
                      <a:pt x="108" y="78"/>
                    </a:lnTo>
                    <a:lnTo>
                      <a:pt x="114" y="84"/>
                    </a:lnTo>
                    <a:lnTo>
                      <a:pt x="114" y="96"/>
                    </a:lnTo>
                    <a:lnTo>
                      <a:pt x="96" y="102"/>
                    </a:lnTo>
                    <a:lnTo>
                      <a:pt x="102" y="114"/>
                    </a:lnTo>
                    <a:lnTo>
                      <a:pt x="96" y="132"/>
                    </a:lnTo>
                    <a:lnTo>
                      <a:pt x="96" y="120"/>
                    </a:lnTo>
                    <a:lnTo>
                      <a:pt x="84" y="132"/>
                    </a:lnTo>
                    <a:lnTo>
                      <a:pt x="84" y="120"/>
                    </a:lnTo>
                    <a:lnTo>
                      <a:pt x="66" y="132"/>
                    </a:lnTo>
                    <a:lnTo>
                      <a:pt x="78" y="144"/>
                    </a:lnTo>
                    <a:lnTo>
                      <a:pt x="114" y="126"/>
                    </a:lnTo>
                    <a:lnTo>
                      <a:pt x="114" y="102"/>
                    </a:lnTo>
                    <a:lnTo>
                      <a:pt x="132" y="78"/>
                    </a:lnTo>
                    <a:lnTo>
                      <a:pt x="114" y="42"/>
                    </a:lnTo>
                    <a:lnTo>
                      <a:pt x="132" y="36"/>
                    </a:lnTo>
                    <a:lnTo>
                      <a:pt x="126" y="0"/>
                    </a:lnTo>
                    <a:lnTo>
                      <a:pt x="408" y="72"/>
                    </a:lnTo>
                    <a:lnTo>
                      <a:pt x="366" y="300"/>
                    </a:lnTo>
                    <a:lnTo>
                      <a:pt x="258" y="276"/>
                    </a:lnTo>
                    <a:lnTo>
                      <a:pt x="132" y="276"/>
                    </a:lnTo>
                    <a:lnTo>
                      <a:pt x="102" y="258"/>
                    </a:lnTo>
                    <a:lnTo>
                      <a:pt x="72" y="264"/>
                    </a:lnTo>
                    <a:lnTo>
                      <a:pt x="48" y="252"/>
                    </a:lnTo>
                    <a:lnTo>
                      <a:pt x="54" y="216"/>
                    </a:lnTo>
                    <a:lnTo>
                      <a:pt x="24" y="198"/>
                    </a:lnTo>
                    <a:lnTo>
                      <a:pt x="30" y="192"/>
                    </a:lnTo>
                    <a:lnTo>
                      <a:pt x="30" y="19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72" name="Freeform 499"/>
              <p:cNvSpPr>
                <a:spLocks noChangeAspect="1"/>
              </p:cNvSpPr>
              <p:nvPr/>
            </p:nvSpPr>
            <p:spPr bwMode="auto">
              <a:xfrm>
                <a:off x="3723" y="1908"/>
                <a:ext cx="282" cy="282"/>
              </a:xfrm>
              <a:custGeom>
                <a:avLst/>
                <a:gdLst>
                  <a:gd name="T0" fmla="*/ 168 w 282"/>
                  <a:gd name="T1" fmla="*/ 66 h 282"/>
                  <a:gd name="T2" fmla="*/ 180 w 282"/>
                  <a:gd name="T3" fmla="*/ 102 h 282"/>
                  <a:gd name="T4" fmla="*/ 216 w 282"/>
                  <a:gd name="T5" fmla="*/ 66 h 282"/>
                  <a:gd name="T6" fmla="*/ 234 w 282"/>
                  <a:gd name="T7" fmla="*/ 72 h 282"/>
                  <a:gd name="T8" fmla="*/ 246 w 282"/>
                  <a:gd name="T9" fmla="*/ 54 h 282"/>
                  <a:gd name="T10" fmla="*/ 270 w 282"/>
                  <a:gd name="T11" fmla="*/ 54 h 282"/>
                  <a:gd name="T12" fmla="*/ 282 w 282"/>
                  <a:gd name="T13" fmla="*/ 78 h 282"/>
                  <a:gd name="T14" fmla="*/ 276 w 282"/>
                  <a:gd name="T15" fmla="*/ 90 h 282"/>
                  <a:gd name="T16" fmla="*/ 240 w 282"/>
                  <a:gd name="T17" fmla="*/ 72 h 282"/>
                  <a:gd name="T18" fmla="*/ 240 w 282"/>
                  <a:gd name="T19" fmla="*/ 96 h 282"/>
                  <a:gd name="T20" fmla="*/ 222 w 282"/>
                  <a:gd name="T21" fmla="*/ 132 h 282"/>
                  <a:gd name="T22" fmla="*/ 210 w 282"/>
                  <a:gd name="T23" fmla="*/ 132 h 282"/>
                  <a:gd name="T24" fmla="*/ 198 w 282"/>
                  <a:gd name="T25" fmla="*/ 162 h 282"/>
                  <a:gd name="T26" fmla="*/ 174 w 282"/>
                  <a:gd name="T27" fmla="*/ 156 h 282"/>
                  <a:gd name="T28" fmla="*/ 150 w 282"/>
                  <a:gd name="T29" fmla="*/ 228 h 282"/>
                  <a:gd name="T30" fmla="*/ 156 w 282"/>
                  <a:gd name="T31" fmla="*/ 234 h 282"/>
                  <a:gd name="T32" fmla="*/ 144 w 282"/>
                  <a:gd name="T33" fmla="*/ 252 h 282"/>
                  <a:gd name="T34" fmla="*/ 72 w 282"/>
                  <a:gd name="T35" fmla="*/ 282 h 282"/>
                  <a:gd name="T36" fmla="*/ 54 w 282"/>
                  <a:gd name="T37" fmla="*/ 270 h 282"/>
                  <a:gd name="T38" fmla="*/ 48 w 282"/>
                  <a:gd name="T39" fmla="*/ 258 h 282"/>
                  <a:gd name="T40" fmla="*/ 12 w 282"/>
                  <a:gd name="T41" fmla="*/ 228 h 282"/>
                  <a:gd name="T42" fmla="*/ 0 w 282"/>
                  <a:gd name="T43" fmla="*/ 192 h 282"/>
                  <a:gd name="T44" fmla="*/ 6 w 282"/>
                  <a:gd name="T45" fmla="*/ 192 h 282"/>
                  <a:gd name="T46" fmla="*/ 24 w 282"/>
                  <a:gd name="T47" fmla="*/ 174 h 282"/>
                  <a:gd name="T48" fmla="*/ 24 w 282"/>
                  <a:gd name="T49" fmla="*/ 144 h 282"/>
                  <a:gd name="T50" fmla="*/ 42 w 282"/>
                  <a:gd name="T51" fmla="*/ 144 h 282"/>
                  <a:gd name="T52" fmla="*/ 48 w 282"/>
                  <a:gd name="T53" fmla="*/ 120 h 282"/>
                  <a:gd name="T54" fmla="*/ 90 w 282"/>
                  <a:gd name="T55" fmla="*/ 84 h 282"/>
                  <a:gd name="T56" fmla="*/ 96 w 282"/>
                  <a:gd name="T57" fmla="*/ 30 h 282"/>
                  <a:gd name="T58" fmla="*/ 90 w 282"/>
                  <a:gd name="T59" fmla="*/ 6 h 282"/>
                  <a:gd name="T60" fmla="*/ 96 w 282"/>
                  <a:gd name="T61" fmla="*/ 0 h 282"/>
                  <a:gd name="T62" fmla="*/ 108 w 282"/>
                  <a:gd name="T63" fmla="*/ 72 h 282"/>
                  <a:gd name="T64" fmla="*/ 156 w 282"/>
                  <a:gd name="T65" fmla="*/ 66 h 282"/>
                  <a:gd name="T66" fmla="*/ 168 w 282"/>
                  <a:gd name="T67" fmla="*/ 66 h 282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w 282"/>
                  <a:gd name="T103" fmla="*/ 0 h 282"/>
                  <a:gd name="T104" fmla="*/ 282 w 282"/>
                  <a:gd name="T105" fmla="*/ 282 h 282"/>
                </a:gdLst>
                <a:ahLst/>
                <a:cxnLst>
                  <a:cxn ang="T68">
                    <a:pos x="T0" y="T1"/>
                  </a:cxn>
                  <a:cxn ang="T69">
                    <a:pos x="T2" y="T3"/>
                  </a:cxn>
                  <a:cxn ang="T70">
                    <a:pos x="T4" y="T5"/>
                  </a:cxn>
                  <a:cxn ang="T71">
                    <a:pos x="T6" y="T7"/>
                  </a:cxn>
                  <a:cxn ang="T72">
                    <a:pos x="T8" y="T9"/>
                  </a:cxn>
                  <a:cxn ang="T73">
                    <a:pos x="T10" y="T11"/>
                  </a:cxn>
                  <a:cxn ang="T74">
                    <a:pos x="T12" y="T13"/>
                  </a:cxn>
                  <a:cxn ang="T75">
                    <a:pos x="T14" y="T15"/>
                  </a:cxn>
                  <a:cxn ang="T76">
                    <a:pos x="T16" y="T17"/>
                  </a:cxn>
                  <a:cxn ang="T77">
                    <a:pos x="T18" y="T19"/>
                  </a:cxn>
                  <a:cxn ang="T78">
                    <a:pos x="T20" y="T21"/>
                  </a:cxn>
                  <a:cxn ang="T79">
                    <a:pos x="T22" y="T23"/>
                  </a:cxn>
                  <a:cxn ang="T80">
                    <a:pos x="T24" y="T25"/>
                  </a:cxn>
                  <a:cxn ang="T81">
                    <a:pos x="T26" y="T27"/>
                  </a:cxn>
                  <a:cxn ang="T82">
                    <a:pos x="T28" y="T29"/>
                  </a:cxn>
                  <a:cxn ang="T83">
                    <a:pos x="T30" y="T31"/>
                  </a:cxn>
                  <a:cxn ang="T84">
                    <a:pos x="T32" y="T33"/>
                  </a:cxn>
                  <a:cxn ang="T85">
                    <a:pos x="T34" y="T35"/>
                  </a:cxn>
                  <a:cxn ang="T86">
                    <a:pos x="T36" y="T37"/>
                  </a:cxn>
                  <a:cxn ang="T87">
                    <a:pos x="T38" y="T39"/>
                  </a:cxn>
                  <a:cxn ang="T88">
                    <a:pos x="T40" y="T41"/>
                  </a:cxn>
                  <a:cxn ang="T89">
                    <a:pos x="T42" y="T43"/>
                  </a:cxn>
                  <a:cxn ang="T90">
                    <a:pos x="T44" y="T45"/>
                  </a:cxn>
                  <a:cxn ang="T91">
                    <a:pos x="T46" y="T47"/>
                  </a:cxn>
                  <a:cxn ang="T92">
                    <a:pos x="T48" y="T49"/>
                  </a:cxn>
                  <a:cxn ang="T93">
                    <a:pos x="T50" y="T51"/>
                  </a:cxn>
                  <a:cxn ang="T94">
                    <a:pos x="T52" y="T53"/>
                  </a:cxn>
                  <a:cxn ang="T95">
                    <a:pos x="T54" y="T55"/>
                  </a:cxn>
                  <a:cxn ang="T96">
                    <a:pos x="T56" y="T57"/>
                  </a:cxn>
                  <a:cxn ang="T97">
                    <a:pos x="T58" y="T59"/>
                  </a:cxn>
                  <a:cxn ang="T98">
                    <a:pos x="T60" y="T61"/>
                  </a:cxn>
                  <a:cxn ang="T99">
                    <a:pos x="T62" y="T63"/>
                  </a:cxn>
                  <a:cxn ang="T100">
                    <a:pos x="T64" y="T65"/>
                  </a:cxn>
                  <a:cxn ang="T101">
                    <a:pos x="T66" y="T67"/>
                  </a:cxn>
                </a:cxnLst>
                <a:rect l="T102" t="T103" r="T104" b="T105"/>
                <a:pathLst>
                  <a:path w="282" h="282">
                    <a:moveTo>
                      <a:pt x="168" y="66"/>
                    </a:moveTo>
                    <a:lnTo>
                      <a:pt x="180" y="102"/>
                    </a:lnTo>
                    <a:lnTo>
                      <a:pt x="216" y="66"/>
                    </a:lnTo>
                    <a:lnTo>
                      <a:pt x="234" y="72"/>
                    </a:lnTo>
                    <a:lnTo>
                      <a:pt x="246" y="54"/>
                    </a:lnTo>
                    <a:lnTo>
                      <a:pt x="270" y="54"/>
                    </a:lnTo>
                    <a:lnTo>
                      <a:pt x="282" y="78"/>
                    </a:lnTo>
                    <a:lnTo>
                      <a:pt x="276" y="90"/>
                    </a:lnTo>
                    <a:lnTo>
                      <a:pt x="240" y="72"/>
                    </a:lnTo>
                    <a:lnTo>
                      <a:pt x="240" y="96"/>
                    </a:lnTo>
                    <a:lnTo>
                      <a:pt x="222" y="132"/>
                    </a:lnTo>
                    <a:lnTo>
                      <a:pt x="210" y="132"/>
                    </a:lnTo>
                    <a:lnTo>
                      <a:pt x="198" y="162"/>
                    </a:lnTo>
                    <a:lnTo>
                      <a:pt x="174" y="156"/>
                    </a:lnTo>
                    <a:lnTo>
                      <a:pt x="150" y="228"/>
                    </a:lnTo>
                    <a:lnTo>
                      <a:pt x="156" y="234"/>
                    </a:lnTo>
                    <a:lnTo>
                      <a:pt x="144" y="252"/>
                    </a:lnTo>
                    <a:lnTo>
                      <a:pt x="72" y="282"/>
                    </a:lnTo>
                    <a:lnTo>
                      <a:pt x="54" y="270"/>
                    </a:lnTo>
                    <a:lnTo>
                      <a:pt x="48" y="258"/>
                    </a:lnTo>
                    <a:lnTo>
                      <a:pt x="12" y="228"/>
                    </a:lnTo>
                    <a:lnTo>
                      <a:pt x="0" y="192"/>
                    </a:lnTo>
                    <a:lnTo>
                      <a:pt x="6" y="192"/>
                    </a:lnTo>
                    <a:lnTo>
                      <a:pt x="24" y="174"/>
                    </a:lnTo>
                    <a:lnTo>
                      <a:pt x="24" y="144"/>
                    </a:lnTo>
                    <a:lnTo>
                      <a:pt x="42" y="144"/>
                    </a:lnTo>
                    <a:lnTo>
                      <a:pt x="48" y="120"/>
                    </a:lnTo>
                    <a:lnTo>
                      <a:pt x="90" y="84"/>
                    </a:lnTo>
                    <a:lnTo>
                      <a:pt x="96" y="30"/>
                    </a:lnTo>
                    <a:lnTo>
                      <a:pt x="90" y="6"/>
                    </a:lnTo>
                    <a:lnTo>
                      <a:pt x="96" y="0"/>
                    </a:lnTo>
                    <a:lnTo>
                      <a:pt x="108" y="72"/>
                    </a:lnTo>
                    <a:lnTo>
                      <a:pt x="156" y="66"/>
                    </a:lnTo>
                    <a:lnTo>
                      <a:pt x="168" y="66"/>
                    </a:lnTo>
                    <a:close/>
                  </a:path>
                </a:pathLst>
              </a:custGeom>
              <a:solidFill>
                <a:srgbClr val="FF8C00"/>
              </a:solidFill>
              <a:ln w="9525">
                <a:solidFill>
                  <a:srgbClr val="FF8C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73" name="Freeform 500"/>
              <p:cNvSpPr>
                <a:spLocks noChangeAspect="1"/>
              </p:cNvSpPr>
              <p:nvPr/>
            </p:nvSpPr>
            <p:spPr bwMode="auto">
              <a:xfrm>
                <a:off x="3723" y="1908"/>
                <a:ext cx="282" cy="282"/>
              </a:xfrm>
              <a:custGeom>
                <a:avLst/>
                <a:gdLst>
                  <a:gd name="T0" fmla="*/ 168 w 282"/>
                  <a:gd name="T1" fmla="*/ 66 h 282"/>
                  <a:gd name="T2" fmla="*/ 180 w 282"/>
                  <a:gd name="T3" fmla="*/ 102 h 282"/>
                  <a:gd name="T4" fmla="*/ 216 w 282"/>
                  <a:gd name="T5" fmla="*/ 66 h 282"/>
                  <a:gd name="T6" fmla="*/ 234 w 282"/>
                  <a:gd name="T7" fmla="*/ 72 h 282"/>
                  <a:gd name="T8" fmla="*/ 246 w 282"/>
                  <a:gd name="T9" fmla="*/ 54 h 282"/>
                  <a:gd name="T10" fmla="*/ 270 w 282"/>
                  <a:gd name="T11" fmla="*/ 54 h 282"/>
                  <a:gd name="T12" fmla="*/ 282 w 282"/>
                  <a:gd name="T13" fmla="*/ 78 h 282"/>
                  <a:gd name="T14" fmla="*/ 276 w 282"/>
                  <a:gd name="T15" fmla="*/ 90 h 282"/>
                  <a:gd name="T16" fmla="*/ 240 w 282"/>
                  <a:gd name="T17" fmla="*/ 72 h 282"/>
                  <a:gd name="T18" fmla="*/ 240 w 282"/>
                  <a:gd name="T19" fmla="*/ 96 h 282"/>
                  <a:gd name="T20" fmla="*/ 222 w 282"/>
                  <a:gd name="T21" fmla="*/ 132 h 282"/>
                  <a:gd name="T22" fmla="*/ 210 w 282"/>
                  <a:gd name="T23" fmla="*/ 132 h 282"/>
                  <a:gd name="T24" fmla="*/ 198 w 282"/>
                  <a:gd name="T25" fmla="*/ 162 h 282"/>
                  <a:gd name="T26" fmla="*/ 174 w 282"/>
                  <a:gd name="T27" fmla="*/ 156 h 282"/>
                  <a:gd name="T28" fmla="*/ 150 w 282"/>
                  <a:gd name="T29" fmla="*/ 228 h 282"/>
                  <a:gd name="T30" fmla="*/ 156 w 282"/>
                  <a:gd name="T31" fmla="*/ 234 h 282"/>
                  <a:gd name="T32" fmla="*/ 144 w 282"/>
                  <a:gd name="T33" fmla="*/ 252 h 282"/>
                  <a:gd name="T34" fmla="*/ 72 w 282"/>
                  <a:gd name="T35" fmla="*/ 282 h 282"/>
                  <a:gd name="T36" fmla="*/ 54 w 282"/>
                  <a:gd name="T37" fmla="*/ 270 h 282"/>
                  <a:gd name="T38" fmla="*/ 48 w 282"/>
                  <a:gd name="T39" fmla="*/ 258 h 282"/>
                  <a:gd name="T40" fmla="*/ 12 w 282"/>
                  <a:gd name="T41" fmla="*/ 228 h 282"/>
                  <a:gd name="T42" fmla="*/ 0 w 282"/>
                  <a:gd name="T43" fmla="*/ 192 h 282"/>
                  <a:gd name="T44" fmla="*/ 6 w 282"/>
                  <a:gd name="T45" fmla="*/ 192 h 282"/>
                  <a:gd name="T46" fmla="*/ 24 w 282"/>
                  <a:gd name="T47" fmla="*/ 174 h 282"/>
                  <a:gd name="T48" fmla="*/ 24 w 282"/>
                  <a:gd name="T49" fmla="*/ 144 h 282"/>
                  <a:gd name="T50" fmla="*/ 42 w 282"/>
                  <a:gd name="T51" fmla="*/ 144 h 282"/>
                  <a:gd name="T52" fmla="*/ 48 w 282"/>
                  <a:gd name="T53" fmla="*/ 120 h 282"/>
                  <a:gd name="T54" fmla="*/ 90 w 282"/>
                  <a:gd name="T55" fmla="*/ 84 h 282"/>
                  <a:gd name="T56" fmla="*/ 96 w 282"/>
                  <a:gd name="T57" fmla="*/ 30 h 282"/>
                  <a:gd name="T58" fmla="*/ 90 w 282"/>
                  <a:gd name="T59" fmla="*/ 6 h 282"/>
                  <a:gd name="T60" fmla="*/ 96 w 282"/>
                  <a:gd name="T61" fmla="*/ 0 h 282"/>
                  <a:gd name="T62" fmla="*/ 108 w 282"/>
                  <a:gd name="T63" fmla="*/ 72 h 282"/>
                  <a:gd name="T64" fmla="*/ 156 w 282"/>
                  <a:gd name="T65" fmla="*/ 66 h 282"/>
                  <a:gd name="T66" fmla="*/ 168 w 282"/>
                  <a:gd name="T67" fmla="*/ 66 h 282"/>
                  <a:gd name="T68" fmla="*/ 168 w 282"/>
                  <a:gd name="T69" fmla="*/ 72 h 282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w 282"/>
                  <a:gd name="T106" fmla="*/ 0 h 282"/>
                  <a:gd name="T107" fmla="*/ 282 w 282"/>
                  <a:gd name="T108" fmla="*/ 282 h 282"/>
                </a:gdLst>
                <a:ahLst/>
                <a:cxnLst>
                  <a:cxn ang="T70">
                    <a:pos x="T0" y="T1"/>
                  </a:cxn>
                  <a:cxn ang="T71">
                    <a:pos x="T2" y="T3"/>
                  </a:cxn>
                  <a:cxn ang="T72">
                    <a:pos x="T4" y="T5"/>
                  </a:cxn>
                  <a:cxn ang="T73">
                    <a:pos x="T6" y="T7"/>
                  </a:cxn>
                  <a:cxn ang="T74">
                    <a:pos x="T8" y="T9"/>
                  </a:cxn>
                  <a:cxn ang="T75">
                    <a:pos x="T10" y="T11"/>
                  </a:cxn>
                  <a:cxn ang="T76">
                    <a:pos x="T12" y="T13"/>
                  </a:cxn>
                  <a:cxn ang="T77">
                    <a:pos x="T14" y="T15"/>
                  </a:cxn>
                  <a:cxn ang="T78">
                    <a:pos x="T16" y="T17"/>
                  </a:cxn>
                  <a:cxn ang="T79">
                    <a:pos x="T18" y="T19"/>
                  </a:cxn>
                  <a:cxn ang="T80">
                    <a:pos x="T20" y="T21"/>
                  </a:cxn>
                  <a:cxn ang="T81">
                    <a:pos x="T22" y="T23"/>
                  </a:cxn>
                  <a:cxn ang="T82">
                    <a:pos x="T24" y="T25"/>
                  </a:cxn>
                  <a:cxn ang="T83">
                    <a:pos x="T26" y="T27"/>
                  </a:cxn>
                  <a:cxn ang="T84">
                    <a:pos x="T28" y="T29"/>
                  </a:cxn>
                  <a:cxn ang="T85">
                    <a:pos x="T30" y="T31"/>
                  </a:cxn>
                  <a:cxn ang="T86">
                    <a:pos x="T32" y="T33"/>
                  </a:cxn>
                  <a:cxn ang="T87">
                    <a:pos x="T34" y="T35"/>
                  </a:cxn>
                  <a:cxn ang="T88">
                    <a:pos x="T36" y="T37"/>
                  </a:cxn>
                  <a:cxn ang="T89">
                    <a:pos x="T38" y="T39"/>
                  </a:cxn>
                  <a:cxn ang="T90">
                    <a:pos x="T40" y="T41"/>
                  </a:cxn>
                  <a:cxn ang="T91">
                    <a:pos x="T42" y="T43"/>
                  </a:cxn>
                  <a:cxn ang="T92">
                    <a:pos x="T44" y="T45"/>
                  </a:cxn>
                  <a:cxn ang="T93">
                    <a:pos x="T46" y="T47"/>
                  </a:cxn>
                  <a:cxn ang="T94">
                    <a:pos x="T48" y="T49"/>
                  </a:cxn>
                  <a:cxn ang="T95">
                    <a:pos x="T50" y="T51"/>
                  </a:cxn>
                  <a:cxn ang="T96">
                    <a:pos x="T52" y="T53"/>
                  </a:cxn>
                  <a:cxn ang="T97">
                    <a:pos x="T54" y="T55"/>
                  </a:cxn>
                  <a:cxn ang="T98">
                    <a:pos x="T56" y="T57"/>
                  </a:cxn>
                  <a:cxn ang="T99">
                    <a:pos x="T58" y="T59"/>
                  </a:cxn>
                  <a:cxn ang="T100">
                    <a:pos x="T60" y="T61"/>
                  </a:cxn>
                  <a:cxn ang="T101">
                    <a:pos x="T62" y="T63"/>
                  </a:cxn>
                  <a:cxn ang="T102">
                    <a:pos x="T64" y="T65"/>
                  </a:cxn>
                  <a:cxn ang="T103">
                    <a:pos x="T66" y="T67"/>
                  </a:cxn>
                  <a:cxn ang="T104">
                    <a:pos x="T68" y="T69"/>
                  </a:cxn>
                </a:cxnLst>
                <a:rect l="T105" t="T106" r="T107" b="T108"/>
                <a:pathLst>
                  <a:path w="282" h="282">
                    <a:moveTo>
                      <a:pt x="168" y="66"/>
                    </a:moveTo>
                    <a:lnTo>
                      <a:pt x="180" y="102"/>
                    </a:lnTo>
                    <a:lnTo>
                      <a:pt x="216" y="66"/>
                    </a:lnTo>
                    <a:lnTo>
                      <a:pt x="234" y="72"/>
                    </a:lnTo>
                    <a:lnTo>
                      <a:pt x="246" y="54"/>
                    </a:lnTo>
                    <a:lnTo>
                      <a:pt x="270" y="54"/>
                    </a:lnTo>
                    <a:lnTo>
                      <a:pt x="282" y="78"/>
                    </a:lnTo>
                    <a:lnTo>
                      <a:pt x="276" y="90"/>
                    </a:lnTo>
                    <a:lnTo>
                      <a:pt x="240" y="72"/>
                    </a:lnTo>
                    <a:lnTo>
                      <a:pt x="240" y="96"/>
                    </a:lnTo>
                    <a:lnTo>
                      <a:pt x="222" y="132"/>
                    </a:lnTo>
                    <a:lnTo>
                      <a:pt x="210" y="132"/>
                    </a:lnTo>
                    <a:lnTo>
                      <a:pt x="198" y="162"/>
                    </a:lnTo>
                    <a:lnTo>
                      <a:pt x="174" y="156"/>
                    </a:lnTo>
                    <a:lnTo>
                      <a:pt x="150" y="228"/>
                    </a:lnTo>
                    <a:lnTo>
                      <a:pt x="156" y="234"/>
                    </a:lnTo>
                    <a:lnTo>
                      <a:pt x="144" y="252"/>
                    </a:lnTo>
                    <a:lnTo>
                      <a:pt x="72" y="282"/>
                    </a:lnTo>
                    <a:lnTo>
                      <a:pt x="54" y="270"/>
                    </a:lnTo>
                    <a:lnTo>
                      <a:pt x="48" y="258"/>
                    </a:lnTo>
                    <a:lnTo>
                      <a:pt x="12" y="228"/>
                    </a:lnTo>
                    <a:lnTo>
                      <a:pt x="0" y="192"/>
                    </a:lnTo>
                    <a:lnTo>
                      <a:pt x="6" y="192"/>
                    </a:lnTo>
                    <a:lnTo>
                      <a:pt x="24" y="174"/>
                    </a:lnTo>
                    <a:lnTo>
                      <a:pt x="24" y="144"/>
                    </a:lnTo>
                    <a:lnTo>
                      <a:pt x="42" y="144"/>
                    </a:lnTo>
                    <a:lnTo>
                      <a:pt x="48" y="120"/>
                    </a:lnTo>
                    <a:lnTo>
                      <a:pt x="90" y="84"/>
                    </a:lnTo>
                    <a:lnTo>
                      <a:pt x="96" y="30"/>
                    </a:lnTo>
                    <a:lnTo>
                      <a:pt x="90" y="6"/>
                    </a:lnTo>
                    <a:lnTo>
                      <a:pt x="96" y="0"/>
                    </a:lnTo>
                    <a:lnTo>
                      <a:pt x="108" y="72"/>
                    </a:lnTo>
                    <a:lnTo>
                      <a:pt x="156" y="66"/>
                    </a:lnTo>
                    <a:lnTo>
                      <a:pt x="168" y="66"/>
                    </a:lnTo>
                    <a:lnTo>
                      <a:pt x="168" y="72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74" name="Freeform 501"/>
              <p:cNvSpPr>
                <a:spLocks noChangeAspect="1"/>
              </p:cNvSpPr>
              <p:nvPr/>
            </p:nvSpPr>
            <p:spPr bwMode="auto">
              <a:xfrm>
                <a:off x="3081" y="1488"/>
                <a:ext cx="330" cy="342"/>
              </a:xfrm>
              <a:custGeom>
                <a:avLst/>
                <a:gdLst>
                  <a:gd name="T0" fmla="*/ 138 w 330"/>
                  <a:gd name="T1" fmla="*/ 342 h 342"/>
                  <a:gd name="T2" fmla="*/ 114 w 330"/>
                  <a:gd name="T3" fmla="*/ 324 h 342"/>
                  <a:gd name="T4" fmla="*/ 108 w 330"/>
                  <a:gd name="T5" fmla="*/ 300 h 342"/>
                  <a:gd name="T6" fmla="*/ 114 w 330"/>
                  <a:gd name="T7" fmla="*/ 282 h 342"/>
                  <a:gd name="T8" fmla="*/ 102 w 330"/>
                  <a:gd name="T9" fmla="*/ 264 h 342"/>
                  <a:gd name="T10" fmla="*/ 90 w 330"/>
                  <a:gd name="T11" fmla="*/ 228 h 342"/>
                  <a:gd name="T12" fmla="*/ 12 w 330"/>
                  <a:gd name="T13" fmla="*/ 174 h 342"/>
                  <a:gd name="T14" fmla="*/ 18 w 330"/>
                  <a:gd name="T15" fmla="*/ 120 h 342"/>
                  <a:gd name="T16" fmla="*/ 0 w 330"/>
                  <a:gd name="T17" fmla="*/ 108 h 342"/>
                  <a:gd name="T18" fmla="*/ 12 w 330"/>
                  <a:gd name="T19" fmla="*/ 84 h 342"/>
                  <a:gd name="T20" fmla="*/ 36 w 330"/>
                  <a:gd name="T21" fmla="*/ 72 h 342"/>
                  <a:gd name="T22" fmla="*/ 36 w 330"/>
                  <a:gd name="T23" fmla="*/ 24 h 342"/>
                  <a:gd name="T24" fmla="*/ 42 w 330"/>
                  <a:gd name="T25" fmla="*/ 18 h 342"/>
                  <a:gd name="T26" fmla="*/ 60 w 330"/>
                  <a:gd name="T27" fmla="*/ 24 h 342"/>
                  <a:gd name="T28" fmla="*/ 114 w 330"/>
                  <a:gd name="T29" fmla="*/ 0 h 342"/>
                  <a:gd name="T30" fmla="*/ 108 w 330"/>
                  <a:gd name="T31" fmla="*/ 24 h 342"/>
                  <a:gd name="T32" fmla="*/ 138 w 330"/>
                  <a:gd name="T33" fmla="*/ 30 h 342"/>
                  <a:gd name="T34" fmla="*/ 150 w 330"/>
                  <a:gd name="T35" fmla="*/ 42 h 342"/>
                  <a:gd name="T36" fmla="*/ 264 w 330"/>
                  <a:gd name="T37" fmla="*/ 66 h 342"/>
                  <a:gd name="T38" fmla="*/ 282 w 330"/>
                  <a:gd name="T39" fmla="*/ 84 h 342"/>
                  <a:gd name="T40" fmla="*/ 276 w 330"/>
                  <a:gd name="T41" fmla="*/ 108 h 342"/>
                  <a:gd name="T42" fmla="*/ 288 w 330"/>
                  <a:gd name="T43" fmla="*/ 108 h 342"/>
                  <a:gd name="T44" fmla="*/ 288 w 330"/>
                  <a:gd name="T45" fmla="*/ 126 h 342"/>
                  <a:gd name="T46" fmla="*/ 300 w 330"/>
                  <a:gd name="T47" fmla="*/ 126 h 342"/>
                  <a:gd name="T48" fmla="*/ 276 w 330"/>
                  <a:gd name="T49" fmla="*/ 162 h 342"/>
                  <a:gd name="T50" fmla="*/ 282 w 330"/>
                  <a:gd name="T51" fmla="*/ 174 h 342"/>
                  <a:gd name="T52" fmla="*/ 330 w 330"/>
                  <a:gd name="T53" fmla="*/ 114 h 342"/>
                  <a:gd name="T54" fmla="*/ 300 w 330"/>
                  <a:gd name="T55" fmla="*/ 210 h 342"/>
                  <a:gd name="T56" fmla="*/ 294 w 330"/>
                  <a:gd name="T57" fmla="*/ 270 h 342"/>
                  <a:gd name="T58" fmla="*/ 300 w 330"/>
                  <a:gd name="T59" fmla="*/ 330 h 342"/>
                  <a:gd name="T60" fmla="*/ 150 w 330"/>
                  <a:gd name="T61" fmla="*/ 342 h 342"/>
                  <a:gd name="T62" fmla="*/ 138 w 330"/>
                  <a:gd name="T63" fmla="*/ 342 h 342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330"/>
                  <a:gd name="T97" fmla="*/ 0 h 342"/>
                  <a:gd name="T98" fmla="*/ 330 w 330"/>
                  <a:gd name="T99" fmla="*/ 342 h 342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330" h="342">
                    <a:moveTo>
                      <a:pt x="138" y="342"/>
                    </a:moveTo>
                    <a:lnTo>
                      <a:pt x="114" y="324"/>
                    </a:lnTo>
                    <a:lnTo>
                      <a:pt x="108" y="300"/>
                    </a:lnTo>
                    <a:lnTo>
                      <a:pt x="114" y="282"/>
                    </a:lnTo>
                    <a:lnTo>
                      <a:pt x="102" y="264"/>
                    </a:lnTo>
                    <a:lnTo>
                      <a:pt x="90" y="228"/>
                    </a:lnTo>
                    <a:lnTo>
                      <a:pt x="12" y="174"/>
                    </a:lnTo>
                    <a:lnTo>
                      <a:pt x="18" y="120"/>
                    </a:lnTo>
                    <a:lnTo>
                      <a:pt x="0" y="108"/>
                    </a:lnTo>
                    <a:lnTo>
                      <a:pt x="12" y="84"/>
                    </a:lnTo>
                    <a:lnTo>
                      <a:pt x="36" y="72"/>
                    </a:lnTo>
                    <a:lnTo>
                      <a:pt x="36" y="24"/>
                    </a:lnTo>
                    <a:lnTo>
                      <a:pt x="42" y="18"/>
                    </a:lnTo>
                    <a:lnTo>
                      <a:pt x="60" y="24"/>
                    </a:lnTo>
                    <a:lnTo>
                      <a:pt x="114" y="0"/>
                    </a:lnTo>
                    <a:lnTo>
                      <a:pt x="108" y="24"/>
                    </a:lnTo>
                    <a:lnTo>
                      <a:pt x="138" y="30"/>
                    </a:lnTo>
                    <a:lnTo>
                      <a:pt x="150" y="42"/>
                    </a:lnTo>
                    <a:lnTo>
                      <a:pt x="264" y="66"/>
                    </a:lnTo>
                    <a:lnTo>
                      <a:pt x="282" y="84"/>
                    </a:lnTo>
                    <a:lnTo>
                      <a:pt x="276" y="108"/>
                    </a:lnTo>
                    <a:lnTo>
                      <a:pt x="288" y="108"/>
                    </a:lnTo>
                    <a:lnTo>
                      <a:pt x="288" y="126"/>
                    </a:lnTo>
                    <a:lnTo>
                      <a:pt x="300" y="126"/>
                    </a:lnTo>
                    <a:lnTo>
                      <a:pt x="276" y="162"/>
                    </a:lnTo>
                    <a:lnTo>
                      <a:pt x="282" y="174"/>
                    </a:lnTo>
                    <a:lnTo>
                      <a:pt x="330" y="114"/>
                    </a:lnTo>
                    <a:lnTo>
                      <a:pt x="300" y="210"/>
                    </a:lnTo>
                    <a:lnTo>
                      <a:pt x="294" y="270"/>
                    </a:lnTo>
                    <a:lnTo>
                      <a:pt x="300" y="330"/>
                    </a:lnTo>
                    <a:lnTo>
                      <a:pt x="150" y="342"/>
                    </a:lnTo>
                    <a:lnTo>
                      <a:pt x="138" y="342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75" name="Freeform 502"/>
              <p:cNvSpPr>
                <a:spLocks noChangeAspect="1"/>
              </p:cNvSpPr>
              <p:nvPr/>
            </p:nvSpPr>
            <p:spPr bwMode="auto">
              <a:xfrm>
                <a:off x="3081" y="1488"/>
                <a:ext cx="330" cy="348"/>
              </a:xfrm>
              <a:custGeom>
                <a:avLst/>
                <a:gdLst>
                  <a:gd name="T0" fmla="*/ 138 w 330"/>
                  <a:gd name="T1" fmla="*/ 342 h 348"/>
                  <a:gd name="T2" fmla="*/ 114 w 330"/>
                  <a:gd name="T3" fmla="*/ 324 h 348"/>
                  <a:gd name="T4" fmla="*/ 108 w 330"/>
                  <a:gd name="T5" fmla="*/ 300 h 348"/>
                  <a:gd name="T6" fmla="*/ 114 w 330"/>
                  <a:gd name="T7" fmla="*/ 282 h 348"/>
                  <a:gd name="T8" fmla="*/ 102 w 330"/>
                  <a:gd name="T9" fmla="*/ 264 h 348"/>
                  <a:gd name="T10" fmla="*/ 90 w 330"/>
                  <a:gd name="T11" fmla="*/ 228 h 348"/>
                  <a:gd name="T12" fmla="*/ 12 w 330"/>
                  <a:gd name="T13" fmla="*/ 174 h 348"/>
                  <a:gd name="T14" fmla="*/ 18 w 330"/>
                  <a:gd name="T15" fmla="*/ 120 h 348"/>
                  <a:gd name="T16" fmla="*/ 0 w 330"/>
                  <a:gd name="T17" fmla="*/ 108 h 348"/>
                  <a:gd name="T18" fmla="*/ 12 w 330"/>
                  <a:gd name="T19" fmla="*/ 84 h 348"/>
                  <a:gd name="T20" fmla="*/ 36 w 330"/>
                  <a:gd name="T21" fmla="*/ 72 h 348"/>
                  <a:gd name="T22" fmla="*/ 36 w 330"/>
                  <a:gd name="T23" fmla="*/ 24 h 348"/>
                  <a:gd name="T24" fmla="*/ 42 w 330"/>
                  <a:gd name="T25" fmla="*/ 18 h 348"/>
                  <a:gd name="T26" fmla="*/ 60 w 330"/>
                  <a:gd name="T27" fmla="*/ 24 h 348"/>
                  <a:gd name="T28" fmla="*/ 114 w 330"/>
                  <a:gd name="T29" fmla="*/ 0 h 348"/>
                  <a:gd name="T30" fmla="*/ 108 w 330"/>
                  <a:gd name="T31" fmla="*/ 24 h 348"/>
                  <a:gd name="T32" fmla="*/ 138 w 330"/>
                  <a:gd name="T33" fmla="*/ 30 h 348"/>
                  <a:gd name="T34" fmla="*/ 150 w 330"/>
                  <a:gd name="T35" fmla="*/ 42 h 348"/>
                  <a:gd name="T36" fmla="*/ 264 w 330"/>
                  <a:gd name="T37" fmla="*/ 66 h 348"/>
                  <a:gd name="T38" fmla="*/ 282 w 330"/>
                  <a:gd name="T39" fmla="*/ 84 h 348"/>
                  <a:gd name="T40" fmla="*/ 276 w 330"/>
                  <a:gd name="T41" fmla="*/ 108 h 348"/>
                  <a:gd name="T42" fmla="*/ 288 w 330"/>
                  <a:gd name="T43" fmla="*/ 108 h 348"/>
                  <a:gd name="T44" fmla="*/ 288 w 330"/>
                  <a:gd name="T45" fmla="*/ 126 h 348"/>
                  <a:gd name="T46" fmla="*/ 300 w 330"/>
                  <a:gd name="T47" fmla="*/ 126 h 348"/>
                  <a:gd name="T48" fmla="*/ 276 w 330"/>
                  <a:gd name="T49" fmla="*/ 162 h 348"/>
                  <a:gd name="T50" fmla="*/ 282 w 330"/>
                  <a:gd name="T51" fmla="*/ 174 h 348"/>
                  <a:gd name="T52" fmla="*/ 330 w 330"/>
                  <a:gd name="T53" fmla="*/ 114 h 348"/>
                  <a:gd name="T54" fmla="*/ 300 w 330"/>
                  <a:gd name="T55" fmla="*/ 210 h 348"/>
                  <a:gd name="T56" fmla="*/ 294 w 330"/>
                  <a:gd name="T57" fmla="*/ 270 h 348"/>
                  <a:gd name="T58" fmla="*/ 300 w 330"/>
                  <a:gd name="T59" fmla="*/ 330 h 348"/>
                  <a:gd name="T60" fmla="*/ 150 w 330"/>
                  <a:gd name="T61" fmla="*/ 342 h 348"/>
                  <a:gd name="T62" fmla="*/ 138 w 330"/>
                  <a:gd name="T63" fmla="*/ 342 h 348"/>
                  <a:gd name="T64" fmla="*/ 138 w 330"/>
                  <a:gd name="T65" fmla="*/ 348 h 348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330"/>
                  <a:gd name="T100" fmla="*/ 0 h 348"/>
                  <a:gd name="T101" fmla="*/ 330 w 330"/>
                  <a:gd name="T102" fmla="*/ 348 h 348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330" h="348">
                    <a:moveTo>
                      <a:pt x="138" y="342"/>
                    </a:moveTo>
                    <a:lnTo>
                      <a:pt x="114" y="324"/>
                    </a:lnTo>
                    <a:lnTo>
                      <a:pt x="108" y="300"/>
                    </a:lnTo>
                    <a:lnTo>
                      <a:pt x="114" y="282"/>
                    </a:lnTo>
                    <a:lnTo>
                      <a:pt x="102" y="264"/>
                    </a:lnTo>
                    <a:lnTo>
                      <a:pt x="90" y="228"/>
                    </a:lnTo>
                    <a:lnTo>
                      <a:pt x="12" y="174"/>
                    </a:lnTo>
                    <a:lnTo>
                      <a:pt x="18" y="120"/>
                    </a:lnTo>
                    <a:lnTo>
                      <a:pt x="0" y="108"/>
                    </a:lnTo>
                    <a:lnTo>
                      <a:pt x="12" y="84"/>
                    </a:lnTo>
                    <a:lnTo>
                      <a:pt x="36" y="72"/>
                    </a:lnTo>
                    <a:lnTo>
                      <a:pt x="36" y="24"/>
                    </a:lnTo>
                    <a:lnTo>
                      <a:pt x="42" y="18"/>
                    </a:lnTo>
                    <a:lnTo>
                      <a:pt x="60" y="24"/>
                    </a:lnTo>
                    <a:lnTo>
                      <a:pt x="114" y="0"/>
                    </a:lnTo>
                    <a:lnTo>
                      <a:pt x="108" y="24"/>
                    </a:lnTo>
                    <a:lnTo>
                      <a:pt x="138" y="30"/>
                    </a:lnTo>
                    <a:lnTo>
                      <a:pt x="150" y="42"/>
                    </a:lnTo>
                    <a:lnTo>
                      <a:pt x="264" y="66"/>
                    </a:lnTo>
                    <a:lnTo>
                      <a:pt x="282" y="84"/>
                    </a:lnTo>
                    <a:lnTo>
                      <a:pt x="276" y="108"/>
                    </a:lnTo>
                    <a:lnTo>
                      <a:pt x="288" y="108"/>
                    </a:lnTo>
                    <a:lnTo>
                      <a:pt x="288" y="126"/>
                    </a:lnTo>
                    <a:lnTo>
                      <a:pt x="300" y="126"/>
                    </a:lnTo>
                    <a:lnTo>
                      <a:pt x="276" y="162"/>
                    </a:lnTo>
                    <a:lnTo>
                      <a:pt x="282" y="174"/>
                    </a:lnTo>
                    <a:lnTo>
                      <a:pt x="330" y="114"/>
                    </a:lnTo>
                    <a:lnTo>
                      <a:pt x="300" y="210"/>
                    </a:lnTo>
                    <a:lnTo>
                      <a:pt x="294" y="270"/>
                    </a:lnTo>
                    <a:lnTo>
                      <a:pt x="300" y="330"/>
                    </a:lnTo>
                    <a:lnTo>
                      <a:pt x="150" y="342"/>
                    </a:lnTo>
                    <a:lnTo>
                      <a:pt x="138" y="342"/>
                    </a:lnTo>
                    <a:lnTo>
                      <a:pt x="138" y="348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76" name="Freeform 503"/>
              <p:cNvSpPr>
                <a:spLocks noChangeAspect="1"/>
              </p:cNvSpPr>
              <p:nvPr/>
            </p:nvSpPr>
            <p:spPr bwMode="auto">
              <a:xfrm>
                <a:off x="2037" y="1578"/>
                <a:ext cx="432" cy="354"/>
              </a:xfrm>
              <a:custGeom>
                <a:avLst/>
                <a:gdLst>
                  <a:gd name="T0" fmla="*/ 420 w 432"/>
                  <a:gd name="T1" fmla="*/ 204 h 354"/>
                  <a:gd name="T2" fmla="*/ 408 w 432"/>
                  <a:gd name="T3" fmla="*/ 354 h 354"/>
                  <a:gd name="T4" fmla="*/ 114 w 432"/>
                  <a:gd name="T5" fmla="*/ 324 h 354"/>
                  <a:gd name="T6" fmla="*/ 0 w 432"/>
                  <a:gd name="T7" fmla="*/ 306 h 354"/>
                  <a:gd name="T8" fmla="*/ 12 w 432"/>
                  <a:gd name="T9" fmla="*/ 228 h 354"/>
                  <a:gd name="T10" fmla="*/ 42 w 432"/>
                  <a:gd name="T11" fmla="*/ 36 h 354"/>
                  <a:gd name="T12" fmla="*/ 48 w 432"/>
                  <a:gd name="T13" fmla="*/ 0 h 354"/>
                  <a:gd name="T14" fmla="*/ 432 w 432"/>
                  <a:gd name="T15" fmla="*/ 48 h 354"/>
                  <a:gd name="T16" fmla="*/ 420 w 432"/>
                  <a:gd name="T17" fmla="*/ 162 h 354"/>
                  <a:gd name="T18" fmla="*/ 420 w 432"/>
                  <a:gd name="T19" fmla="*/ 204 h 354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432"/>
                  <a:gd name="T31" fmla="*/ 0 h 354"/>
                  <a:gd name="T32" fmla="*/ 432 w 432"/>
                  <a:gd name="T33" fmla="*/ 354 h 354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432" h="354">
                    <a:moveTo>
                      <a:pt x="420" y="204"/>
                    </a:moveTo>
                    <a:lnTo>
                      <a:pt x="408" y="354"/>
                    </a:lnTo>
                    <a:lnTo>
                      <a:pt x="114" y="324"/>
                    </a:lnTo>
                    <a:lnTo>
                      <a:pt x="0" y="306"/>
                    </a:lnTo>
                    <a:lnTo>
                      <a:pt x="12" y="228"/>
                    </a:lnTo>
                    <a:lnTo>
                      <a:pt x="42" y="36"/>
                    </a:lnTo>
                    <a:lnTo>
                      <a:pt x="48" y="0"/>
                    </a:lnTo>
                    <a:lnTo>
                      <a:pt x="432" y="48"/>
                    </a:lnTo>
                    <a:lnTo>
                      <a:pt x="420" y="162"/>
                    </a:lnTo>
                    <a:lnTo>
                      <a:pt x="420" y="204"/>
                    </a:lnTo>
                    <a:close/>
                  </a:path>
                </a:pathLst>
              </a:custGeom>
              <a:solidFill>
                <a:srgbClr val="FFAA00"/>
              </a:solidFill>
              <a:ln w="9525">
                <a:solidFill>
                  <a:srgbClr val="FFAA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  <p:sp>
            <p:nvSpPr>
              <p:cNvPr id="19877" name="Freeform 504"/>
              <p:cNvSpPr>
                <a:spLocks noChangeAspect="1"/>
              </p:cNvSpPr>
              <p:nvPr/>
            </p:nvSpPr>
            <p:spPr bwMode="auto">
              <a:xfrm>
                <a:off x="2037" y="1578"/>
                <a:ext cx="432" cy="354"/>
              </a:xfrm>
              <a:custGeom>
                <a:avLst/>
                <a:gdLst>
                  <a:gd name="T0" fmla="*/ 420 w 432"/>
                  <a:gd name="T1" fmla="*/ 204 h 354"/>
                  <a:gd name="T2" fmla="*/ 408 w 432"/>
                  <a:gd name="T3" fmla="*/ 354 h 354"/>
                  <a:gd name="T4" fmla="*/ 114 w 432"/>
                  <a:gd name="T5" fmla="*/ 324 h 354"/>
                  <a:gd name="T6" fmla="*/ 0 w 432"/>
                  <a:gd name="T7" fmla="*/ 306 h 354"/>
                  <a:gd name="T8" fmla="*/ 12 w 432"/>
                  <a:gd name="T9" fmla="*/ 228 h 354"/>
                  <a:gd name="T10" fmla="*/ 42 w 432"/>
                  <a:gd name="T11" fmla="*/ 36 h 354"/>
                  <a:gd name="T12" fmla="*/ 48 w 432"/>
                  <a:gd name="T13" fmla="*/ 0 h 354"/>
                  <a:gd name="T14" fmla="*/ 432 w 432"/>
                  <a:gd name="T15" fmla="*/ 48 h 354"/>
                  <a:gd name="T16" fmla="*/ 420 w 432"/>
                  <a:gd name="T17" fmla="*/ 162 h 354"/>
                  <a:gd name="T18" fmla="*/ 420 w 432"/>
                  <a:gd name="T19" fmla="*/ 204 h 354"/>
                  <a:gd name="T20" fmla="*/ 420 w 432"/>
                  <a:gd name="T21" fmla="*/ 210 h 35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432"/>
                  <a:gd name="T34" fmla="*/ 0 h 354"/>
                  <a:gd name="T35" fmla="*/ 432 w 432"/>
                  <a:gd name="T36" fmla="*/ 354 h 35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432" h="354">
                    <a:moveTo>
                      <a:pt x="420" y="204"/>
                    </a:moveTo>
                    <a:lnTo>
                      <a:pt x="408" y="354"/>
                    </a:lnTo>
                    <a:lnTo>
                      <a:pt x="114" y="324"/>
                    </a:lnTo>
                    <a:lnTo>
                      <a:pt x="0" y="306"/>
                    </a:lnTo>
                    <a:lnTo>
                      <a:pt x="12" y="228"/>
                    </a:lnTo>
                    <a:lnTo>
                      <a:pt x="42" y="36"/>
                    </a:lnTo>
                    <a:lnTo>
                      <a:pt x="48" y="0"/>
                    </a:lnTo>
                    <a:lnTo>
                      <a:pt x="432" y="48"/>
                    </a:lnTo>
                    <a:lnTo>
                      <a:pt x="420" y="162"/>
                    </a:lnTo>
                    <a:lnTo>
                      <a:pt x="420" y="204"/>
                    </a:lnTo>
                    <a:lnTo>
                      <a:pt x="420" y="210"/>
                    </a:lnTo>
                  </a:path>
                </a:pathLst>
              </a:custGeom>
              <a:noFill/>
              <a:ln w="9525">
                <a:solidFill>
                  <a:srgbClr val="000000"/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en-US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19754" name="Rectangle 505"/>
            <p:cNvSpPr>
              <a:spLocks noChangeArrowheads="1"/>
            </p:cNvSpPr>
            <p:nvPr/>
          </p:nvSpPr>
          <p:spPr bwMode="auto">
            <a:xfrm>
              <a:off x="2639" y="2592"/>
              <a:ext cx="576" cy="24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anchor="ctr"/>
            <a:lstStyle/>
            <a:p>
              <a:pPr algn="ctr"/>
              <a:r>
                <a:rPr lang="en-US" sz="1600" b="1" dirty="0"/>
                <a:t>2000</a:t>
              </a:r>
            </a:p>
          </p:txBody>
        </p:sp>
      </p:grpSp>
      <p:grpSp>
        <p:nvGrpSpPr>
          <p:cNvPr id="19465" name="Group 756"/>
          <p:cNvGrpSpPr>
            <a:grpSpLocks/>
          </p:cNvGrpSpPr>
          <p:nvPr/>
        </p:nvGrpSpPr>
        <p:grpSpPr bwMode="auto">
          <a:xfrm>
            <a:off x="505451" y="3164280"/>
            <a:ext cx="8739913" cy="511175"/>
            <a:chOff x="405" y="3744"/>
            <a:chExt cx="4710" cy="202"/>
          </a:xfrm>
        </p:grpSpPr>
        <p:sp>
          <p:nvSpPr>
            <p:cNvPr id="19745" name="Text Box 757"/>
            <p:cNvSpPr txBox="1">
              <a:spLocks noChangeArrowheads="1"/>
            </p:cNvSpPr>
            <p:nvPr/>
          </p:nvSpPr>
          <p:spPr bwMode="auto">
            <a:xfrm>
              <a:off x="411" y="3744"/>
              <a:ext cx="4245" cy="194"/>
            </a:xfrm>
            <a:prstGeom prst="rect">
              <a:avLst/>
            </a:prstGeom>
            <a:solidFill>
              <a:schemeClr val="bg1"/>
            </a:solidFill>
            <a:ln w="8001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>
                <a:spcBef>
                  <a:spcPct val="50000"/>
                </a:spcBef>
              </a:pPr>
              <a:r>
                <a:rPr lang="en-US" sz="1400" dirty="0">
                  <a:solidFill>
                    <a:srgbClr val="000000"/>
                  </a:solidFill>
                </a:rPr>
                <a:t>      No Data  </a:t>
              </a:r>
              <a:r>
                <a:rPr lang="en-US" sz="1400" dirty="0" smtClean="0">
                  <a:solidFill>
                    <a:srgbClr val="000000"/>
                  </a:solidFill>
                </a:rPr>
                <a:t>     </a:t>
              </a:r>
              <a:r>
                <a:rPr lang="en-US" sz="1400" dirty="0">
                  <a:solidFill>
                    <a:srgbClr val="000000"/>
                  </a:solidFill>
                </a:rPr>
                <a:t>&lt;14.0%        </a:t>
              </a:r>
              <a:r>
                <a:rPr lang="en-US" sz="1400" dirty="0" smtClean="0">
                  <a:solidFill>
                    <a:srgbClr val="000000"/>
                  </a:solidFill>
                </a:rPr>
                <a:t>14.0%–17.9</a:t>
              </a:r>
              <a:r>
                <a:rPr lang="en-US" sz="1400" dirty="0">
                  <a:solidFill>
                    <a:srgbClr val="000000"/>
                  </a:solidFill>
                </a:rPr>
                <a:t>%        </a:t>
              </a:r>
              <a:r>
                <a:rPr lang="en-US" sz="1400" dirty="0" smtClean="0">
                  <a:solidFill>
                    <a:srgbClr val="000000"/>
                  </a:solidFill>
                </a:rPr>
                <a:t>18.0</a:t>
              </a:r>
              <a:r>
                <a:rPr lang="en-US" sz="1400" dirty="0">
                  <a:solidFill>
                    <a:srgbClr val="000000"/>
                  </a:solidFill>
                </a:rPr>
                <a:t>%–21.9%       </a:t>
              </a:r>
              <a:r>
                <a:rPr lang="en-US" sz="1400" dirty="0" smtClean="0">
                  <a:solidFill>
                    <a:srgbClr val="000000"/>
                  </a:solidFill>
                </a:rPr>
                <a:t>22.0</a:t>
              </a:r>
              <a:r>
                <a:rPr lang="en-US" sz="1400" dirty="0">
                  <a:solidFill>
                    <a:srgbClr val="000000"/>
                  </a:solidFill>
                </a:rPr>
                <a:t>%–25.9% </a:t>
              </a:r>
              <a:r>
                <a:rPr lang="en-US" sz="1400" dirty="0" smtClean="0">
                  <a:solidFill>
                    <a:srgbClr val="000000"/>
                  </a:solidFill>
                </a:rPr>
                <a:t>     </a:t>
              </a:r>
              <a:r>
                <a:rPr lang="en-US" sz="1400" u="sng" dirty="0" smtClean="0">
                  <a:solidFill>
                    <a:srgbClr val="000000"/>
                  </a:solidFill>
                </a:rPr>
                <a:t>&gt; </a:t>
              </a:r>
              <a:r>
                <a:rPr lang="en-US" sz="1400" dirty="0" smtClean="0">
                  <a:solidFill>
                    <a:srgbClr val="000000"/>
                  </a:solidFill>
                </a:rPr>
                <a:t>26.0</a:t>
              </a:r>
              <a:r>
                <a:rPr lang="en-US" sz="1400" dirty="0">
                  <a:solidFill>
                    <a:srgbClr val="000000"/>
                  </a:solidFill>
                </a:rPr>
                <a:t>%</a:t>
              </a:r>
            </a:p>
          </p:txBody>
        </p:sp>
        <p:sp>
          <p:nvSpPr>
            <p:cNvPr id="19746" name="Rectangle 758"/>
            <p:cNvSpPr>
              <a:spLocks noChangeArrowheads="1"/>
            </p:cNvSpPr>
            <p:nvPr/>
          </p:nvSpPr>
          <p:spPr bwMode="auto">
            <a:xfrm>
              <a:off x="405" y="3754"/>
              <a:ext cx="4710" cy="19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anchor="ctr"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47" name="Rectangle 759"/>
            <p:cNvSpPr>
              <a:spLocks noChangeArrowheads="1"/>
            </p:cNvSpPr>
            <p:nvPr/>
          </p:nvSpPr>
          <p:spPr bwMode="auto">
            <a:xfrm>
              <a:off x="461" y="3802"/>
              <a:ext cx="86" cy="86"/>
            </a:xfrm>
            <a:prstGeom prst="rect">
              <a:avLst/>
            </a:prstGeom>
            <a:solidFill>
              <a:srgbClr val="FFFFFF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48" name="Rectangle 760"/>
            <p:cNvSpPr>
              <a:spLocks noChangeArrowheads="1"/>
            </p:cNvSpPr>
            <p:nvPr/>
          </p:nvSpPr>
          <p:spPr bwMode="auto">
            <a:xfrm>
              <a:off x="1026" y="3797"/>
              <a:ext cx="146" cy="91"/>
            </a:xfrm>
            <a:prstGeom prst="rect">
              <a:avLst/>
            </a:prstGeom>
            <a:solidFill>
              <a:srgbClr val="E8D898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49" name="Rectangle 761"/>
            <p:cNvSpPr>
              <a:spLocks noChangeArrowheads="1"/>
            </p:cNvSpPr>
            <p:nvPr/>
          </p:nvSpPr>
          <p:spPr bwMode="auto">
            <a:xfrm>
              <a:off x="1565" y="3797"/>
              <a:ext cx="120" cy="91"/>
            </a:xfrm>
            <a:prstGeom prst="rect">
              <a:avLst/>
            </a:prstGeom>
            <a:solidFill>
              <a:srgbClr val="FFAA00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50" name="Rectangle 762"/>
            <p:cNvSpPr>
              <a:spLocks noChangeArrowheads="1"/>
            </p:cNvSpPr>
            <p:nvPr/>
          </p:nvSpPr>
          <p:spPr bwMode="auto">
            <a:xfrm flipH="1">
              <a:off x="2398" y="3802"/>
              <a:ext cx="98" cy="86"/>
            </a:xfrm>
            <a:prstGeom prst="rect">
              <a:avLst/>
            </a:prstGeom>
            <a:solidFill>
              <a:srgbClr val="FF8C00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51" name="Rectangle 763"/>
            <p:cNvSpPr>
              <a:spLocks noChangeArrowheads="1"/>
            </p:cNvSpPr>
            <p:nvPr/>
          </p:nvSpPr>
          <p:spPr bwMode="auto">
            <a:xfrm>
              <a:off x="3150" y="3781"/>
              <a:ext cx="127" cy="91"/>
            </a:xfrm>
            <a:prstGeom prst="rect">
              <a:avLst/>
            </a:prstGeom>
            <a:solidFill>
              <a:srgbClr val="FF4500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52" name="Rectangle 764"/>
            <p:cNvSpPr>
              <a:spLocks noChangeArrowheads="1"/>
            </p:cNvSpPr>
            <p:nvPr/>
          </p:nvSpPr>
          <p:spPr bwMode="auto">
            <a:xfrm flipH="1" flipV="1">
              <a:off x="3899" y="3771"/>
              <a:ext cx="88" cy="91"/>
            </a:xfrm>
            <a:prstGeom prst="rect">
              <a:avLst/>
            </a:prstGeom>
            <a:solidFill>
              <a:srgbClr val="B22222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r>
                <a:rPr lang="en-US" dirty="0" smtClean="0">
                  <a:solidFill>
                    <a:srgbClr val="000000"/>
                  </a:solidFill>
                </a:rPr>
                <a:t> </a:t>
              </a:r>
              <a:endParaRPr lang="en-US" dirty="0">
                <a:solidFill>
                  <a:srgbClr val="000000"/>
                </a:solidFill>
              </a:endParaRPr>
            </a:p>
          </p:txBody>
        </p:sp>
      </p:grpSp>
      <p:grpSp>
        <p:nvGrpSpPr>
          <p:cNvPr id="19466" name="Group 765"/>
          <p:cNvGrpSpPr>
            <a:grpSpLocks/>
          </p:cNvGrpSpPr>
          <p:nvPr/>
        </p:nvGrpSpPr>
        <p:grpSpPr bwMode="auto">
          <a:xfrm>
            <a:off x="556486" y="5783124"/>
            <a:ext cx="8915399" cy="420687"/>
            <a:chOff x="405" y="3383"/>
            <a:chExt cx="4694" cy="217"/>
          </a:xfrm>
        </p:grpSpPr>
        <p:sp>
          <p:nvSpPr>
            <p:cNvPr id="19737" name="Text Box 766"/>
            <p:cNvSpPr txBox="1">
              <a:spLocks noChangeArrowheads="1"/>
            </p:cNvSpPr>
            <p:nvPr/>
          </p:nvSpPr>
          <p:spPr bwMode="auto">
            <a:xfrm>
              <a:off x="405" y="3383"/>
              <a:ext cx="4310" cy="194"/>
            </a:xfrm>
            <a:prstGeom prst="rect">
              <a:avLst/>
            </a:prstGeom>
            <a:solidFill>
              <a:schemeClr val="bg1"/>
            </a:solidFill>
            <a:ln w="8001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>
                <a:spcBef>
                  <a:spcPct val="50000"/>
                </a:spcBef>
              </a:pPr>
              <a:r>
                <a:rPr lang="en-US" sz="1400" dirty="0">
                  <a:solidFill>
                    <a:srgbClr val="000000"/>
                  </a:solidFill>
                </a:rPr>
                <a:t>      No Data         </a:t>
              </a:r>
              <a:r>
                <a:rPr lang="en-US" sz="1400" dirty="0" smtClean="0">
                  <a:solidFill>
                    <a:srgbClr val="000000"/>
                  </a:solidFill>
                </a:rPr>
                <a:t>&lt;</a:t>
              </a:r>
              <a:r>
                <a:rPr lang="en-US" sz="1400" dirty="0">
                  <a:solidFill>
                    <a:srgbClr val="000000"/>
                  </a:solidFill>
                </a:rPr>
                <a:t>4.5%         </a:t>
              </a:r>
              <a:r>
                <a:rPr lang="en-US" sz="1400" dirty="0" smtClean="0">
                  <a:solidFill>
                    <a:srgbClr val="000000"/>
                  </a:solidFill>
                </a:rPr>
                <a:t>4.5</a:t>
              </a:r>
              <a:r>
                <a:rPr lang="en-US" sz="1400" dirty="0">
                  <a:solidFill>
                    <a:srgbClr val="000000"/>
                  </a:solidFill>
                </a:rPr>
                <a:t>%–5.9%           </a:t>
              </a:r>
              <a:r>
                <a:rPr lang="en-US" sz="1400" dirty="0" smtClean="0">
                  <a:solidFill>
                    <a:srgbClr val="000000"/>
                  </a:solidFill>
                </a:rPr>
                <a:t>6.0</a:t>
              </a:r>
              <a:r>
                <a:rPr lang="en-US" sz="1400" dirty="0">
                  <a:solidFill>
                    <a:srgbClr val="000000"/>
                  </a:solidFill>
                </a:rPr>
                <a:t>%–7.4%        </a:t>
              </a:r>
              <a:r>
                <a:rPr lang="en-US" sz="1400" dirty="0" smtClean="0">
                  <a:solidFill>
                    <a:srgbClr val="000000"/>
                  </a:solidFill>
                </a:rPr>
                <a:t>7.5</a:t>
              </a:r>
              <a:r>
                <a:rPr lang="en-US" sz="1400" dirty="0">
                  <a:solidFill>
                    <a:srgbClr val="000000"/>
                  </a:solidFill>
                </a:rPr>
                <a:t>%–8.9%            </a:t>
              </a:r>
              <a:r>
                <a:rPr lang="en-US" sz="1400" u="sng" dirty="0" smtClean="0">
                  <a:solidFill>
                    <a:srgbClr val="000000"/>
                  </a:solidFill>
                </a:rPr>
                <a:t>&gt;</a:t>
              </a:r>
              <a:r>
                <a:rPr lang="en-US" sz="1400" dirty="0">
                  <a:solidFill>
                    <a:srgbClr val="000000"/>
                  </a:solidFill>
                </a:rPr>
                <a:t>9.0%</a:t>
              </a:r>
            </a:p>
          </p:txBody>
        </p:sp>
        <p:sp>
          <p:nvSpPr>
            <p:cNvPr id="19738" name="Rectangle 767"/>
            <p:cNvSpPr>
              <a:spLocks noChangeArrowheads="1"/>
            </p:cNvSpPr>
            <p:nvPr/>
          </p:nvSpPr>
          <p:spPr bwMode="auto">
            <a:xfrm>
              <a:off x="405" y="3383"/>
              <a:ext cx="4694" cy="21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anchor="ctr"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39" name="Rectangle 768"/>
            <p:cNvSpPr>
              <a:spLocks noChangeArrowheads="1"/>
            </p:cNvSpPr>
            <p:nvPr/>
          </p:nvSpPr>
          <p:spPr bwMode="auto">
            <a:xfrm>
              <a:off x="472" y="3437"/>
              <a:ext cx="86" cy="86"/>
            </a:xfrm>
            <a:prstGeom prst="rect">
              <a:avLst/>
            </a:prstGeom>
            <a:solidFill>
              <a:srgbClr val="FFFFFF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40" name="Rectangle 769"/>
            <p:cNvSpPr>
              <a:spLocks noChangeArrowheads="1"/>
            </p:cNvSpPr>
            <p:nvPr/>
          </p:nvSpPr>
          <p:spPr bwMode="auto">
            <a:xfrm>
              <a:off x="1145" y="3437"/>
              <a:ext cx="86" cy="86"/>
            </a:xfrm>
            <a:prstGeom prst="rect">
              <a:avLst/>
            </a:prstGeom>
            <a:solidFill>
              <a:srgbClr val="E8D898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41" name="Rectangle 770"/>
            <p:cNvSpPr>
              <a:spLocks noChangeArrowheads="1"/>
            </p:cNvSpPr>
            <p:nvPr/>
          </p:nvSpPr>
          <p:spPr bwMode="auto">
            <a:xfrm>
              <a:off x="1517" y="3419"/>
              <a:ext cx="137" cy="87"/>
            </a:xfrm>
            <a:prstGeom prst="rect">
              <a:avLst/>
            </a:prstGeom>
            <a:solidFill>
              <a:srgbClr val="FFAA00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42" name="Rectangle 771"/>
            <p:cNvSpPr>
              <a:spLocks noChangeArrowheads="1"/>
            </p:cNvSpPr>
            <p:nvPr/>
          </p:nvSpPr>
          <p:spPr bwMode="auto">
            <a:xfrm>
              <a:off x="2328" y="3419"/>
              <a:ext cx="86" cy="86"/>
            </a:xfrm>
            <a:prstGeom prst="rect">
              <a:avLst/>
            </a:prstGeom>
            <a:solidFill>
              <a:srgbClr val="FF8C00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43" name="Rectangle 772"/>
            <p:cNvSpPr>
              <a:spLocks noChangeArrowheads="1"/>
            </p:cNvSpPr>
            <p:nvPr/>
          </p:nvSpPr>
          <p:spPr bwMode="auto">
            <a:xfrm>
              <a:off x="3025" y="3419"/>
              <a:ext cx="86" cy="86"/>
            </a:xfrm>
            <a:prstGeom prst="rect">
              <a:avLst/>
            </a:prstGeom>
            <a:solidFill>
              <a:srgbClr val="FF4500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19744" name="Rectangle 773"/>
            <p:cNvSpPr>
              <a:spLocks noChangeArrowheads="1"/>
            </p:cNvSpPr>
            <p:nvPr/>
          </p:nvSpPr>
          <p:spPr bwMode="auto">
            <a:xfrm>
              <a:off x="3781" y="3437"/>
              <a:ext cx="86" cy="86"/>
            </a:xfrm>
            <a:prstGeom prst="rect">
              <a:avLst/>
            </a:prstGeom>
            <a:solidFill>
              <a:srgbClr val="B22222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</p:grpSp>
      <p:sp>
        <p:nvSpPr>
          <p:cNvPr id="19467" name="Rectangle 774"/>
          <p:cNvSpPr>
            <a:spLocks noChangeArrowheads="1"/>
          </p:cNvSpPr>
          <p:nvPr/>
        </p:nvSpPr>
        <p:spPr bwMode="auto">
          <a:xfrm rot="10800000" flipV="1">
            <a:off x="1143000" y="6248400"/>
            <a:ext cx="6553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n-US" sz="1200" dirty="0"/>
              <a:t>CDC’s Division of Diabetes Translation. </a:t>
            </a:r>
            <a:r>
              <a:rPr lang="en-US" sz="1200" dirty="0" smtClean="0"/>
              <a:t>United States </a:t>
            </a:r>
            <a:r>
              <a:rPr lang="en-US" sz="1200" dirty="0"/>
              <a:t>Surveillance System available at http://</a:t>
            </a:r>
            <a:r>
              <a:rPr lang="en-US" sz="1200" dirty="0" smtClean="0"/>
              <a:t>www.cdc.gov/diabetes/data</a:t>
            </a:r>
            <a:endParaRPr lang="en-US" sz="1200" dirty="0"/>
          </a:p>
        </p:txBody>
      </p:sp>
      <p:pic>
        <p:nvPicPr>
          <p:cNvPr id="19468" name="Picture 775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305800" y="6207125"/>
            <a:ext cx="685800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9469" name="Picture 776" descr="hhs logo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76200" y="6248400"/>
            <a:ext cx="609600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26" name="Rectangle 379"/>
          <p:cNvSpPr>
            <a:spLocks noChangeArrowheads="1"/>
          </p:cNvSpPr>
          <p:nvPr/>
        </p:nvSpPr>
        <p:spPr bwMode="auto">
          <a:xfrm>
            <a:off x="6763349" y="1374775"/>
            <a:ext cx="914400" cy="381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anchor="ctr"/>
          <a:lstStyle/>
          <a:p>
            <a:pPr algn="ctr"/>
            <a:r>
              <a:rPr lang="en-US" sz="1600" b="1" dirty="0" smtClean="0"/>
              <a:t>2014</a:t>
            </a:r>
            <a:endParaRPr lang="en-US" sz="1600" b="1" dirty="0"/>
          </a:p>
        </p:txBody>
      </p:sp>
      <p:sp>
        <p:nvSpPr>
          <p:cNvPr id="1088" name="Rectangle 505"/>
          <p:cNvSpPr>
            <a:spLocks noChangeArrowheads="1"/>
          </p:cNvSpPr>
          <p:nvPr/>
        </p:nvSpPr>
        <p:spPr bwMode="auto">
          <a:xfrm>
            <a:off x="6934704" y="3962400"/>
            <a:ext cx="914400" cy="381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anchor="ctr"/>
          <a:lstStyle/>
          <a:p>
            <a:pPr algn="ctr"/>
            <a:r>
              <a:rPr lang="en-US" sz="1600" b="1" dirty="0" smtClean="0"/>
              <a:t>2014</a:t>
            </a:r>
            <a:endParaRPr lang="en-US" sz="1600" b="1" dirty="0"/>
          </a:p>
        </p:txBody>
      </p:sp>
    </p:spTree>
    <p:extLst>
      <p:ext uri="{BB962C8B-B14F-4D97-AF65-F5344CB8AC3E}">
        <p14:creationId xmlns:p14="http://schemas.microsoft.com/office/powerpoint/2010/main" val="31540144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:zoom/>
      </p:transition>
    </mc:Choice>
    <mc:Fallback xmlns="">
      <p:transition spd="slow">
        <p:zoom/>
      </p:transition>
    </mc:Fallback>
  </mc:AlternateContent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 descr="chart.jpe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22866" y="311856"/>
            <a:ext cx="7459133" cy="62159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88391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96386" name="Rectangle 2"/>
          <p:cNvSpPr>
            <a:spLocks noGrp="1" noChangeArrowheads="1"/>
          </p:cNvSpPr>
          <p:nvPr>
            <p:ph type="ctrTitle"/>
          </p:nvPr>
        </p:nvSpPr>
        <p:spPr>
          <a:xfrm>
            <a:off x="395288" y="1268413"/>
            <a:ext cx="2232025" cy="3313112"/>
          </a:xfrm>
        </p:spPr>
        <p:txBody>
          <a:bodyPr/>
          <a:lstStyle/>
          <a:p>
            <a:pPr eaLnBrk="1" hangingPunct="1">
              <a:defRPr/>
            </a:pPr>
            <a:r>
              <a:rPr lang="en-GB" sz="2800" b="1" smtClean="0">
                <a:solidFill>
                  <a:srgbClr val="0000FF"/>
                </a:solidFill>
                <a:cs typeface="+mj-cs"/>
              </a:rPr>
              <a:t>Males </a:t>
            </a:r>
            <a:br>
              <a:rPr lang="en-GB" sz="2800" b="1" smtClean="0">
                <a:solidFill>
                  <a:srgbClr val="0000FF"/>
                </a:solidFill>
                <a:cs typeface="+mj-cs"/>
              </a:rPr>
            </a:br>
            <a:r>
              <a:rPr lang="en-GB" sz="2800" b="1" smtClean="0">
                <a:solidFill>
                  <a:srgbClr val="0000FF"/>
                </a:solidFill>
                <a:cs typeface="+mj-cs"/>
              </a:rPr>
              <a:t>1980-1984</a:t>
            </a:r>
          </a:p>
        </p:txBody>
      </p:sp>
      <p:sp>
        <p:nvSpPr>
          <p:cNvPr id="121858" name="Freeform 3"/>
          <p:cNvSpPr>
            <a:spLocks/>
          </p:cNvSpPr>
          <p:nvPr/>
        </p:nvSpPr>
        <p:spPr bwMode="auto">
          <a:xfrm>
            <a:off x="5611813" y="3160713"/>
            <a:ext cx="1076325" cy="917575"/>
          </a:xfrm>
          <a:custGeom>
            <a:avLst/>
            <a:gdLst>
              <a:gd name="T0" fmla="*/ 2147483647 w 832"/>
              <a:gd name="T1" fmla="*/ 2147483647 h 709"/>
              <a:gd name="T2" fmla="*/ 2147483647 w 832"/>
              <a:gd name="T3" fmla="*/ 2147483647 h 709"/>
              <a:gd name="T4" fmla="*/ 2147483647 w 832"/>
              <a:gd name="T5" fmla="*/ 2147483647 h 709"/>
              <a:gd name="T6" fmla="*/ 2147483647 w 832"/>
              <a:gd name="T7" fmla="*/ 2147483647 h 709"/>
              <a:gd name="T8" fmla="*/ 2147483647 w 832"/>
              <a:gd name="T9" fmla="*/ 2147483647 h 709"/>
              <a:gd name="T10" fmla="*/ 2147483647 w 832"/>
              <a:gd name="T11" fmla="*/ 2147483647 h 709"/>
              <a:gd name="T12" fmla="*/ 2147483647 w 832"/>
              <a:gd name="T13" fmla="*/ 2147483647 h 709"/>
              <a:gd name="T14" fmla="*/ 2147483647 w 832"/>
              <a:gd name="T15" fmla="*/ 2147483647 h 709"/>
              <a:gd name="T16" fmla="*/ 2147483647 w 832"/>
              <a:gd name="T17" fmla="*/ 2147483647 h 709"/>
              <a:gd name="T18" fmla="*/ 2147483647 w 832"/>
              <a:gd name="T19" fmla="*/ 2147483647 h 709"/>
              <a:gd name="T20" fmla="*/ 2147483647 w 832"/>
              <a:gd name="T21" fmla="*/ 2147483647 h 709"/>
              <a:gd name="T22" fmla="*/ 2147483647 w 832"/>
              <a:gd name="T23" fmla="*/ 2147483647 h 709"/>
              <a:gd name="T24" fmla="*/ 2147483647 w 832"/>
              <a:gd name="T25" fmla="*/ 2147483647 h 709"/>
              <a:gd name="T26" fmla="*/ 2147483647 w 832"/>
              <a:gd name="T27" fmla="*/ 2147483647 h 709"/>
              <a:gd name="T28" fmla="*/ 2147483647 w 832"/>
              <a:gd name="T29" fmla="*/ 2147483647 h 709"/>
              <a:gd name="T30" fmla="*/ 2147483647 w 832"/>
              <a:gd name="T31" fmla="*/ 2147483647 h 709"/>
              <a:gd name="T32" fmla="*/ 2147483647 w 832"/>
              <a:gd name="T33" fmla="*/ 2147483647 h 709"/>
              <a:gd name="T34" fmla="*/ 2147483647 w 832"/>
              <a:gd name="T35" fmla="*/ 2147483647 h 709"/>
              <a:gd name="T36" fmla="*/ 2147483647 w 832"/>
              <a:gd name="T37" fmla="*/ 2147483647 h 709"/>
              <a:gd name="T38" fmla="*/ 2147483647 w 832"/>
              <a:gd name="T39" fmla="*/ 2147483647 h 709"/>
              <a:gd name="T40" fmla="*/ 2147483647 w 832"/>
              <a:gd name="T41" fmla="*/ 2147483647 h 709"/>
              <a:gd name="T42" fmla="*/ 2147483647 w 832"/>
              <a:gd name="T43" fmla="*/ 2147483647 h 709"/>
              <a:gd name="T44" fmla="*/ 2147483647 w 832"/>
              <a:gd name="T45" fmla="*/ 2147483647 h 709"/>
              <a:gd name="T46" fmla="*/ 2147483647 w 832"/>
              <a:gd name="T47" fmla="*/ 2147483647 h 709"/>
              <a:gd name="T48" fmla="*/ 2147483647 w 832"/>
              <a:gd name="T49" fmla="*/ 2147483647 h 709"/>
              <a:gd name="T50" fmla="*/ 2147483647 w 832"/>
              <a:gd name="T51" fmla="*/ 2147483647 h 709"/>
              <a:gd name="T52" fmla="*/ 2147483647 w 832"/>
              <a:gd name="T53" fmla="*/ 2147483647 h 709"/>
              <a:gd name="T54" fmla="*/ 2147483647 w 832"/>
              <a:gd name="T55" fmla="*/ 2147483647 h 709"/>
              <a:gd name="T56" fmla="*/ 2147483647 w 832"/>
              <a:gd name="T57" fmla="*/ 2147483647 h 709"/>
              <a:gd name="T58" fmla="*/ 2147483647 w 832"/>
              <a:gd name="T59" fmla="*/ 2147483647 h 709"/>
              <a:gd name="T60" fmla="*/ 2147483647 w 832"/>
              <a:gd name="T61" fmla="*/ 2147483647 h 709"/>
              <a:gd name="T62" fmla="*/ 2147483647 w 832"/>
              <a:gd name="T63" fmla="*/ 2147483647 h 709"/>
              <a:gd name="T64" fmla="*/ 2147483647 w 832"/>
              <a:gd name="T65" fmla="*/ 2147483647 h 709"/>
              <a:gd name="T66" fmla="*/ 2147483647 w 832"/>
              <a:gd name="T67" fmla="*/ 2147483647 h 709"/>
              <a:gd name="T68" fmla="*/ 2147483647 w 832"/>
              <a:gd name="T69" fmla="*/ 2147483647 h 709"/>
              <a:gd name="T70" fmla="*/ 2147483647 w 832"/>
              <a:gd name="T71" fmla="*/ 2147483647 h 709"/>
              <a:gd name="T72" fmla="*/ 2147483647 w 832"/>
              <a:gd name="T73" fmla="*/ 2147483647 h 709"/>
              <a:gd name="T74" fmla="*/ 2147483647 w 832"/>
              <a:gd name="T75" fmla="*/ 2147483647 h 709"/>
              <a:gd name="T76" fmla="*/ 2147483647 w 832"/>
              <a:gd name="T77" fmla="*/ 2147483647 h 709"/>
              <a:gd name="T78" fmla="*/ 2147483647 w 832"/>
              <a:gd name="T79" fmla="*/ 2147483647 h 709"/>
              <a:gd name="T80" fmla="*/ 2147483647 w 832"/>
              <a:gd name="T81" fmla="*/ 2147483647 h 709"/>
              <a:gd name="T82" fmla="*/ 2147483647 w 832"/>
              <a:gd name="T83" fmla="*/ 2147483647 h 709"/>
              <a:gd name="T84" fmla="*/ 2147483647 w 832"/>
              <a:gd name="T85" fmla="*/ 2147483647 h 709"/>
              <a:gd name="T86" fmla="*/ 2147483647 w 832"/>
              <a:gd name="T87" fmla="*/ 2147483647 h 709"/>
              <a:gd name="T88" fmla="*/ 2147483647 w 832"/>
              <a:gd name="T89" fmla="*/ 2147483647 h 709"/>
              <a:gd name="T90" fmla="*/ 2147483647 w 832"/>
              <a:gd name="T91" fmla="*/ 2147483647 h 709"/>
              <a:gd name="T92" fmla="*/ 2147483647 w 832"/>
              <a:gd name="T93" fmla="*/ 2147483647 h 709"/>
              <a:gd name="T94" fmla="*/ 2147483647 w 832"/>
              <a:gd name="T95" fmla="*/ 2147483647 h 709"/>
              <a:gd name="T96" fmla="*/ 2147483647 w 832"/>
              <a:gd name="T97" fmla="*/ 2147483647 h 709"/>
              <a:gd name="T98" fmla="*/ 2147483647 w 832"/>
              <a:gd name="T99" fmla="*/ 2147483647 h 709"/>
              <a:gd name="T100" fmla="*/ 0 w 832"/>
              <a:gd name="T101" fmla="*/ 2147483647 h 709"/>
              <a:gd name="T102" fmla="*/ 2147483647 w 832"/>
              <a:gd name="T103" fmla="*/ 2147483647 h 709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832" h="709">
                <a:moveTo>
                  <a:pt x="0" y="152"/>
                </a:moveTo>
                <a:lnTo>
                  <a:pt x="10" y="158"/>
                </a:lnTo>
                <a:lnTo>
                  <a:pt x="26" y="160"/>
                </a:lnTo>
                <a:lnTo>
                  <a:pt x="14" y="142"/>
                </a:lnTo>
                <a:lnTo>
                  <a:pt x="46" y="124"/>
                </a:lnTo>
                <a:lnTo>
                  <a:pt x="96" y="104"/>
                </a:lnTo>
                <a:lnTo>
                  <a:pt x="144" y="86"/>
                </a:lnTo>
                <a:lnTo>
                  <a:pt x="166" y="52"/>
                </a:lnTo>
                <a:lnTo>
                  <a:pt x="194" y="44"/>
                </a:lnTo>
                <a:lnTo>
                  <a:pt x="222" y="20"/>
                </a:lnTo>
                <a:lnTo>
                  <a:pt x="244" y="14"/>
                </a:lnTo>
                <a:lnTo>
                  <a:pt x="270" y="4"/>
                </a:lnTo>
                <a:lnTo>
                  <a:pt x="298" y="0"/>
                </a:lnTo>
                <a:lnTo>
                  <a:pt x="306" y="6"/>
                </a:lnTo>
                <a:lnTo>
                  <a:pt x="308" y="14"/>
                </a:lnTo>
                <a:lnTo>
                  <a:pt x="318" y="28"/>
                </a:lnTo>
                <a:lnTo>
                  <a:pt x="322" y="44"/>
                </a:lnTo>
                <a:lnTo>
                  <a:pt x="332" y="56"/>
                </a:lnTo>
                <a:lnTo>
                  <a:pt x="352" y="60"/>
                </a:lnTo>
                <a:lnTo>
                  <a:pt x="376" y="56"/>
                </a:lnTo>
                <a:lnTo>
                  <a:pt x="392" y="46"/>
                </a:lnTo>
                <a:lnTo>
                  <a:pt x="398" y="36"/>
                </a:lnTo>
                <a:lnTo>
                  <a:pt x="400" y="38"/>
                </a:lnTo>
                <a:lnTo>
                  <a:pt x="392" y="48"/>
                </a:lnTo>
                <a:lnTo>
                  <a:pt x="384" y="54"/>
                </a:lnTo>
                <a:lnTo>
                  <a:pt x="380" y="60"/>
                </a:lnTo>
                <a:lnTo>
                  <a:pt x="388" y="64"/>
                </a:lnTo>
                <a:lnTo>
                  <a:pt x="398" y="54"/>
                </a:lnTo>
                <a:lnTo>
                  <a:pt x="406" y="44"/>
                </a:lnTo>
                <a:lnTo>
                  <a:pt x="414" y="38"/>
                </a:lnTo>
                <a:lnTo>
                  <a:pt x="436" y="36"/>
                </a:lnTo>
                <a:lnTo>
                  <a:pt x="484" y="36"/>
                </a:lnTo>
                <a:lnTo>
                  <a:pt x="538" y="36"/>
                </a:lnTo>
                <a:lnTo>
                  <a:pt x="570" y="30"/>
                </a:lnTo>
                <a:lnTo>
                  <a:pt x="598" y="24"/>
                </a:lnTo>
                <a:lnTo>
                  <a:pt x="624" y="18"/>
                </a:lnTo>
                <a:lnTo>
                  <a:pt x="640" y="6"/>
                </a:lnTo>
                <a:lnTo>
                  <a:pt x="650" y="4"/>
                </a:lnTo>
                <a:lnTo>
                  <a:pt x="670" y="16"/>
                </a:lnTo>
                <a:lnTo>
                  <a:pt x="682" y="18"/>
                </a:lnTo>
                <a:lnTo>
                  <a:pt x="696" y="34"/>
                </a:lnTo>
                <a:lnTo>
                  <a:pt x="702" y="58"/>
                </a:lnTo>
                <a:lnTo>
                  <a:pt x="716" y="86"/>
                </a:lnTo>
                <a:lnTo>
                  <a:pt x="732" y="120"/>
                </a:lnTo>
                <a:lnTo>
                  <a:pt x="750" y="150"/>
                </a:lnTo>
                <a:lnTo>
                  <a:pt x="766" y="205"/>
                </a:lnTo>
                <a:lnTo>
                  <a:pt x="740" y="227"/>
                </a:lnTo>
                <a:lnTo>
                  <a:pt x="726" y="237"/>
                </a:lnTo>
                <a:lnTo>
                  <a:pt x="720" y="261"/>
                </a:lnTo>
                <a:lnTo>
                  <a:pt x="720" y="277"/>
                </a:lnTo>
                <a:lnTo>
                  <a:pt x="738" y="277"/>
                </a:lnTo>
                <a:lnTo>
                  <a:pt x="754" y="287"/>
                </a:lnTo>
                <a:lnTo>
                  <a:pt x="762" y="299"/>
                </a:lnTo>
                <a:lnTo>
                  <a:pt x="764" y="331"/>
                </a:lnTo>
                <a:lnTo>
                  <a:pt x="758" y="335"/>
                </a:lnTo>
                <a:lnTo>
                  <a:pt x="758" y="345"/>
                </a:lnTo>
                <a:lnTo>
                  <a:pt x="762" y="359"/>
                </a:lnTo>
                <a:lnTo>
                  <a:pt x="770" y="359"/>
                </a:lnTo>
                <a:lnTo>
                  <a:pt x="778" y="375"/>
                </a:lnTo>
                <a:lnTo>
                  <a:pt x="778" y="389"/>
                </a:lnTo>
                <a:lnTo>
                  <a:pt x="798" y="405"/>
                </a:lnTo>
                <a:lnTo>
                  <a:pt x="798" y="413"/>
                </a:lnTo>
                <a:lnTo>
                  <a:pt x="826" y="437"/>
                </a:lnTo>
                <a:lnTo>
                  <a:pt x="826" y="443"/>
                </a:lnTo>
                <a:lnTo>
                  <a:pt x="816" y="445"/>
                </a:lnTo>
                <a:lnTo>
                  <a:pt x="816" y="453"/>
                </a:lnTo>
                <a:lnTo>
                  <a:pt x="830" y="465"/>
                </a:lnTo>
                <a:lnTo>
                  <a:pt x="832" y="485"/>
                </a:lnTo>
                <a:lnTo>
                  <a:pt x="822" y="501"/>
                </a:lnTo>
                <a:lnTo>
                  <a:pt x="806" y="505"/>
                </a:lnTo>
                <a:lnTo>
                  <a:pt x="794" y="525"/>
                </a:lnTo>
                <a:lnTo>
                  <a:pt x="774" y="555"/>
                </a:lnTo>
                <a:lnTo>
                  <a:pt x="756" y="589"/>
                </a:lnTo>
                <a:lnTo>
                  <a:pt x="740" y="621"/>
                </a:lnTo>
                <a:lnTo>
                  <a:pt x="742" y="635"/>
                </a:lnTo>
                <a:lnTo>
                  <a:pt x="750" y="653"/>
                </a:lnTo>
                <a:lnTo>
                  <a:pt x="754" y="673"/>
                </a:lnTo>
                <a:lnTo>
                  <a:pt x="766" y="681"/>
                </a:lnTo>
                <a:lnTo>
                  <a:pt x="764" y="689"/>
                </a:lnTo>
                <a:lnTo>
                  <a:pt x="748" y="689"/>
                </a:lnTo>
                <a:lnTo>
                  <a:pt x="738" y="689"/>
                </a:lnTo>
                <a:lnTo>
                  <a:pt x="724" y="681"/>
                </a:lnTo>
                <a:lnTo>
                  <a:pt x="702" y="681"/>
                </a:lnTo>
                <a:lnTo>
                  <a:pt x="682" y="661"/>
                </a:lnTo>
                <a:lnTo>
                  <a:pt x="656" y="653"/>
                </a:lnTo>
                <a:lnTo>
                  <a:pt x="642" y="661"/>
                </a:lnTo>
                <a:lnTo>
                  <a:pt x="610" y="661"/>
                </a:lnTo>
                <a:lnTo>
                  <a:pt x="610" y="675"/>
                </a:lnTo>
                <a:lnTo>
                  <a:pt x="592" y="681"/>
                </a:lnTo>
                <a:lnTo>
                  <a:pt x="578" y="669"/>
                </a:lnTo>
                <a:lnTo>
                  <a:pt x="552" y="675"/>
                </a:lnTo>
                <a:lnTo>
                  <a:pt x="532" y="689"/>
                </a:lnTo>
                <a:lnTo>
                  <a:pt x="532" y="703"/>
                </a:lnTo>
                <a:lnTo>
                  <a:pt x="506" y="709"/>
                </a:lnTo>
                <a:lnTo>
                  <a:pt x="506" y="685"/>
                </a:lnTo>
                <a:lnTo>
                  <a:pt x="484" y="677"/>
                </a:lnTo>
                <a:lnTo>
                  <a:pt x="472" y="659"/>
                </a:lnTo>
                <a:lnTo>
                  <a:pt x="454" y="673"/>
                </a:lnTo>
                <a:lnTo>
                  <a:pt x="448" y="689"/>
                </a:lnTo>
                <a:lnTo>
                  <a:pt x="436" y="689"/>
                </a:lnTo>
                <a:lnTo>
                  <a:pt x="434" y="677"/>
                </a:lnTo>
                <a:lnTo>
                  <a:pt x="420" y="677"/>
                </a:lnTo>
                <a:lnTo>
                  <a:pt x="418" y="659"/>
                </a:lnTo>
                <a:lnTo>
                  <a:pt x="406" y="657"/>
                </a:lnTo>
                <a:lnTo>
                  <a:pt x="396" y="643"/>
                </a:lnTo>
                <a:lnTo>
                  <a:pt x="396" y="635"/>
                </a:lnTo>
                <a:lnTo>
                  <a:pt x="384" y="627"/>
                </a:lnTo>
                <a:lnTo>
                  <a:pt x="366" y="623"/>
                </a:lnTo>
                <a:lnTo>
                  <a:pt x="346" y="617"/>
                </a:lnTo>
                <a:lnTo>
                  <a:pt x="328" y="627"/>
                </a:lnTo>
                <a:lnTo>
                  <a:pt x="320" y="613"/>
                </a:lnTo>
                <a:lnTo>
                  <a:pt x="312" y="611"/>
                </a:lnTo>
                <a:lnTo>
                  <a:pt x="312" y="605"/>
                </a:lnTo>
                <a:lnTo>
                  <a:pt x="320" y="601"/>
                </a:lnTo>
                <a:lnTo>
                  <a:pt x="320" y="585"/>
                </a:lnTo>
                <a:lnTo>
                  <a:pt x="310" y="593"/>
                </a:lnTo>
                <a:lnTo>
                  <a:pt x="290" y="593"/>
                </a:lnTo>
                <a:lnTo>
                  <a:pt x="280" y="587"/>
                </a:lnTo>
                <a:lnTo>
                  <a:pt x="260" y="575"/>
                </a:lnTo>
                <a:lnTo>
                  <a:pt x="250" y="577"/>
                </a:lnTo>
                <a:lnTo>
                  <a:pt x="250" y="587"/>
                </a:lnTo>
                <a:lnTo>
                  <a:pt x="260" y="597"/>
                </a:lnTo>
                <a:lnTo>
                  <a:pt x="230" y="621"/>
                </a:lnTo>
                <a:lnTo>
                  <a:pt x="220" y="611"/>
                </a:lnTo>
                <a:lnTo>
                  <a:pt x="218" y="603"/>
                </a:lnTo>
                <a:lnTo>
                  <a:pt x="206" y="593"/>
                </a:lnTo>
                <a:lnTo>
                  <a:pt x="190" y="583"/>
                </a:lnTo>
                <a:lnTo>
                  <a:pt x="208" y="561"/>
                </a:lnTo>
                <a:lnTo>
                  <a:pt x="200" y="551"/>
                </a:lnTo>
                <a:lnTo>
                  <a:pt x="188" y="553"/>
                </a:lnTo>
                <a:lnTo>
                  <a:pt x="174" y="557"/>
                </a:lnTo>
                <a:lnTo>
                  <a:pt x="170" y="553"/>
                </a:lnTo>
                <a:lnTo>
                  <a:pt x="156" y="547"/>
                </a:lnTo>
                <a:lnTo>
                  <a:pt x="124" y="541"/>
                </a:lnTo>
                <a:lnTo>
                  <a:pt x="110" y="531"/>
                </a:lnTo>
                <a:lnTo>
                  <a:pt x="110" y="521"/>
                </a:lnTo>
                <a:lnTo>
                  <a:pt x="102" y="515"/>
                </a:lnTo>
                <a:lnTo>
                  <a:pt x="80" y="515"/>
                </a:lnTo>
                <a:lnTo>
                  <a:pt x="88" y="483"/>
                </a:lnTo>
                <a:lnTo>
                  <a:pt x="76" y="461"/>
                </a:lnTo>
                <a:lnTo>
                  <a:pt x="62" y="455"/>
                </a:lnTo>
                <a:lnTo>
                  <a:pt x="60" y="433"/>
                </a:lnTo>
                <a:lnTo>
                  <a:pt x="48" y="417"/>
                </a:lnTo>
                <a:lnTo>
                  <a:pt x="58" y="403"/>
                </a:lnTo>
                <a:lnTo>
                  <a:pt x="54" y="373"/>
                </a:lnTo>
                <a:lnTo>
                  <a:pt x="52" y="361"/>
                </a:lnTo>
                <a:lnTo>
                  <a:pt x="42" y="355"/>
                </a:lnTo>
                <a:lnTo>
                  <a:pt x="40" y="341"/>
                </a:lnTo>
                <a:lnTo>
                  <a:pt x="46" y="333"/>
                </a:lnTo>
                <a:lnTo>
                  <a:pt x="46" y="321"/>
                </a:lnTo>
                <a:lnTo>
                  <a:pt x="24" y="305"/>
                </a:lnTo>
                <a:lnTo>
                  <a:pt x="6" y="287"/>
                </a:lnTo>
                <a:lnTo>
                  <a:pt x="0" y="273"/>
                </a:lnTo>
                <a:lnTo>
                  <a:pt x="18" y="259"/>
                </a:lnTo>
                <a:lnTo>
                  <a:pt x="18" y="247"/>
                </a:lnTo>
                <a:lnTo>
                  <a:pt x="22" y="225"/>
                </a:lnTo>
                <a:lnTo>
                  <a:pt x="4" y="169"/>
                </a:lnTo>
                <a:lnTo>
                  <a:pt x="0" y="15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59" name="Freeform 4"/>
          <p:cNvSpPr>
            <a:spLocks/>
          </p:cNvSpPr>
          <p:nvPr/>
        </p:nvSpPr>
        <p:spPr bwMode="auto">
          <a:xfrm>
            <a:off x="4760913" y="3190875"/>
            <a:ext cx="963612" cy="1277938"/>
          </a:xfrm>
          <a:custGeom>
            <a:avLst/>
            <a:gdLst>
              <a:gd name="T0" fmla="*/ 2147483647 w 745"/>
              <a:gd name="T1" fmla="*/ 2147483647 h 987"/>
              <a:gd name="T2" fmla="*/ 2147483647 w 745"/>
              <a:gd name="T3" fmla="*/ 2147483647 h 987"/>
              <a:gd name="T4" fmla="*/ 2147483647 w 745"/>
              <a:gd name="T5" fmla="*/ 2147483647 h 987"/>
              <a:gd name="T6" fmla="*/ 2147483647 w 745"/>
              <a:gd name="T7" fmla="*/ 2147483647 h 987"/>
              <a:gd name="T8" fmla="*/ 2147483647 w 745"/>
              <a:gd name="T9" fmla="*/ 2147483647 h 987"/>
              <a:gd name="T10" fmla="*/ 2147483647 w 745"/>
              <a:gd name="T11" fmla="*/ 2147483647 h 987"/>
              <a:gd name="T12" fmla="*/ 2147483647 w 745"/>
              <a:gd name="T13" fmla="*/ 2147483647 h 987"/>
              <a:gd name="T14" fmla="*/ 2147483647 w 745"/>
              <a:gd name="T15" fmla="*/ 2147483647 h 987"/>
              <a:gd name="T16" fmla="*/ 2147483647 w 745"/>
              <a:gd name="T17" fmla="*/ 2147483647 h 987"/>
              <a:gd name="T18" fmla="*/ 2147483647 w 745"/>
              <a:gd name="T19" fmla="*/ 2147483647 h 987"/>
              <a:gd name="T20" fmla="*/ 2147483647 w 745"/>
              <a:gd name="T21" fmla="*/ 2147483647 h 987"/>
              <a:gd name="T22" fmla="*/ 2147483647 w 745"/>
              <a:gd name="T23" fmla="*/ 2147483647 h 987"/>
              <a:gd name="T24" fmla="*/ 2147483647 w 745"/>
              <a:gd name="T25" fmla="*/ 2147483647 h 987"/>
              <a:gd name="T26" fmla="*/ 2147483647 w 745"/>
              <a:gd name="T27" fmla="*/ 2147483647 h 987"/>
              <a:gd name="T28" fmla="*/ 2147483647 w 745"/>
              <a:gd name="T29" fmla="*/ 2147483647 h 987"/>
              <a:gd name="T30" fmla="*/ 2147483647 w 745"/>
              <a:gd name="T31" fmla="*/ 2147483647 h 987"/>
              <a:gd name="T32" fmla="*/ 2147483647 w 745"/>
              <a:gd name="T33" fmla="*/ 2147483647 h 987"/>
              <a:gd name="T34" fmla="*/ 2147483647 w 745"/>
              <a:gd name="T35" fmla="*/ 2147483647 h 987"/>
              <a:gd name="T36" fmla="*/ 2147483647 w 745"/>
              <a:gd name="T37" fmla="*/ 2147483647 h 987"/>
              <a:gd name="T38" fmla="*/ 2147483647 w 745"/>
              <a:gd name="T39" fmla="*/ 2147483647 h 987"/>
              <a:gd name="T40" fmla="*/ 2147483647 w 745"/>
              <a:gd name="T41" fmla="*/ 2147483647 h 987"/>
              <a:gd name="T42" fmla="*/ 2147483647 w 745"/>
              <a:gd name="T43" fmla="*/ 2147483647 h 987"/>
              <a:gd name="T44" fmla="*/ 2147483647 w 745"/>
              <a:gd name="T45" fmla="*/ 2147483647 h 987"/>
              <a:gd name="T46" fmla="*/ 2147483647 w 745"/>
              <a:gd name="T47" fmla="*/ 2147483647 h 987"/>
              <a:gd name="T48" fmla="*/ 2147483647 w 745"/>
              <a:gd name="T49" fmla="*/ 2147483647 h 987"/>
              <a:gd name="T50" fmla="*/ 2147483647 w 745"/>
              <a:gd name="T51" fmla="*/ 2147483647 h 987"/>
              <a:gd name="T52" fmla="*/ 2147483647 w 745"/>
              <a:gd name="T53" fmla="*/ 2147483647 h 987"/>
              <a:gd name="T54" fmla="*/ 2147483647 w 745"/>
              <a:gd name="T55" fmla="*/ 2147483647 h 987"/>
              <a:gd name="T56" fmla="*/ 2147483647 w 745"/>
              <a:gd name="T57" fmla="*/ 2147483647 h 987"/>
              <a:gd name="T58" fmla="*/ 2147483647 w 745"/>
              <a:gd name="T59" fmla="*/ 2147483647 h 987"/>
              <a:gd name="T60" fmla="*/ 2147483647 w 745"/>
              <a:gd name="T61" fmla="*/ 2147483647 h 987"/>
              <a:gd name="T62" fmla="*/ 2147483647 w 745"/>
              <a:gd name="T63" fmla="*/ 2147483647 h 987"/>
              <a:gd name="T64" fmla="*/ 2147483647 w 745"/>
              <a:gd name="T65" fmla="*/ 2147483647 h 987"/>
              <a:gd name="T66" fmla="*/ 2147483647 w 745"/>
              <a:gd name="T67" fmla="*/ 2147483647 h 987"/>
              <a:gd name="T68" fmla="*/ 2147483647 w 745"/>
              <a:gd name="T69" fmla="*/ 2147483647 h 987"/>
              <a:gd name="T70" fmla="*/ 2147483647 w 745"/>
              <a:gd name="T71" fmla="*/ 2147483647 h 987"/>
              <a:gd name="T72" fmla="*/ 2147483647 w 745"/>
              <a:gd name="T73" fmla="*/ 2147483647 h 987"/>
              <a:gd name="T74" fmla="*/ 2147483647 w 745"/>
              <a:gd name="T75" fmla="*/ 2147483647 h 987"/>
              <a:gd name="T76" fmla="*/ 2147483647 w 745"/>
              <a:gd name="T77" fmla="*/ 2147483647 h 987"/>
              <a:gd name="T78" fmla="*/ 2147483647 w 745"/>
              <a:gd name="T79" fmla="*/ 2147483647 h 987"/>
              <a:gd name="T80" fmla="*/ 2147483647 w 745"/>
              <a:gd name="T81" fmla="*/ 2147483647 h 987"/>
              <a:gd name="T82" fmla="*/ 2147483647 w 745"/>
              <a:gd name="T83" fmla="*/ 2147483647 h 987"/>
              <a:gd name="T84" fmla="*/ 2147483647 w 745"/>
              <a:gd name="T85" fmla="*/ 2147483647 h 987"/>
              <a:gd name="T86" fmla="*/ 2147483647 w 745"/>
              <a:gd name="T87" fmla="*/ 2147483647 h 987"/>
              <a:gd name="T88" fmla="*/ 2147483647 w 745"/>
              <a:gd name="T89" fmla="*/ 2147483647 h 987"/>
              <a:gd name="T90" fmla="*/ 2147483647 w 745"/>
              <a:gd name="T91" fmla="*/ 2147483647 h 987"/>
              <a:gd name="T92" fmla="*/ 2147483647 w 745"/>
              <a:gd name="T93" fmla="*/ 2147483647 h 987"/>
              <a:gd name="T94" fmla="*/ 2147483647 w 745"/>
              <a:gd name="T95" fmla="*/ 2147483647 h 987"/>
              <a:gd name="T96" fmla="*/ 2147483647 w 745"/>
              <a:gd name="T97" fmla="*/ 2147483647 h 987"/>
              <a:gd name="T98" fmla="*/ 2147483647 w 745"/>
              <a:gd name="T99" fmla="*/ 2147483647 h 987"/>
              <a:gd name="T100" fmla="*/ 2147483647 w 745"/>
              <a:gd name="T101" fmla="*/ 2147483647 h 987"/>
              <a:gd name="T102" fmla="*/ 2147483647 w 745"/>
              <a:gd name="T103" fmla="*/ 2147483647 h 987"/>
              <a:gd name="T104" fmla="*/ 2147483647 w 745"/>
              <a:gd name="T105" fmla="*/ 2147483647 h 987"/>
              <a:gd name="T106" fmla="*/ 2147483647 w 745"/>
              <a:gd name="T107" fmla="*/ 2147483647 h 987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0" t="0" r="r" b="b"/>
            <a:pathLst>
              <a:path w="745" h="987">
                <a:moveTo>
                  <a:pt x="122" y="939"/>
                </a:moveTo>
                <a:lnTo>
                  <a:pt x="120" y="911"/>
                </a:lnTo>
                <a:lnTo>
                  <a:pt x="130" y="893"/>
                </a:lnTo>
                <a:lnTo>
                  <a:pt x="124" y="879"/>
                </a:lnTo>
                <a:lnTo>
                  <a:pt x="140" y="847"/>
                </a:lnTo>
                <a:lnTo>
                  <a:pt x="146" y="813"/>
                </a:lnTo>
                <a:lnTo>
                  <a:pt x="184" y="769"/>
                </a:lnTo>
                <a:lnTo>
                  <a:pt x="160" y="757"/>
                </a:lnTo>
                <a:lnTo>
                  <a:pt x="132" y="757"/>
                </a:lnTo>
                <a:lnTo>
                  <a:pt x="120" y="745"/>
                </a:lnTo>
                <a:lnTo>
                  <a:pt x="100" y="749"/>
                </a:lnTo>
                <a:lnTo>
                  <a:pt x="82" y="745"/>
                </a:lnTo>
                <a:lnTo>
                  <a:pt x="82" y="737"/>
                </a:lnTo>
                <a:lnTo>
                  <a:pt x="68" y="733"/>
                </a:lnTo>
                <a:lnTo>
                  <a:pt x="64" y="739"/>
                </a:lnTo>
                <a:lnTo>
                  <a:pt x="46" y="719"/>
                </a:lnTo>
                <a:lnTo>
                  <a:pt x="44" y="703"/>
                </a:lnTo>
                <a:lnTo>
                  <a:pt x="28" y="695"/>
                </a:lnTo>
                <a:lnTo>
                  <a:pt x="28" y="683"/>
                </a:lnTo>
                <a:lnTo>
                  <a:pt x="34" y="675"/>
                </a:lnTo>
                <a:lnTo>
                  <a:pt x="44" y="665"/>
                </a:lnTo>
                <a:lnTo>
                  <a:pt x="42" y="657"/>
                </a:lnTo>
                <a:lnTo>
                  <a:pt x="32" y="653"/>
                </a:lnTo>
                <a:lnTo>
                  <a:pt x="22" y="645"/>
                </a:lnTo>
                <a:lnTo>
                  <a:pt x="12" y="633"/>
                </a:lnTo>
                <a:lnTo>
                  <a:pt x="14" y="609"/>
                </a:lnTo>
                <a:lnTo>
                  <a:pt x="34" y="591"/>
                </a:lnTo>
                <a:lnTo>
                  <a:pt x="36" y="569"/>
                </a:lnTo>
                <a:lnTo>
                  <a:pt x="20" y="563"/>
                </a:lnTo>
                <a:lnTo>
                  <a:pt x="24" y="549"/>
                </a:lnTo>
                <a:lnTo>
                  <a:pt x="8" y="529"/>
                </a:lnTo>
                <a:lnTo>
                  <a:pt x="12" y="513"/>
                </a:lnTo>
                <a:lnTo>
                  <a:pt x="4" y="503"/>
                </a:lnTo>
                <a:lnTo>
                  <a:pt x="0" y="495"/>
                </a:lnTo>
                <a:lnTo>
                  <a:pt x="20" y="483"/>
                </a:lnTo>
                <a:lnTo>
                  <a:pt x="16" y="471"/>
                </a:lnTo>
                <a:lnTo>
                  <a:pt x="28" y="457"/>
                </a:lnTo>
                <a:lnTo>
                  <a:pt x="28" y="431"/>
                </a:lnTo>
                <a:lnTo>
                  <a:pt x="18" y="419"/>
                </a:lnTo>
                <a:lnTo>
                  <a:pt x="14" y="391"/>
                </a:lnTo>
                <a:lnTo>
                  <a:pt x="26" y="387"/>
                </a:lnTo>
                <a:lnTo>
                  <a:pt x="58" y="389"/>
                </a:lnTo>
                <a:lnTo>
                  <a:pt x="76" y="387"/>
                </a:lnTo>
                <a:lnTo>
                  <a:pt x="82" y="379"/>
                </a:lnTo>
                <a:lnTo>
                  <a:pt x="72" y="365"/>
                </a:lnTo>
                <a:lnTo>
                  <a:pt x="84" y="361"/>
                </a:lnTo>
                <a:lnTo>
                  <a:pt x="96" y="343"/>
                </a:lnTo>
                <a:lnTo>
                  <a:pt x="100" y="323"/>
                </a:lnTo>
                <a:lnTo>
                  <a:pt x="74" y="313"/>
                </a:lnTo>
                <a:lnTo>
                  <a:pt x="80" y="291"/>
                </a:lnTo>
                <a:lnTo>
                  <a:pt x="102" y="291"/>
                </a:lnTo>
                <a:lnTo>
                  <a:pt x="104" y="269"/>
                </a:lnTo>
                <a:lnTo>
                  <a:pt x="116" y="253"/>
                </a:lnTo>
                <a:lnTo>
                  <a:pt x="116" y="217"/>
                </a:lnTo>
                <a:lnTo>
                  <a:pt x="124" y="211"/>
                </a:lnTo>
                <a:lnTo>
                  <a:pt x="120" y="205"/>
                </a:lnTo>
                <a:lnTo>
                  <a:pt x="114" y="205"/>
                </a:lnTo>
                <a:lnTo>
                  <a:pt x="106" y="201"/>
                </a:lnTo>
                <a:lnTo>
                  <a:pt x="106" y="189"/>
                </a:lnTo>
                <a:lnTo>
                  <a:pt x="110" y="177"/>
                </a:lnTo>
                <a:lnTo>
                  <a:pt x="116" y="167"/>
                </a:lnTo>
                <a:lnTo>
                  <a:pt x="124" y="159"/>
                </a:lnTo>
                <a:lnTo>
                  <a:pt x="132" y="159"/>
                </a:lnTo>
                <a:lnTo>
                  <a:pt x="150" y="159"/>
                </a:lnTo>
                <a:lnTo>
                  <a:pt x="162" y="157"/>
                </a:lnTo>
                <a:lnTo>
                  <a:pt x="182" y="159"/>
                </a:lnTo>
                <a:lnTo>
                  <a:pt x="186" y="167"/>
                </a:lnTo>
                <a:lnTo>
                  <a:pt x="190" y="179"/>
                </a:lnTo>
                <a:lnTo>
                  <a:pt x="184" y="191"/>
                </a:lnTo>
                <a:lnTo>
                  <a:pt x="194" y="197"/>
                </a:lnTo>
                <a:lnTo>
                  <a:pt x="202" y="193"/>
                </a:lnTo>
                <a:lnTo>
                  <a:pt x="202" y="183"/>
                </a:lnTo>
                <a:lnTo>
                  <a:pt x="198" y="177"/>
                </a:lnTo>
                <a:lnTo>
                  <a:pt x="202" y="171"/>
                </a:lnTo>
                <a:lnTo>
                  <a:pt x="208" y="173"/>
                </a:lnTo>
                <a:lnTo>
                  <a:pt x="214" y="181"/>
                </a:lnTo>
                <a:lnTo>
                  <a:pt x="224" y="183"/>
                </a:lnTo>
                <a:lnTo>
                  <a:pt x="220" y="163"/>
                </a:lnTo>
                <a:lnTo>
                  <a:pt x="220" y="153"/>
                </a:lnTo>
                <a:lnTo>
                  <a:pt x="226" y="138"/>
                </a:lnTo>
                <a:lnTo>
                  <a:pt x="232" y="134"/>
                </a:lnTo>
                <a:lnTo>
                  <a:pt x="240" y="140"/>
                </a:lnTo>
                <a:lnTo>
                  <a:pt x="246" y="145"/>
                </a:lnTo>
                <a:lnTo>
                  <a:pt x="256" y="147"/>
                </a:lnTo>
                <a:lnTo>
                  <a:pt x="260" y="142"/>
                </a:lnTo>
                <a:lnTo>
                  <a:pt x="262" y="140"/>
                </a:lnTo>
                <a:lnTo>
                  <a:pt x="262" y="138"/>
                </a:lnTo>
                <a:lnTo>
                  <a:pt x="258" y="134"/>
                </a:lnTo>
                <a:lnTo>
                  <a:pt x="254" y="130"/>
                </a:lnTo>
                <a:lnTo>
                  <a:pt x="248" y="124"/>
                </a:lnTo>
                <a:lnTo>
                  <a:pt x="248" y="118"/>
                </a:lnTo>
                <a:lnTo>
                  <a:pt x="254" y="116"/>
                </a:lnTo>
                <a:lnTo>
                  <a:pt x="258" y="114"/>
                </a:lnTo>
                <a:lnTo>
                  <a:pt x="258" y="104"/>
                </a:lnTo>
                <a:lnTo>
                  <a:pt x="246" y="100"/>
                </a:lnTo>
                <a:lnTo>
                  <a:pt x="246" y="86"/>
                </a:lnTo>
                <a:lnTo>
                  <a:pt x="228" y="82"/>
                </a:lnTo>
                <a:lnTo>
                  <a:pt x="230" y="72"/>
                </a:lnTo>
                <a:lnTo>
                  <a:pt x="236" y="66"/>
                </a:lnTo>
                <a:lnTo>
                  <a:pt x="252" y="68"/>
                </a:lnTo>
                <a:lnTo>
                  <a:pt x="256" y="54"/>
                </a:lnTo>
                <a:lnTo>
                  <a:pt x="250" y="40"/>
                </a:lnTo>
                <a:lnTo>
                  <a:pt x="240" y="28"/>
                </a:lnTo>
                <a:lnTo>
                  <a:pt x="232" y="18"/>
                </a:lnTo>
                <a:lnTo>
                  <a:pt x="230" y="8"/>
                </a:lnTo>
                <a:lnTo>
                  <a:pt x="232" y="0"/>
                </a:lnTo>
                <a:lnTo>
                  <a:pt x="254" y="2"/>
                </a:lnTo>
                <a:lnTo>
                  <a:pt x="268" y="8"/>
                </a:lnTo>
                <a:lnTo>
                  <a:pt x="278" y="16"/>
                </a:lnTo>
                <a:lnTo>
                  <a:pt x="293" y="16"/>
                </a:lnTo>
                <a:lnTo>
                  <a:pt x="301" y="2"/>
                </a:lnTo>
                <a:lnTo>
                  <a:pt x="313" y="14"/>
                </a:lnTo>
                <a:lnTo>
                  <a:pt x="327" y="16"/>
                </a:lnTo>
                <a:lnTo>
                  <a:pt x="333" y="20"/>
                </a:lnTo>
                <a:lnTo>
                  <a:pt x="335" y="32"/>
                </a:lnTo>
                <a:lnTo>
                  <a:pt x="337" y="52"/>
                </a:lnTo>
                <a:lnTo>
                  <a:pt x="335" y="58"/>
                </a:lnTo>
                <a:lnTo>
                  <a:pt x="347" y="60"/>
                </a:lnTo>
                <a:lnTo>
                  <a:pt x="353" y="68"/>
                </a:lnTo>
                <a:lnTo>
                  <a:pt x="367" y="66"/>
                </a:lnTo>
                <a:lnTo>
                  <a:pt x="385" y="80"/>
                </a:lnTo>
                <a:lnTo>
                  <a:pt x="403" y="74"/>
                </a:lnTo>
                <a:lnTo>
                  <a:pt x="417" y="66"/>
                </a:lnTo>
                <a:lnTo>
                  <a:pt x="413" y="62"/>
                </a:lnTo>
                <a:lnTo>
                  <a:pt x="413" y="56"/>
                </a:lnTo>
                <a:lnTo>
                  <a:pt x="419" y="52"/>
                </a:lnTo>
                <a:lnTo>
                  <a:pt x="425" y="54"/>
                </a:lnTo>
                <a:lnTo>
                  <a:pt x="431" y="58"/>
                </a:lnTo>
                <a:lnTo>
                  <a:pt x="431" y="66"/>
                </a:lnTo>
                <a:lnTo>
                  <a:pt x="429" y="70"/>
                </a:lnTo>
                <a:lnTo>
                  <a:pt x="419" y="68"/>
                </a:lnTo>
                <a:lnTo>
                  <a:pt x="415" y="94"/>
                </a:lnTo>
                <a:lnTo>
                  <a:pt x="405" y="106"/>
                </a:lnTo>
                <a:lnTo>
                  <a:pt x="393" y="110"/>
                </a:lnTo>
                <a:lnTo>
                  <a:pt x="397" y="120"/>
                </a:lnTo>
                <a:lnTo>
                  <a:pt x="405" y="126"/>
                </a:lnTo>
                <a:lnTo>
                  <a:pt x="423" y="122"/>
                </a:lnTo>
                <a:lnTo>
                  <a:pt x="433" y="128"/>
                </a:lnTo>
                <a:lnTo>
                  <a:pt x="447" y="128"/>
                </a:lnTo>
                <a:lnTo>
                  <a:pt x="455" y="108"/>
                </a:lnTo>
                <a:lnTo>
                  <a:pt x="465" y="98"/>
                </a:lnTo>
                <a:lnTo>
                  <a:pt x="491" y="96"/>
                </a:lnTo>
                <a:lnTo>
                  <a:pt x="511" y="82"/>
                </a:lnTo>
                <a:lnTo>
                  <a:pt x="519" y="68"/>
                </a:lnTo>
                <a:lnTo>
                  <a:pt x="525" y="58"/>
                </a:lnTo>
                <a:lnTo>
                  <a:pt x="543" y="60"/>
                </a:lnTo>
                <a:lnTo>
                  <a:pt x="559" y="66"/>
                </a:lnTo>
                <a:lnTo>
                  <a:pt x="569" y="70"/>
                </a:lnTo>
                <a:lnTo>
                  <a:pt x="573" y="80"/>
                </a:lnTo>
                <a:lnTo>
                  <a:pt x="587" y="86"/>
                </a:lnTo>
                <a:lnTo>
                  <a:pt x="589" y="94"/>
                </a:lnTo>
                <a:lnTo>
                  <a:pt x="599" y="102"/>
                </a:lnTo>
                <a:lnTo>
                  <a:pt x="619" y="90"/>
                </a:lnTo>
                <a:lnTo>
                  <a:pt x="625" y="96"/>
                </a:lnTo>
                <a:lnTo>
                  <a:pt x="629" y="110"/>
                </a:lnTo>
                <a:lnTo>
                  <a:pt x="629" y="118"/>
                </a:lnTo>
                <a:lnTo>
                  <a:pt x="643" y="118"/>
                </a:lnTo>
                <a:lnTo>
                  <a:pt x="651" y="116"/>
                </a:lnTo>
                <a:lnTo>
                  <a:pt x="657" y="128"/>
                </a:lnTo>
                <a:lnTo>
                  <a:pt x="661" y="145"/>
                </a:lnTo>
                <a:lnTo>
                  <a:pt x="667" y="163"/>
                </a:lnTo>
                <a:lnTo>
                  <a:pt x="679" y="201"/>
                </a:lnTo>
                <a:lnTo>
                  <a:pt x="675" y="225"/>
                </a:lnTo>
                <a:lnTo>
                  <a:pt x="675" y="235"/>
                </a:lnTo>
                <a:lnTo>
                  <a:pt x="657" y="249"/>
                </a:lnTo>
                <a:lnTo>
                  <a:pt x="663" y="263"/>
                </a:lnTo>
                <a:lnTo>
                  <a:pt x="681" y="281"/>
                </a:lnTo>
                <a:lnTo>
                  <a:pt x="703" y="297"/>
                </a:lnTo>
                <a:lnTo>
                  <a:pt x="703" y="309"/>
                </a:lnTo>
                <a:lnTo>
                  <a:pt x="697" y="317"/>
                </a:lnTo>
                <a:lnTo>
                  <a:pt x="699" y="331"/>
                </a:lnTo>
                <a:lnTo>
                  <a:pt x="709" y="337"/>
                </a:lnTo>
                <a:lnTo>
                  <a:pt x="711" y="359"/>
                </a:lnTo>
                <a:lnTo>
                  <a:pt x="715" y="379"/>
                </a:lnTo>
                <a:lnTo>
                  <a:pt x="705" y="393"/>
                </a:lnTo>
                <a:lnTo>
                  <a:pt x="717" y="409"/>
                </a:lnTo>
                <a:lnTo>
                  <a:pt x="719" y="431"/>
                </a:lnTo>
                <a:lnTo>
                  <a:pt x="733" y="437"/>
                </a:lnTo>
                <a:lnTo>
                  <a:pt x="745" y="459"/>
                </a:lnTo>
                <a:lnTo>
                  <a:pt x="741" y="475"/>
                </a:lnTo>
                <a:lnTo>
                  <a:pt x="737" y="489"/>
                </a:lnTo>
                <a:lnTo>
                  <a:pt x="735" y="503"/>
                </a:lnTo>
                <a:lnTo>
                  <a:pt x="727" y="517"/>
                </a:lnTo>
                <a:lnTo>
                  <a:pt x="719" y="519"/>
                </a:lnTo>
                <a:lnTo>
                  <a:pt x="713" y="511"/>
                </a:lnTo>
                <a:lnTo>
                  <a:pt x="707" y="497"/>
                </a:lnTo>
                <a:lnTo>
                  <a:pt x="701" y="491"/>
                </a:lnTo>
                <a:lnTo>
                  <a:pt x="683" y="495"/>
                </a:lnTo>
                <a:lnTo>
                  <a:pt x="693" y="507"/>
                </a:lnTo>
                <a:lnTo>
                  <a:pt x="687" y="513"/>
                </a:lnTo>
                <a:lnTo>
                  <a:pt x="673" y="523"/>
                </a:lnTo>
                <a:lnTo>
                  <a:pt x="657" y="525"/>
                </a:lnTo>
                <a:lnTo>
                  <a:pt x="651" y="535"/>
                </a:lnTo>
                <a:lnTo>
                  <a:pt x="633" y="535"/>
                </a:lnTo>
                <a:lnTo>
                  <a:pt x="621" y="551"/>
                </a:lnTo>
                <a:lnTo>
                  <a:pt x="605" y="551"/>
                </a:lnTo>
                <a:lnTo>
                  <a:pt x="593" y="565"/>
                </a:lnTo>
                <a:lnTo>
                  <a:pt x="581" y="577"/>
                </a:lnTo>
                <a:lnTo>
                  <a:pt x="563" y="575"/>
                </a:lnTo>
                <a:lnTo>
                  <a:pt x="547" y="581"/>
                </a:lnTo>
                <a:lnTo>
                  <a:pt x="537" y="591"/>
                </a:lnTo>
                <a:lnTo>
                  <a:pt x="529" y="609"/>
                </a:lnTo>
                <a:lnTo>
                  <a:pt x="521" y="595"/>
                </a:lnTo>
                <a:lnTo>
                  <a:pt x="511" y="595"/>
                </a:lnTo>
                <a:lnTo>
                  <a:pt x="515" y="605"/>
                </a:lnTo>
                <a:lnTo>
                  <a:pt x="517" y="619"/>
                </a:lnTo>
                <a:lnTo>
                  <a:pt x="521" y="625"/>
                </a:lnTo>
                <a:lnTo>
                  <a:pt x="529" y="633"/>
                </a:lnTo>
                <a:lnTo>
                  <a:pt x="543" y="639"/>
                </a:lnTo>
                <a:lnTo>
                  <a:pt x="545" y="655"/>
                </a:lnTo>
                <a:lnTo>
                  <a:pt x="539" y="667"/>
                </a:lnTo>
                <a:lnTo>
                  <a:pt x="549" y="677"/>
                </a:lnTo>
                <a:lnTo>
                  <a:pt x="553" y="693"/>
                </a:lnTo>
                <a:lnTo>
                  <a:pt x="573" y="719"/>
                </a:lnTo>
                <a:lnTo>
                  <a:pt x="587" y="719"/>
                </a:lnTo>
                <a:lnTo>
                  <a:pt x="603" y="735"/>
                </a:lnTo>
                <a:lnTo>
                  <a:pt x="609" y="745"/>
                </a:lnTo>
                <a:lnTo>
                  <a:pt x="615" y="747"/>
                </a:lnTo>
                <a:lnTo>
                  <a:pt x="625" y="753"/>
                </a:lnTo>
                <a:lnTo>
                  <a:pt x="625" y="757"/>
                </a:lnTo>
                <a:lnTo>
                  <a:pt x="625" y="761"/>
                </a:lnTo>
                <a:lnTo>
                  <a:pt x="643" y="763"/>
                </a:lnTo>
                <a:lnTo>
                  <a:pt x="657" y="773"/>
                </a:lnTo>
                <a:lnTo>
                  <a:pt x="663" y="785"/>
                </a:lnTo>
                <a:lnTo>
                  <a:pt x="661" y="811"/>
                </a:lnTo>
                <a:lnTo>
                  <a:pt x="631" y="811"/>
                </a:lnTo>
                <a:lnTo>
                  <a:pt x="633" y="835"/>
                </a:lnTo>
                <a:lnTo>
                  <a:pt x="625" y="847"/>
                </a:lnTo>
                <a:lnTo>
                  <a:pt x="605" y="849"/>
                </a:lnTo>
                <a:lnTo>
                  <a:pt x="575" y="873"/>
                </a:lnTo>
                <a:lnTo>
                  <a:pt x="599" y="907"/>
                </a:lnTo>
                <a:lnTo>
                  <a:pt x="595" y="919"/>
                </a:lnTo>
                <a:lnTo>
                  <a:pt x="595" y="925"/>
                </a:lnTo>
                <a:lnTo>
                  <a:pt x="603" y="925"/>
                </a:lnTo>
                <a:lnTo>
                  <a:pt x="609" y="933"/>
                </a:lnTo>
                <a:lnTo>
                  <a:pt x="607" y="943"/>
                </a:lnTo>
                <a:lnTo>
                  <a:pt x="597" y="957"/>
                </a:lnTo>
                <a:lnTo>
                  <a:pt x="583" y="947"/>
                </a:lnTo>
                <a:lnTo>
                  <a:pt x="583" y="937"/>
                </a:lnTo>
                <a:lnTo>
                  <a:pt x="573" y="929"/>
                </a:lnTo>
                <a:lnTo>
                  <a:pt x="555" y="939"/>
                </a:lnTo>
                <a:lnTo>
                  <a:pt x="551" y="929"/>
                </a:lnTo>
                <a:lnTo>
                  <a:pt x="529" y="929"/>
                </a:lnTo>
                <a:lnTo>
                  <a:pt x="527" y="943"/>
                </a:lnTo>
                <a:lnTo>
                  <a:pt x="481" y="945"/>
                </a:lnTo>
                <a:lnTo>
                  <a:pt x="461" y="959"/>
                </a:lnTo>
                <a:lnTo>
                  <a:pt x="433" y="973"/>
                </a:lnTo>
                <a:lnTo>
                  <a:pt x="413" y="953"/>
                </a:lnTo>
                <a:lnTo>
                  <a:pt x="377" y="951"/>
                </a:lnTo>
                <a:lnTo>
                  <a:pt x="375" y="973"/>
                </a:lnTo>
                <a:lnTo>
                  <a:pt x="357" y="987"/>
                </a:lnTo>
                <a:lnTo>
                  <a:pt x="353" y="979"/>
                </a:lnTo>
                <a:lnTo>
                  <a:pt x="345" y="975"/>
                </a:lnTo>
                <a:lnTo>
                  <a:pt x="343" y="963"/>
                </a:lnTo>
                <a:lnTo>
                  <a:pt x="319" y="949"/>
                </a:lnTo>
                <a:lnTo>
                  <a:pt x="309" y="963"/>
                </a:lnTo>
                <a:lnTo>
                  <a:pt x="289" y="957"/>
                </a:lnTo>
                <a:lnTo>
                  <a:pt x="274" y="943"/>
                </a:lnTo>
                <a:lnTo>
                  <a:pt x="258" y="933"/>
                </a:lnTo>
                <a:lnTo>
                  <a:pt x="240" y="939"/>
                </a:lnTo>
                <a:lnTo>
                  <a:pt x="228" y="927"/>
                </a:lnTo>
                <a:lnTo>
                  <a:pt x="212" y="919"/>
                </a:lnTo>
                <a:lnTo>
                  <a:pt x="198" y="929"/>
                </a:lnTo>
                <a:lnTo>
                  <a:pt x="212" y="943"/>
                </a:lnTo>
                <a:lnTo>
                  <a:pt x="198" y="949"/>
                </a:lnTo>
                <a:lnTo>
                  <a:pt x="182" y="939"/>
                </a:lnTo>
                <a:lnTo>
                  <a:pt x="164" y="953"/>
                </a:lnTo>
                <a:lnTo>
                  <a:pt x="146" y="939"/>
                </a:lnTo>
                <a:lnTo>
                  <a:pt x="136" y="951"/>
                </a:lnTo>
                <a:lnTo>
                  <a:pt x="122" y="939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60" name="Freeform 5"/>
          <p:cNvSpPr>
            <a:spLocks/>
          </p:cNvSpPr>
          <p:nvPr/>
        </p:nvSpPr>
        <p:spPr bwMode="auto">
          <a:xfrm>
            <a:off x="5613400" y="4559300"/>
            <a:ext cx="687388" cy="627063"/>
          </a:xfrm>
          <a:custGeom>
            <a:avLst/>
            <a:gdLst>
              <a:gd name="T0" fmla="*/ 2147483647 w 530"/>
              <a:gd name="T1" fmla="*/ 2147483647 h 484"/>
              <a:gd name="T2" fmla="*/ 2147483647 w 530"/>
              <a:gd name="T3" fmla="*/ 2147483647 h 484"/>
              <a:gd name="T4" fmla="*/ 2147483647 w 530"/>
              <a:gd name="T5" fmla="*/ 2147483647 h 484"/>
              <a:gd name="T6" fmla="*/ 2147483647 w 530"/>
              <a:gd name="T7" fmla="*/ 2147483647 h 484"/>
              <a:gd name="T8" fmla="*/ 2147483647 w 530"/>
              <a:gd name="T9" fmla="*/ 2147483647 h 484"/>
              <a:gd name="T10" fmla="*/ 2147483647 w 530"/>
              <a:gd name="T11" fmla="*/ 0 h 484"/>
              <a:gd name="T12" fmla="*/ 2147483647 w 530"/>
              <a:gd name="T13" fmla="*/ 2147483647 h 484"/>
              <a:gd name="T14" fmla="*/ 2147483647 w 530"/>
              <a:gd name="T15" fmla="*/ 2147483647 h 484"/>
              <a:gd name="T16" fmla="*/ 2147483647 w 530"/>
              <a:gd name="T17" fmla="*/ 2147483647 h 484"/>
              <a:gd name="T18" fmla="*/ 2147483647 w 530"/>
              <a:gd name="T19" fmla="*/ 2147483647 h 484"/>
              <a:gd name="T20" fmla="*/ 2147483647 w 530"/>
              <a:gd name="T21" fmla="*/ 2147483647 h 484"/>
              <a:gd name="T22" fmla="*/ 2147483647 w 530"/>
              <a:gd name="T23" fmla="*/ 2147483647 h 484"/>
              <a:gd name="T24" fmla="*/ 2147483647 w 530"/>
              <a:gd name="T25" fmla="*/ 2147483647 h 484"/>
              <a:gd name="T26" fmla="*/ 2147483647 w 530"/>
              <a:gd name="T27" fmla="*/ 2147483647 h 484"/>
              <a:gd name="T28" fmla="*/ 2147483647 w 530"/>
              <a:gd name="T29" fmla="*/ 2147483647 h 484"/>
              <a:gd name="T30" fmla="*/ 2147483647 w 530"/>
              <a:gd name="T31" fmla="*/ 2147483647 h 484"/>
              <a:gd name="T32" fmla="*/ 2147483647 w 530"/>
              <a:gd name="T33" fmla="*/ 2147483647 h 484"/>
              <a:gd name="T34" fmla="*/ 2147483647 w 530"/>
              <a:gd name="T35" fmla="*/ 2147483647 h 484"/>
              <a:gd name="T36" fmla="*/ 2147483647 w 530"/>
              <a:gd name="T37" fmla="*/ 2147483647 h 484"/>
              <a:gd name="T38" fmla="*/ 2147483647 w 530"/>
              <a:gd name="T39" fmla="*/ 2147483647 h 484"/>
              <a:gd name="T40" fmla="*/ 2147483647 w 530"/>
              <a:gd name="T41" fmla="*/ 2147483647 h 484"/>
              <a:gd name="T42" fmla="*/ 2147483647 w 530"/>
              <a:gd name="T43" fmla="*/ 2147483647 h 484"/>
              <a:gd name="T44" fmla="*/ 2147483647 w 530"/>
              <a:gd name="T45" fmla="*/ 2147483647 h 484"/>
              <a:gd name="T46" fmla="*/ 2147483647 w 530"/>
              <a:gd name="T47" fmla="*/ 2147483647 h 484"/>
              <a:gd name="T48" fmla="*/ 2147483647 w 530"/>
              <a:gd name="T49" fmla="*/ 2147483647 h 484"/>
              <a:gd name="T50" fmla="*/ 2147483647 w 530"/>
              <a:gd name="T51" fmla="*/ 2147483647 h 484"/>
              <a:gd name="T52" fmla="*/ 2147483647 w 530"/>
              <a:gd name="T53" fmla="*/ 2147483647 h 484"/>
              <a:gd name="T54" fmla="*/ 2147483647 w 530"/>
              <a:gd name="T55" fmla="*/ 2147483647 h 484"/>
              <a:gd name="T56" fmla="*/ 2147483647 w 530"/>
              <a:gd name="T57" fmla="*/ 2147483647 h 484"/>
              <a:gd name="T58" fmla="*/ 2147483647 w 530"/>
              <a:gd name="T59" fmla="*/ 2147483647 h 484"/>
              <a:gd name="T60" fmla="*/ 2147483647 w 530"/>
              <a:gd name="T61" fmla="*/ 2147483647 h 484"/>
              <a:gd name="T62" fmla="*/ 2147483647 w 530"/>
              <a:gd name="T63" fmla="*/ 2147483647 h 484"/>
              <a:gd name="T64" fmla="*/ 2147483647 w 530"/>
              <a:gd name="T65" fmla="*/ 2147483647 h 484"/>
              <a:gd name="T66" fmla="*/ 2147483647 w 530"/>
              <a:gd name="T67" fmla="*/ 2147483647 h 484"/>
              <a:gd name="T68" fmla="*/ 2147483647 w 530"/>
              <a:gd name="T69" fmla="*/ 2147483647 h 484"/>
              <a:gd name="T70" fmla="*/ 2147483647 w 530"/>
              <a:gd name="T71" fmla="*/ 2147483647 h 484"/>
              <a:gd name="T72" fmla="*/ 2147483647 w 530"/>
              <a:gd name="T73" fmla="*/ 2147483647 h 484"/>
              <a:gd name="T74" fmla="*/ 2147483647 w 530"/>
              <a:gd name="T75" fmla="*/ 2147483647 h 484"/>
              <a:gd name="T76" fmla="*/ 2147483647 w 530"/>
              <a:gd name="T77" fmla="*/ 2147483647 h 484"/>
              <a:gd name="T78" fmla="*/ 2147483647 w 530"/>
              <a:gd name="T79" fmla="*/ 2147483647 h 484"/>
              <a:gd name="T80" fmla="*/ 2147483647 w 530"/>
              <a:gd name="T81" fmla="*/ 2147483647 h 484"/>
              <a:gd name="T82" fmla="*/ 2147483647 w 530"/>
              <a:gd name="T83" fmla="*/ 2147483647 h 484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530" h="484">
                <a:moveTo>
                  <a:pt x="2" y="156"/>
                </a:moveTo>
                <a:lnTo>
                  <a:pt x="30" y="158"/>
                </a:lnTo>
                <a:lnTo>
                  <a:pt x="64" y="152"/>
                </a:lnTo>
                <a:lnTo>
                  <a:pt x="90" y="124"/>
                </a:lnTo>
                <a:lnTo>
                  <a:pt x="114" y="148"/>
                </a:lnTo>
                <a:lnTo>
                  <a:pt x="160" y="152"/>
                </a:lnTo>
                <a:lnTo>
                  <a:pt x="154" y="118"/>
                </a:lnTo>
                <a:lnTo>
                  <a:pt x="178" y="94"/>
                </a:lnTo>
                <a:lnTo>
                  <a:pt x="192" y="68"/>
                </a:lnTo>
                <a:lnTo>
                  <a:pt x="210" y="36"/>
                </a:lnTo>
                <a:lnTo>
                  <a:pt x="238" y="22"/>
                </a:lnTo>
                <a:lnTo>
                  <a:pt x="238" y="0"/>
                </a:lnTo>
                <a:lnTo>
                  <a:pt x="258" y="6"/>
                </a:lnTo>
                <a:lnTo>
                  <a:pt x="282" y="22"/>
                </a:lnTo>
                <a:lnTo>
                  <a:pt x="314" y="40"/>
                </a:lnTo>
                <a:lnTo>
                  <a:pt x="338" y="64"/>
                </a:lnTo>
                <a:lnTo>
                  <a:pt x="370" y="72"/>
                </a:lnTo>
                <a:lnTo>
                  <a:pt x="400" y="84"/>
                </a:lnTo>
                <a:lnTo>
                  <a:pt x="442" y="78"/>
                </a:lnTo>
                <a:lnTo>
                  <a:pt x="470" y="54"/>
                </a:lnTo>
                <a:lnTo>
                  <a:pt x="478" y="74"/>
                </a:lnTo>
                <a:lnTo>
                  <a:pt x="488" y="96"/>
                </a:lnTo>
                <a:lnTo>
                  <a:pt x="498" y="132"/>
                </a:lnTo>
                <a:lnTo>
                  <a:pt x="530" y="148"/>
                </a:lnTo>
                <a:lnTo>
                  <a:pt x="514" y="158"/>
                </a:lnTo>
                <a:lnTo>
                  <a:pt x="514" y="180"/>
                </a:lnTo>
                <a:lnTo>
                  <a:pt x="496" y="196"/>
                </a:lnTo>
                <a:lnTo>
                  <a:pt x="472" y="166"/>
                </a:lnTo>
                <a:lnTo>
                  <a:pt x="438" y="166"/>
                </a:lnTo>
                <a:lnTo>
                  <a:pt x="422" y="172"/>
                </a:lnTo>
                <a:lnTo>
                  <a:pt x="408" y="166"/>
                </a:lnTo>
                <a:lnTo>
                  <a:pt x="392" y="176"/>
                </a:lnTo>
                <a:lnTo>
                  <a:pt x="346" y="168"/>
                </a:lnTo>
                <a:lnTo>
                  <a:pt x="326" y="172"/>
                </a:lnTo>
                <a:lnTo>
                  <a:pt x="306" y="160"/>
                </a:lnTo>
                <a:lnTo>
                  <a:pt x="296" y="180"/>
                </a:lnTo>
                <a:lnTo>
                  <a:pt x="272" y="174"/>
                </a:lnTo>
                <a:lnTo>
                  <a:pt x="258" y="198"/>
                </a:lnTo>
                <a:lnTo>
                  <a:pt x="230" y="176"/>
                </a:lnTo>
                <a:lnTo>
                  <a:pt x="210" y="176"/>
                </a:lnTo>
                <a:lnTo>
                  <a:pt x="208" y="232"/>
                </a:lnTo>
                <a:lnTo>
                  <a:pt x="240" y="252"/>
                </a:lnTo>
                <a:lnTo>
                  <a:pt x="270" y="304"/>
                </a:lnTo>
                <a:lnTo>
                  <a:pt x="288" y="322"/>
                </a:lnTo>
                <a:lnTo>
                  <a:pt x="314" y="344"/>
                </a:lnTo>
                <a:lnTo>
                  <a:pt x="338" y="364"/>
                </a:lnTo>
                <a:lnTo>
                  <a:pt x="362" y="388"/>
                </a:lnTo>
                <a:lnTo>
                  <a:pt x="376" y="416"/>
                </a:lnTo>
                <a:lnTo>
                  <a:pt x="400" y="440"/>
                </a:lnTo>
                <a:lnTo>
                  <a:pt x="416" y="454"/>
                </a:lnTo>
                <a:lnTo>
                  <a:pt x="432" y="470"/>
                </a:lnTo>
                <a:lnTo>
                  <a:pt x="458" y="484"/>
                </a:lnTo>
                <a:lnTo>
                  <a:pt x="424" y="478"/>
                </a:lnTo>
                <a:lnTo>
                  <a:pt x="400" y="454"/>
                </a:lnTo>
                <a:lnTo>
                  <a:pt x="370" y="436"/>
                </a:lnTo>
                <a:lnTo>
                  <a:pt x="344" y="420"/>
                </a:lnTo>
                <a:lnTo>
                  <a:pt x="322" y="406"/>
                </a:lnTo>
                <a:lnTo>
                  <a:pt x="302" y="398"/>
                </a:lnTo>
                <a:lnTo>
                  <a:pt x="280" y="392"/>
                </a:lnTo>
                <a:lnTo>
                  <a:pt x="258" y="400"/>
                </a:lnTo>
                <a:lnTo>
                  <a:pt x="240" y="392"/>
                </a:lnTo>
                <a:lnTo>
                  <a:pt x="238" y="376"/>
                </a:lnTo>
                <a:lnTo>
                  <a:pt x="222" y="368"/>
                </a:lnTo>
                <a:lnTo>
                  <a:pt x="202" y="358"/>
                </a:lnTo>
                <a:lnTo>
                  <a:pt x="184" y="350"/>
                </a:lnTo>
                <a:lnTo>
                  <a:pt x="162" y="328"/>
                </a:lnTo>
                <a:lnTo>
                  <a:pt x="160" y="302"/>
                </a:lnTo>
                <a:lnTo>
                  <a:pt x="182" y="296"/>
                </a:lnTo>
                <a:lnTo>
                  <a:pt x="162" y="280"/>
                </a:lnTo>
                <a:lnTo>
                  <a:pt x="142" y="264"/>
                </a:lnTo>
                <a:lnTo>
                  <a:pt x="128" y="240"/>
                </a:lnTo>
                <a:lnTo>
                  <a:pt x="126" y="204"/>
                </a:lnTo>
                <a:lnTo>
                  <a:pt x="104" y="190"/>
                </a:lnTo>
                <a:lnTo>
                  <a:pt x="86" y="174"/>
                </a:lnTo>
                <a:lnTo>
                  <a:pt x="66" y="174"/>
                </a:lnTo>
                <a:lnTo>
                  <a:pt x="64" y="192"/>
                </a:lnTo>
                <a:lnTo>
                  <a:pt x="62" y="208"/>
                </a:lnTo>
                <a:lnTo>
                  <a:pt x="50" y="214"/>
                </a:lnTo>
                <a:lnTo>
                  <a:pt x="48" y="232"/>
                </a:lnTo>
                <a:lnTo>
                  <a:pt x="38" y="240"/>
                </a:lnTo>
                <a:lnTo>
                  <a:pt x="22" y="216"/>
                </a:lnTo>
                <a:lnTo>
                  <a:pt x="8" y="198"/>
                </a:lnTo>
                <a:lnTo>
                  <a:pt x="0" y="174"/>
                </a:lnTo>
                <a:lnTo>
                  <a:pt x="2" y="15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61" name="Freeform 6"/>
          <p:cNvSpPr>
            <a:spLocks/>
          </p:cNvSpPr>
          <p:nvPr/>
        </p:nvSpPr>
        <p:spPr bwMode="auto">
          <a:xfrm>
            <a:off x="5883275" y="4767263"/>
            <a:ext cx="476250" cy="436562"/>
          </a:xfrm>
          <a:custGeom>
            <a:avLst/>
            <a:gdLst>
              <a:gd name="T0" fmla="*/ 2147483647 w 368"/>
              <a:gd name="T1" fmla="*/ 2147483647 h 338"/>
              <a:gd name="T2" fmla="*/ 2147483647 w 368"/>
              <a:gd name="T3" fmla="*/ 2147483647 h 338"/>
              <a:gd name="T4" fmla="*/ 2147483647 w 368"/>
              <a:gd name="T5" fmla="*/ 2147483647 h 338"/>
              <a:gd name="T6" fmla="*/ 2147483647 w 368"/>
              <a:gd name="T7" fmla="*/ 2147483647 h 338"/>
              <a:gd name="T8" fmla="*/ 2147483647 w 368"/>
              <a:gd name="T9" fmla="*/ 2147483647 h 338"/>
              <a:gd name="T10" fmla="*/ 2147483647 w 368"/>
              <a:gd name="T11" fmla="*/ 2147483647 h 338"/>
              <a:gd name="T12" fmla="*/ 2147483647 w 368"/>
              <a:gd name="T13" fmla="*/ 2147483647 h 338"/>
              <a:gd name="T14" fmla="*/ 2147483647 w 368"/>
              <a:gd name="T15" fmla="*/ 2147483647 h 338"/>
              <a:gd name="T16" fmla="*/ 2147483647 w 368"/>
              <a:gd name="T17" fmla="*/ 2147483647 h 338"/>
              <a:gd name="T18" fmla="*/ 2147483647 w 368"/>
              <a:gd name="T19" fmla="*/ 2147483647 h 338"/>
              <a:gd name="T20" fmla="*/ 2147483647 w 368"/>
              <a:gd name="T21" fmla="*/ 2147483647 h 338"/>
              <a:gd name="T22" fmla="*/ 2147483647 w 368"/>
              <a:gd name="T23" fmla="*/ 2147483647 h 338"/>
              <a:gd name="T24" fmla="*/ 2147483647 w 368"/>
              <a:gd name="T25" fmla="*/ 2147483647 h 338"/>
              <a:gd name="T26" fmla="*/ 2147483647 w 368"/>
              <a:gd name="T27" fmla="*/ 2147483647 h 338"/>
              <a:gd name="T28" fmla="*/ 2147483647 w 368"/>
              <a:gd name="T29" fmla="*/ 2147483647 h 338"/>
              <a:gd name="T30" fmla="*/ 2147483647 w 368"/>
              <a:gd name="T31" fmla="*/ 2147483647 h 338"/>
              <a:gd name="T32" fmla="*/ 2147483647 w 368"/>
              <a:gd name="T33" fmla="*/ 2147483647 h 338"/>
              <a:gd name="T34" fmla="*/ 2147483647 w 368"/>
              <a:gd name="T35" fmla="*/ 2147483647 h 338"/>
              <a:gd name="T36" fmla="*/ 2147483647 w 368"/>
              <a:gd name="T37" fmla="*/ 2147483647 h 338"/>
              <a:gd name="T38" fmla="*/ 2147483647 w 368"/>
              <a:gd name="T39" fmla="*/ 2147483647 h 338"/>
              <a:gd name="T40" fmla="*/ 2147483647 w 368"/>
              <a:gd name="T41" fmla="*/ 2147483647 h 338"/>
              <a:gd name="T42" fmla="*/ 2147483647 w 368"/>
              <a:gd name="T43" fmla="*/ 2147483647 h 338"/>
              <a:gd name="T44" fmla="*/ 2147483647 w 368"/>
              <a:gd name="T45" fmla="*/ 2147483647 h 338"/>
              <a:gd name="T46" fmla="*/ 2147483647 w 368"/>
              <a:gd name="T47" fmla="*/ 2147483647 h 338"/>
              <a:gd name="T48" fmla="*/ 2147483647 w 368"/>
              <a:gd name="T49" fmla="*/ 2147483647 h 338"/>
              <a:gd name="T50" fmla="*/ 2147483647 w 368"/>
              <a:gd name="T51" fmla="*/ 2147483647 h 338"/>
              <a:gd name="T52" fmla="*/ 2147483647 w 368"/>
              <a:gd name="T53" fmla="*/ 2147483647 h 338"/>
              <a:gd name="T54" fmla="*/ 2147483647 w 368"/>
              <a:gd name="T55" fmla="*/ 2147483647 h 338"/>
              <a:gd name="T56" fmla="*/ 2147483647 w 368"/>
              <a:gd name="T57" fmla="*/ 2147483647 h 338"/>
              <a:gd name="T58" fmla="*/ 2147483647 w 368"/>
              <a:gd name="T59" fmla="*/ 2147483647 h 338"/>
              <a:gd name="T60" fmla="*/ 2147483647 w 368"/>
              <a:gd name="T61" fmla="*/ 2147483647 h 338"/>
              <a:gd name="T62" fmla="*/ 2147483647 w 368"/>
              <a:gd name="T63" fmla="*/ 2147483647 h 338"/>
              <a:gd name="T64" fmla="*/ 2147483647 w 368"/>
              <a:gd name="T65" fmla="*/ 2147483647 h 338"/>
              <a:gd name="T66" fmla="*/ 2147483647 w 368"/>
              <a:gd name="T67" fmla="*/ 2147483647 h 338"/>
              <a:gd name="T68" fmla="*/ 2147483647 w 368"/>
              <a:gd name="T69" fmla="*/ 2147483647 h 338"/>
              <a:gd name="T70" fmla="*/ 2147483647 w 368"/>
              <a:gd name="T71" fmla="*/ 2147483647 h 338"/>
              <a:gd name="T72" fmla="*/ 2147483647 w 368"/>
              <a:gd name="T73" fmla="*/ 2147483647 h 338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0" t="0" r="r" b="b"/>
            <a:pathLst>
              <a:path w="368" h="338">
                <a:moveTo>
                  <a:pt x="306" y="20"/>
                </a:moveTo>
                <a:lnTo>
                  <a:pt x="334" y="24"/>
                </a:lnTo>
                <a:lnTo>
                  <a:pt x="330" y="44"/>
                </a:lnTo>
                <a:lnTo>
                  <a:pt x="318" y="66"/>
                </a:lnTo>
                <a:lnTo>
                  <a:pt x="314" y="74"/>
                </a:lnTo>
                <a:lnTo>
                  <a:pt x="322" y="104"/>
                </a:lnTo>
                <a:lnTo>
                  <a:pt x="338" y="108"/>
                </a:lnTo>
                <a:lnTo>
                  <a:pt x="352" y="120"/>
                </a:lnTo>
                <a:lnTo>
                  <a:pt x="366" y="132"/>
                </a:lnTo>
                <a:lnTo>
                  <a:pt x="362" y="142"/>
                </a:lnTo>
                <a:lnTo>
                  <a:pt x="338" y="142"/>
                </a:lnTo>
                <a:lnTo>
                  <a:pt x="348" y="156"/>
                </a:lnTo>
                <a:lnTo>
                  <a:pt x="358" y="168"/>
                </a:lnTo>
                <a:lnTo>
                  <a:pt x="368" y="180"/>
                </a:lnTo>
                <a:lnTo>
                  <a:pt x="362" y="192"/>
                </a:lnTo>
                <a:lnTo>
                  <a:pt x="350" y="188"/>
                </a:lnTo>
                <a:lnTo>
                  <a:pt x="340" y="196"/>
                </a:lnTo>
                <a:lnTo>
                  <a:pt x="324" y="198"/>
                </a:lnTo>
                <a:lnTo>
                  <a:pt x="314" y="208"/>
                </a:lnTo>
                <a:lnTo>
                  <a:pt x="324" y="220"/>
                </a:lnTo>
                <a:lnTo>
                  <a:pt x="326" y="234"/>
                </a:lnTo>
                <a:lnTo>
                  <a:pt x="318" y="226"/>
                </a:lnTo>
                <a:lnTo>
                  <a:pt x="306" y="230"/>
                </a:lnTo>
                <a:lnTo>
                  <a:pt x="298" y="240"/>
                </a:lnTo>
                <a:lnTo>
                  <a:pt x="294" y="254"/>
                </a:lnTo>
                <a:lnTo>
                  <a:pt x="294" y="272"/>
                </a:lnTo>
                <a:lnTo>
                  <a:pt x="282" y="274"/>
                </a:lnTo>
                <a:lnTo>
                  <a:pt x="278" y="290"/>
                </a:lnTo>
                <a:lnTo>
                  <a:pt x="280" y="294"/>
                </a:lnTo>
                <a:lnTo>
                  <a:pt x="284" y="300"/>
                </a:lnTo>
                <a:lnTo>
                  <a:pt x="294" y="318"/>
                </a:lnTo>
                <a:lnTo>
                  <a:pt x="288" y="338"/>
                </a:lnTo>
                <a:lnTo>
                  <a:pt x="274" y="334"/>
                </a:lnTo>
                <a:lnTo>
                  <a:pt x="256" y="332"/>
                </a:lnTo>
                <a:lnTo>
                  <a:pt x="250" y="324"/>
                </a:lnTo>
                <a:lnTo>
                  <a:pt x="242" y="318"/>
                </a:lnTo>
                <a:lnTo>
                  <a:pt x="224" y="310"/>
                </a:lnTo>
                <a:lnTo>
                  <a:pt x="208" y="294"/>
                </a:lnTo>
                <a:lnTo>
                  <a:pt x="202" y="288"/>
                </a:lnTo>
                <a:lnTo>
                  <a:pt x="192" y="280"/>
                </a:lnTo>
                <a:lnTo>
                  <a:pt x="182" y="270"/>
                </a:lnTo>
                <a:lnTo>
                  <a:pt x="172" y="260"/>
                </a:lnTo>
                <a:lnTo>
                  <a:pt x="168" y="256"/>
                </a:lnTo>
                <a:lnTo>
                  <a:pt x="160" y="240"/>
                </a:lnTo>
                <a:lnTo>
                  <a:pt x="154" y="228"/>
                </a:lnTo>
                <a:lnTo>
                  <a:pt x="132" y="204"/>
                </a:lnTo>
                <a:lnTo>
                  <a:pt x="126" y="198"/>
                </a:lnTo>
                <a:lnTo>
                  <a:pt x="110" y="186"/>
                </a:lnTo>
                <a:lnTo>
                  <a:pt x="92" y="172"/>
                </a:lnTo>
                <a:lnTo>
                  <a:pt x="76" y="158"/>
                </a:lnTo>
                <a:lnTo>
                  <a:pt x="62" y="144"/>
                </a:lnTo>
                <a:lnTo>
                  <a:pt x="46" y="118"/>
                </a:lnTo>
                <a:lnTo>
                  <a:pt x="32" y="92"/>
                </a:lnTo>
                <a:lnTo>
                  <a:pt x="14" y="82"/>
                </a:lnTo>
                <a:lnTo>
                  <a:pt x="0" y="72"/>
                </a:lnTo>
                <a:lnTo>
                  <a:pt x="2" y="54"/>
                </a:lnTo>
                <a:lnTo>
                  <a:pt x="2" y="32"/>
                </a:lnTo>
                <a:lnTo>
                  <a:pt x="2" y="16"/>
                </a:lnTo>
                <a:lnTo>
                  <a:pt x="22" y="16"/>
                </a:lnTo>
                <a:lnTo>
                  <a:pt x="50" y="38"/>
                </a:lnTo>
                <a:lnTo>
                  <a:pt x="64" y="14"/>
                </a:lnTo>
                <a:lnTo>
                  <a:pt x="88" y="20"/>
                </a:lnTo>
                <a:lnTo>
                  <a:pt x="98" y="0"/>
                </a:lnTo>
                <a:lnTo>
                  <a:pt x="118" y="12"/>
                </a:lnTo>
                <a:lnTo>
                  <a:pt x="138" y="8"/>
                </a:lnTo>
                <a:lnTo>
                  <a:pt x="160" y="12"/>
                </a:lnTo>
                <a:lnTo>
                  <a:pt x="184" y="16"/>
                </a:lnTo>
                <a:lnTo>
                  <a:pt x="200" y="6"/>
                </a:lnTo>
                <a:lnTo>
                  <a:pt x="214" y="12"/>
                </a:lnTo>
                <a:lnTo>
                  <a:pt x="228" y="6"/>
                </a:lnTo>
                <a:lnTo>
                  <a:pt x="264" y="6"/>
                </a:lnTo>
                <a:lnTo>
                  <a:pt x="282" y="26"/>
                </a:lnTo>
                <a:lnTo>
                  <a:pt x="288" y="36"/>
                </a:lnTo>
                <a:lnTo>
                  <a:pt x="298" y="26"/>
                </a:lnTo>
                <a:lnTo>
                  <a:pt x="306" y="2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62" name="Freeform 7"/>
          <p:cNvSpPr>
            <a:spLocks/>
          </p:cNvSpPr>
          <p:nvPr/>
        </p:nvSpPr>
        <p:spPr bwMode="auto">
          <a:xfrm>
            <a:off x="6223000" y="4575175"/>
            <a:ext cx="569913" cy="727075"/>
          </a:xfrm>
          <a:custGeom>
            <a:avLst/>
            <a:gdLst>
              <a:gd name="T0" fmla="*/ 2147483647 w 440"/>
              <a:gd name="T1" fmla="*/ 2147483647 h 562"/>
              <a:gd name="T2" fmla="*/ 2147483647 w 440"/>
              <a:gd name="T3" fmla="*/ 2147483647 h 562"/>
              <a:gd name="T4" fmla="*/ 2147483647 w 440"/>
              <a:gd name="T5" fmla="*/ 2147483647 h 562"/>
              <a:gd name="T6" fmla="*/ 2147483647 w 440"/>
              <a:gd name="T7" fmla="*/ 2147483647 h 562"/>
              <a:gd name="T8" fmla="*/ 2147483647 w 440"/>
              <a:gd name="T9" fmla="*/ 2147483647 h 562"/>
              <a:gd name="T10" fmla="*/ 2147483647 w 440"/>
              <a:gd name="T11" fmla="*/ 2147483647 h 562"/>
              <a:gd name="T12" fmla="*/ 2147483647 w 440"/>
              <a:gd name="T13" fmla="*/ 2147483647 h 562"/>
              <a:gd name="T14" fmla="*/ 2147483647 w 440"/>
              <a:gd name="T15" fmla="*/ 2147483647 h 562"/>
              <a:gd name="T16" fmla="*/ 2147483647 w 440"/>
              <a:gd name="T17" fmla="*/ 2147483647 h 562"/>
              <a:gd name="T18" fmla="*/ 2147483647 w 440"/>
              <a:gd name="T19" fmla="*/ 2147483647 h 562"/>
              <a:gd name="T20" fmla="*/ 2147483647 w 440"/>
              <a:gd name="T21" fmla="*/ 2147483647 h 562"/>
              <a:gd name="T22" fmla="*/ 2147483647 w 440"/>
              <a:gd name="T23" fmla="*/ 2147483647 h 562"/>
              <a:gd name="T24" fmla="*/ 2147483647 w 440"/>
              <a:gd name="T25" fmla="*/ 2147483647 h 562"/>
              <a:gd name="T26" fmla="*/ 2147483647 w 440"/>
              <a:gd name="T27" fmla="*/ 2147483647 h 562"/>
              <a:gd name="T28" fmla="*/ 2147483647 w 440"/>
              <a:gd name="T29" fmla="*/ 2147483647 h 562"/>
              <a:gd name="T30" fmla="*/ 2147483647 w 440"/>
              <a:gd name="T31" fmla="*/ 2147483647 h 562"/>
              <a:gd name="T32" fmla="*/ 2147483647 w 440"/>
              <a:gd name="T33" fmla="*/ 2147483647 h 562"/>
              <a:gd name="T34" fmla="*/ 2147483647 w 440"/>
              <a:gd name="T35" fmla="*/ 2147483647 h 562"/>
              <a:gd name="T36" fmla="*/ 2147483647 w 440"/>
              <a:gd name="T37" fmla="*/ 2147483647 h 562"/>
              <a:gd name="T38" fmla="*/ 2147483647 w 440"/>
              <a:gd name="T39" fmla="*/ 2147483647 h 562"/>
              <a:gd name="T40" fmla="*/ 2147483647 w 440"/>
              <a:gd name="T41" fmla="*/ 2147483647 h 562"/>
              <a:gd name="T42" fmla="*/ 2147483647 w 440"/>
              <a:gd name="T43" fmla="*/ 2147483647 h 562"/>
              <a:gd name="T44" fmla="*/ 2147483647 w 440"/>
              <a:gd name="T45" fmla="*/ 2147483647 h 562"/>
              <a:gd name="T46" fmla="*/ 2147483647 w 440"/>
              <a:gd name="T47" fmla="*/ 2147483647 h 562"/>
              <a:gd name="T48" fmla="*/ 2147483647 w 440"/>
              <a:gd name="T49" fmla="*/ 2147483647 h 562"/>
              <a:gd name="T50" fmla="*/ 2147483647 w 440"/>
              <a:gd name="T51" fmla="*/ 2147483647 h 562"/>
              <a:gd name="T52" fmla="*/ 2147483647 w 440"/>
              <a:gd name="T53" fmla="*/ 2147483647 h 562"/>
              <a:gd name="T54" fmla="*/ 2147483647 w 440"/>
              <a:gd name="T55" fmla="*/ 2147483647 h 562"/>
              <a:gd name="T56" fmla="*/ 2147483647 w 440"/>
              <a:gd name="T57" fmla="*/ 2147483647 h 562"/>
              <a:gd name="T58" fmla="*/ 2147483647 w 440"/>
              <a:gd name="T59" fmla="*/ 2147483647 h 562"/>
              <a:gd name="T60" fmla="*/ 2147483647 w 440"/>
              <a:gd name="T61" fmla="*/ 2147483647 h 562"/>
              <a:gd name="T62" fmla="*/ 2147483647 w 440"/>
              <a:gd name="T63" fmla="*/ 2147483647 h 562"/>
              <a:gd name="T64" fmla="*/ 2147483647 w 440"/>
              <a:gd name="T65" fmla="*/ 2147483647 h 562"/>
              <a:gd name="T66" fmla="*/ 2147483647 w 440"/>
              <a:gd name="T67" fmla="*/ 2147483647 h 562"/>
              <a:gd name="T68" fmla="*/ 2147483647 w 440"/>
              <a:gd name="T69" fmla="*/ 2147483647 h 562"/>
              <a:gd name="T70" fmla="*/ 2147483647 w 440"/>
              <a:gd name="T71" fmla="*/ 2147483647 h 562"/>
              <a:gd name="T72" fmla="*/ 2147483647 w 440"/>
              <a:gd name="T73" fmla="*/ 2147483647 h 562"/>
              <a:gd name="T74" fmla="*/ 2147483647 w 440"/>
              <a:gd name="T75" fmla="*/ 2147483647 h 562"/>
              <a:gd name="T76" fmla="*/ 2147483647 w 440"/>
              <a:gd name="T77" fmla="*/ 2147483647 h 562"/>
              <a:gd name="T78" fmla="*/ 2147483647 w 440"/>
              <a:gd name="T79" fmla="*/ 2147483647 h 562"/>
              <a:gd name="T80" fmla="*/ 2147483647 w 440"/>
              <a:gd name="T81" fmla="*/ 2147483647 h 562"/>
              <a:gd name="T82" fmla="*/ 2147483647 w 440"/>
              <a:gd name="T83" fmla="*/ 2147483647 h 562"/>
              <a:gd name="T84" fmla="*/ 2147483647 w 440"/>
              <a:gd name="T85" fmla="*/ 2147483647 h 562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440" h="562">
                <a:moveTo>
                  <a:pt x="0" y="42"/>
                </a:moveTo>
                <a:lnTo>
                  <a:pt x="16" y="40"/>
                </a:lnTo>
                <a:lnTo>
                  <a:pt x="28" y="30"/>
                </a:lnTo>
                <a:lnTo>
                  <a:pt x="46" y="30"/>
                </a:lnTo>
                <a:lnTo>
                  <a:pt x="68" y="2"/>
                </a:lnTo>
                <a:lnTo>
                  <a:pt x="88" y="2"/>
                </a:lnTo>
                <a:lnTo>
                  <a:pt x="128" y="0"/>
                </a:lnTo>
                <a:lnTo>
                  <a:pt x="142" y="14"/>
                </a:lnTo>
                <a:lnTo>
                  <a:pt x="158" y="26"/>
                </a:lnTo>
                <a:lnTo>
                  <a:pt x="172" y="42"/>
                </a:lnTo>
                <a:lnTo>
                  <a:pt x="184" y="46"/>
                </a:lnTo>
                <a:lnTo>
                  <a:pt x="186" y="66"/>
                </a:lnTo>
                <a:lnTo>
                  <a:pt x="194" y="80"/>
                </a:lnTo>
                <a:lnTo>
                  <a:pt x="210" y="94"/>
                </a:lnTo>
                <a:lnTo>
                  <a:pt x="228" y="94"/>
                </a:lnTo>
                <a:lnTo>
                  <a:pt x="236" y="102"/>
                </a:lnTo>
                <a:lnTo>
                  <a:pt x="250" y="100"/>
                </a:lnTo>
                <a:lnTo>
                  <a:pt x="260" y="112"/>
                </a:lnTo>
                <a:lnTo>
                  <a:pt x="258" y="124"/>
                </a:lnTo>
                <a:lnTo>
                  <a:pt x="256" y="130"/>
                </a:lnTo>
                <a:lnTo>
                  <a:pt x="268" y="138"/>
                </a:lnTo>
                <a:lnTo>
                  <a:pt x="262" y="146"/>
                </a:lnTo>
                <a:lnTo>
                  <a:pt x="248" y="156"/>
                </a:lnTo>
                <a:lnTo>
                  <a:pt x="260" y="160"/>
                </a:lnTo>
                <a:lnTo>
                  <a:pt x="276" y="158"/>
                </a:lnTo>
                <a:lnTo>
                  <a:pt x="284" y="166"/>
                </a:lnTo>
                <a:lnTo>
                  <a:pt x="316" y="168"/>
                </a:lnTo>
                <a:lnTo>
                  <a:pt x="326" y="184"/>
                </a:lnTo>
                <a:lnTo>
                  <a:pt x="336" y="182"/>
                </a:lnTo>
                <a:lnTo>
                  <a:pt x="338" y="170"/>
                </a:lnTo>
                <a:lnTo>
                  <a:pt x="346" y="156"/>
                </a:lnTo>
                <a:lnTo>
                  <a:pt x="356" y="152"/>
                </a:lnTo>
                <a:lnTo>
                  <a:pt x="368" y="156"/>
                </a:lnTo>
                <a:lnTo>
                  <a:pt x="390" y="164"/>
                </a:lnTo>
                <a:lnTo>
                  <a:pt x="386" y="172"/>
                </a:lnTo>
                <a:lnTo>
                  <a:pt x="370" y="172"/>
                </a:lnTo>
                <a:lnTo>
                  <a:pt x="362" y="184"/>
                </a:lnTo>
                <a:lnTo>
                  <a:pt x="370" y="198"/>
                </a:lnTo>
                <a:lnTo>
                  <a:pt x="388" y="204"/>
                </a:lnTo>
                <a:lnTo>
                  <a:pt x="386" y="214"/>
                </a:lnTo>
                <a:lnTo>
                  <a:pt x="382" y="230"/>
                </a:lnTo>
                <a:lnTo>
                  <a:pt x="370" y="242"/>
                </a:lnTo>
                <a:lnTo>
                  <a:pt x="370" y="270"/>
                </a:lnTo>
                <a:lnTo>
                  <a:pt x="382" y="288"/>
                </a:lnTo>
                <a:lnTo>
                  <a:pt x="390" y="302"/>
                </a:lnTo>
                <a:lnTo>
                  <a:pt x="408" y="316"/>
                </a:lnTo>
                <a:lnTo>
                  <a:pt x="428" y="328"/>
                </a:lnTo>
                <a:lnTo>
                  <a:pt x="440" y="338"/>
                </a:lnTo>
                <a:lnTo>
                  <a:pt x="434" y="356"/>
                </a:lnTo>
                <a:lnTo>
                  <a:pt x="422" y="366"/>
                </a:lnTo>
                <a:lnTo>
                  <a:pt x="420" y="380"/>
                </a:lnTo>
                <a:lnTo>
                  <a:pt x="408" y="384"/>
                </a:lnTo>
                <a:lnTo>
                  <a:pt x="398" y="396"/>
                </a:lnTo>
                <a:lnTo>
                  <a:pt x="404" y="428"/>
                </a:lnTo>
                <a:lnTo>
                  <a:pt x="412" y="434"/>
                </a:lnTo>
                <a:lnTo>
                  <a:pt x="408" y="452"/>
                </a:lnTo>
                <a:lnTo>
                  <a:pt x="400" y="462"/>
                </a:lnTo>
                <a:lnTo>
                  <a:pt x="392" y="456"/>
                </a:lnTo>
                <a:lnTo>
                  <a:pt x="378" y="464"/>
                </a:lnTo>
                <a:lnTo>
                  <a:pt x="358" y="466"/>
                </a:lnTo>
                <a:lnTo>
                  <a:pt x="340" y="480"/>
                </a:lnTo>
                <a:lnTo>
                  <a:pt x="314" y="486"/>
                </a:lnTo>
                <a:lnTo>
                  <a:pt x="306" y="490"/>
                </a:lnTo>
                <a:lnTo>
                  <a:pt x="304" y="506"/>
                </a:lnTo>
                <a:lnTo>
                  <a:pt x="286" y="494"/>
                </a:lnTo>
                <a:lnTo>
                  <a:pt x="272" y="504"/>
                </a:lnTo>
                <a:lnTo>
                  <a:pt x="254" y="518"/>
                </a:lnTo>
                <a:lnTo>
                  <a:pt x="256" y="540"/>
                </a:lnTo>
                <a:lnTo>
                  <a:pt x="240" y="544"/>
                </a:lnTo>
                <a:lnTo>
                  <a:pt x="238" y="526"/>
                </a:lnTo>
                <a:lnTo>
                  <a:pt x="228" y="504"/>
                </a:lnTo>
                <a:lnTo>
                  <a:pt x="224" y="496"/>
                </a:lnTo>
                <a:lnTo>
                  <a:pt x="204" y="488"/>
                </a:lnTo>
                <a:lnTo>
                  <a:pt x="194" y="484"/>
                </a:lnTo>
                <a:lnTo>
                  <a:pt x="190" y="470"/>
                </a:lnTo>
                <a:lnTo>
                  <a:pt x="176" y="464"/>
                </a:lnTo>
                <a:lnTo>
                  <a:pt x="154" y="480"/>
                </a:lnTo>
                <a:lnTo>
                  <a:pt x="146" y="470"/>
                </a:lnTo>
                <a:lnTo>
                  <a:pt x="150" y="460"/>
                </a:lnTo>
                <a:lnTo>
                  <a:pt x="138" y="460"/>
                </a:lnTo>
                <a:lnTo>
                  <a:pt x="114" y="510"/>
                </a:lnTo>
                <a:lnTo>
                  <a:pt x="108" y="520"/>
                </a:lnTo>
                <a:lnTo>
                  <a:pt x="118" y="530"/>
                </a:lnTo>
                <a:lnTo>
                  <a:pt x="116" y="562"/>
                </a:lnTo>
                <a:lnTo>
                  <a:pt x="100" y="554"/>
                </a:lnTo>
                <a:lnTo>
                  <a:pt x="100" y="544"/>
                </a:lnTo>
                <a:lnTo>
                  <a:pt x="72" y="514"/>
                </a:lnTo>
                <a:lnTo>
                  <a:pt x="58" y="514"/>
                </a:lnTo>
                <a:lnTo>
                  <a:pt x="46" y="506"/>
                </a:lnTo>
                <a:lnTo>
                  <a:pt x="48" y="494"/>
                </a:lnTo>
                <a:lnTo>
                  <a:pt x="32" y="498"/>
                </a:lnTo>
                <a:lnTo>
                  <a:pt x="22" y="492"/>
                </a:lnTo>
                <a:lnTo>
                  <a:pt x="26" y="486"/>
                </a:lnTo>
                <a:lnTo>
                  <a:pt x="30" y="474"/>
                </a:lnTo>
                <a:lnTo>
                  <a:pt x="32" y="466"/>
                </a:lnTo>
                <a:lnTo>
                  <a:pt x="22" y="448"/>
                </a:lnTo>
                <a:lnTo>
                  <a:pt x="16" y="438"/>
                </a:lnTo>
                <a:lnTo>
                  <a:pt x="20" y="422"/>
                </a:lnTo>
                <a:lnTo>
                  <a:pt x="32" y="420"/>
                </a:lnTo>
                <a:lnTo>
                  <a:pt x="32" y="402"/>
                </a:lnTo>
                <a:lnTo>
                  <a:pt x="36" y="388"/>
                </a:lnTo>
                <a:lnTo>
                  <a:pt x="44" y="378"/>
                </a:lnTo>
                <a:lnTo>
                  <a:pt x="56" y="374"/>
                </a:lnTo>
                <a:lnTo>
                  <a:pt x="64" y="382"/>
                </a:lnTo>
                <a:lnTo>
                  <a:pt x="62" y="368"/>
                </a:lnTo>
                <a:lnTo>
                  <a:pt x="52" y="356"/>
                </a:lnTo>
                <a:lnTo>
                  <a:pt x="62" y="346"/>
                </a:lnTo>
                <a:lnTo>
                  <a:pt x="78" y="344"/>
                </a:lnTo>
                <a:lnTo>
                  <a:pt x="88" y="336"/>
                </a:lnTo>
                <a:lnTo>
                  <a:pt x="100" y="340"/>
                </a:lnTo>
                <a:lnTo>
                  <a:pt x="106" y="326"/>
                </a:lnTo>
                <a:lnTo>
                  <a:pt x="86" y="304"/>
                </a:lnTo>
                <a:lnTo>
                  <a:pt x="76" y="290"/>
                </a:lnTo>
                <a:lnTo>
                  <a:pt x="100" y="290"/>
                </a:lnTo>
                <a:lnTo>
                  <a:pt x="104" y="280"/>
                </a:lnTo>
                <a:lnTo>
                  <a:pt x="90" y="268"/>
                </a:lnTo>
                <a:lnTo>
                  <a:pt x="82" y="262"/>
                </a:lnTo>
                <a:lnTo>
                  <a:pt x="76" y="256"/>
                </a:lnTo>
                <a:lnTo>
                  <a:pt x="60" y="252"/>
                </a:lnTo>
                <a:lnTo>
                  <a:pt x="54" y="232"/>
                </a:lnTo>
                <a:lnTo>
                  <a:pt x="52" y="222"/>
                </a:lnTo>
                <a:lnTo>
                  <a:pt x="56" y="214"/>
                </a:lnTo>
                <a:lnTo>
                  <a:pt x="68" y="192"/>
                </a:lnTo>
                <a:lnTo>
                  <a:pt x="72" y="172"/>
                </a:lnTo>
                <a:lnTo>
                  <a:pt x="44" y="168"/>
                </a:lnTo>
                <a:lnTo>
                  <a:pt x="44" y="146"/>
                </a:lnTo>
                <a:lnTo>
                  <a:pt x="60" y="136"/>
                </a:lnTo>
                <a:lnTo>
                  <a:pt x="28" y="120"/>
                </a:lnTo>
                <a:lnTo>
                  <a:pt x="18" y="84"/>
                </a:lnTo>
                <a:lnTo>
                  <a:pt x="0" y="4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63" name="Freeform 8"/>
          <p:cNvSpPr>
            <a:spLocks/>
          </p:cNvSpPr>
          <p:nvPr/>
        </p:nvSpPr>
        <p:spPr bwMode="auto">
          <a:xfrm>
            <a:off x="6523038" y="5165725"/>
            <a:ext cx="319087" cy="279400"/>
          </a:xfrm>
          <a:custGeom>
            <a:avLst/>
            <a:gdLst>
              <a:gd name="T0" fmla="*/ 2147483647 w 246"/>
              <a:gd name="T1" fmla="*/ 2147483647 h 216"/>
              <a:gd name="T2" fmla="*/ 2147483647 w 246"/>
              <a:gd name="T3" fmla="*/ 2147483647 h 216"/>
              <a:gd name="T4" fmla="*/ 2147483647 w 246"/>
              <a:gd name="T5" fmla="*/ 2147483647 h 216"/>
              <a:gd name="T6" fmla="*/ 2147483647 w 246"/>
              <a:gd name="T7" fmla="*/ 2147483647 h 216"/>
              <a:gd name="T8" fmla="*/ 2147483647 w 246"/>
              <a:gd name="T9" fmla="*/ 2147483647 h 216"/>
              <a:gd name="T10" fmla="*/ 2147483647 w 246"/>
              <a:gd name="T11" fmla="*/ 2147483647 h 216"/>
              <a:gd name="T12" fmla="*/ 2147483647 w 246"/>
              <a:gd name="T13" fmla="*/ 2147483647 h 216"/>
              <a:gd name="T14" fmla="*/ 2147483647 w 246"/>
              <a:gd name="T15" fmla="*/ 2147483647 h 216"/>
              <a:gd name="T16" fmla="*/ 2147483647 w 246"/>
              <a:gd name="T17" fmla="*/ 2147483647 h 216"/>
              <a:gd name="T18" fmla="*/ 2147483647 w 246"/>
              <a:gd name="T19" fmla="*/ 2147483647 h 216"/>
              <a:gd name="T20" fmla="*/ 2147483647 w 246"/>
              <a:gd name="T21" fmla="*/ 2147483647 h 216"/>
              <a:gd name="T22" fmla="*/ 2147483647 w 246"/>
              <a:gd name="T23" fmla="*/ 2147483647 h 216"/>
              <a:gd name="T24" fmla="*/ 2147483647 w 246"/>
              <a:gd name="T25" fmla="*/ 2147483647 h 216"/>
              <a:gd name="T26" fmla="*/ 2147483647 w 246"/>
              <a:gd name="T27" fmla="*/ 2147483647 h 216"/>
              <a:gd name="T28" fmla="*/ 2147483647 w 246"/>
              <a:gd name="T29" fmla="*/ 2147483647 h 216"/>
              <a:gd name="T30" fmla="*/ 2147483647 w 246"/>
              <a:gd name="T31" fmla="*/ 2147483647 h 216"/>
              <a:gd name="T32" fmla="*/ 2147483647 w 246"/>
              <a:gd name="T33" fmla="*/ 2147483647 h 216"/>
              <a:gd name="T34" fmla="*/ 2147483647 w 246"/>
              <a:gd name="T35" fmla="*/ 2147483647 h 216"/>
              <a:gd name="T36" fmla="*/ 2147483647 w 246"/>
              <a:gd name="T37" fmla="*/ 2147483647 h 216"/>
              <a:gd name="T38" fmla="*/ 2147483647 w 246"/>
              <a:gd name="T39" fmla="*/ 2147483647 h 216"/>
              <a:gd name="T40" fmla="*/ 2147483647 w 246"/>
              <a:gd name="T41" fmla="*/ 2147483647 h 216"/>
              <a:gd name="T42" fmla="*/ 2147483647 w 246"/>
              <a:gd name="T43" fmla="*/ 2147483647 h 216"/>
              <a:gd name="T44" fmla="*/ 2147483647 w 246"/>
              <a:gd name="T45" fmla="*/ 2147483647 h 216"/>
              <a:gd name="T46" fmla="*/ 2147483647 w 246"/>
              <a:gd name="T47" fmla="*/ 2147483647 h 216"/>
              <a:gd name="T48" fmla="*/ 2147483647 w 246"/>
              <a:gd name="T49" fmla="*/ 2147483647 h 216"/>
              <a:gd name="T50" fmla="*/ 2147483647 w 246"/>
              <a:gd name="T51" fmla="*/ 2147483647 h 216"/>
              <a:gd name="T52" fmla="*/ 0 w 246"/>
              <a:gd name="T53" fmla="*/ 2147483647 h 216"/>
              <a:gd name="T54" fmla="*/ 2147483647 w 246"/>
              <a:gd name="T55" fmla="*/ 2147483647 h 216"/>
              <a:gd name="T56" fmla="*/ 2147483647 w 246"/>
              <a:gd name="T57" fmla="*/ 2147483647 h 216"/>
              <a:gd name="T58" fmla="*/ 2147483647 w 246"/>
              <a:gd name="T59" fmla="*/ 2147483647 h 216"/>
              <a:gd name="T60" fmla="*/ 2147483647 w 246"/>
              <a:gd name="T61" fmla="*/ 2147483647 h 216"/>
              <a:gd name="T62" fmla="*/ 2147483647 w 246"/>
              <a:gd name="T63" fmla="*/ 2147483647 h 216"/>
              <a:gd name="T64" fmla="*/ 2147483647 w 246"/>
              <a:gd name="T65" fmla="*/ 2147483647 h 216"/>
              <a:gd name="T66" fmla="*/ 2147483647 w 246"/>
              <a:gd name="T67" fmla="*/ 2147483647 h 216"/>
              <a:gd name="T68" fmla="*/ 2147483647 w 246"/>
              <a:gd name="T69" fmla="*/ 2147483647 h 216"/>
              <a:gd name="T70" fmla="*/ 2147483647 w 246"/>
              <a:gd name="T71" fmla="*/ 2147483647 h 216"/>
              <a:gd name="T72" fmla="*/ 2147483647 w 246"/>
              <a:gd name="T73" fmla="*/ 2147483647 h 216"/>
              <a:gd name="T74" fmla="*/ 2147483647 w 246"/>
              <a:gd name="T75" fmla="*/ 2147483647 h 216"/>
              <a:gd name="T76" fmla="*/ 2147483647 w 246"/>
              <a:gd name="T77" fmla="*/ 2147483647 h 216"/>
              <a:gd name="T78" fmla="*/ 2147483647 w 246"/>
              <a:gd name="T79" fmla="*/ 0 h 216"/>
              <a:gd name="T80" fmla="*/ 2147483647 w 246"/>
              <a:gd name="T81" fmla="*/ 2147483647 h 21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0" t="0" r="r" b="b"/>
            <a:pathLst>
              <a:path w="246" h="216">
                <a:moveTo>
                  <a:pt x="168" y="6"/>
                </a:moveTo>
                <a:lnTo>
                  <a:pt x="186" y="24"/>
                </a:lnTo>
                <a:lnTo>
                  <a:pt x="208" y="30"/>
                </a:lnTo>
                <a:lnTo>
                  <a:pt x="218" y="36"/>
                </a:lnTo>
                <a:lnTo>
                  <a:pt x="236" y="54"/>
                </a:lnTo>
                <a:lnTo>
                  <a:pt x="244" y="74"/>
                </a:lnTo>
                <a:lnTo>
                  <a:pt x="242" y="94"/>
                </a:lnTo>
                <a:lnTo>
                  <a:pt x="246" y="120"/>
                </a:lnTo>
                <a:lnTo>
                  <a:pt x="230" y="122"/>
                </a:lnTo>
                <a:lnTo>
                  <a:pt x="230" y="144"/>
                </a:lnTo>
                <a:lnTo>
                  <a:pt x="208" y="154"/>
                </a:lnTo>
                <a:lnTo>
                  <a:pt x="188" y="154"/>
                </a:lnTo>
                <a:lnTo>
                  <a:pt x="172" y="160"/>
                </a:lnTo>
                <a:lnTo>
                  <a:pt x="160" y="160"/>
                </a:lnTo>
                <a:lnTo>
                  <a:pt x="138" y="190"/>
                </a:lnTo>
                <a:lnTo>
                  <a:pt x="126" y="204"/>
                </a:lnTo>
                <a:lnTo>
                  <a:pt x="108" y="200"/>
                </a:lnTo>
                <a:lnTo>
                  <a:pt x="94" y="208"/>
                </a:lnTo>
                <a:lnTo>
                  <a:pt x="66" y="216"/>
                </a:lnTo>
                <a:lnTo>
                  <a:pt x="64" y="206"/>
                </a:lnTo>
                <a:lnTo>
                  <a:pt x="54" y="206"/>
                </a:lnTo>
                <a:lnTo>
                  <a:pt x="50" y="212"/>
                </a:lnTo>
                <a:lnTo>
                  <a:pt x="38" y="210"/>
                </a:lnTo>
                <a:lnTo>
                  <a:pt x="34" y="196"/>
                </a:lnTo>
                <a:lnTo>
                  <a:pt x="12" y="170"/>
                </a:lnTo>
                <a:lnTo>
                  <a:pt x="14" y="152"/>
                </a:lnTo>
                <a:lnTo>
                  <a:pt x="0" y="132"/>
                </a:lnTo>
                <a:lnTo>
                  <a:pt x="8" y="128"/>
                </a:lnTo>
                <a:lnTo>
                  <a:pt x="8" y="118"/>
                </a:lnTo>
                <a:lnTo>
                  <a:pt x="8" y="88"/>
                </a:lnTo>
                <a:lnTo>
                  <a:pt x="24" y="84"/>
                </a:lnTo>
                <a:lnTo>
                  <a:pt x="22" y="62"/>
                </a:lnTo>
                <a:lnTo>
                  <a:pt x="54" y="40"/>
                </a:lnTo>
                <a:lnTo>
                  <a:pt x="72" y="50"/>
                </a:lnTo>
                <a:lnTo>
                  <a:pt x="74" y="34"/>
                </a:lnTo>
                <a:lnTo>
                  <a:pt x="84" y="30"/>
                </a:lnTo>
                <a:lnTo>
                  <a:pt x="108" y="24"/>
                </a:lnTo>
                <a:lnTo>
                  <a:pt x="126" y="10"/>
                </a:lnTo>
                <a:lnTo>
                  <a:pt x="146" y="8"/>
                </a:lnTo>
                <a:lnTo>
                  <a:pt x="160" y="0"/>
                </a:lnTo>
                <a:lnTo>
                  <a:pt x="168" y="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64" name="Freeform 9"/>
          <p:cNvSpPr>
            <a:spLocks/>
          </p:cNvSpPr>
          <p:nvPr/>
        </p:nvSpPr>
        <p:spPr bwMode="auto">
          <a:xfrm>
            <a:off x="6362700" y="5170488"/>
            <a:ext cx="261938" cy="487362"/>
          </a:xfrm>
          <a:custGeom>
            <a:avLst/>
            <a:gdLst>
              <a:gd name="T0" fmla="*/ 2147483647 w 202"/>
              <a:gd name="T1" fmla="*/ 2147483647 h 376"/>
              <a:gd name="T2" fmla="*/ 2147483647 w 202"/>
              <a:gd name="T3" fmla="*/ 2147483647 h 376"/>
              <a:gd name="T4" fmla="*/ 0 w 202"/>
              <a:gd name="T5" fmla="*/ 2147483647 h 376"/>
              <a:gd name="T6" fmla="*/ 2147483647 w 202"/>
              <a:gd name="T7" fmla="*/ 2147483647 h 376"/>
              <a:gd name="T8" fmla="*/ 2147483647 w 202"/>
              <a:gd name="T9" fmla="*/ 0 h 376"/>
              <a:gd name="T10" fmla="*/ 2147483647 w 202"/>
              <a:gd name="T11" fmla="*/ 0 h 376"/>
              <a:gd name="T12" fmla="*/ 2147483647 w 202"/>
              <a:gd name="T13" fmla="*/ 2147483647 h 376"/>
              <a:gd name="T14" fmla="*/ 2147483647 w 202"/>
              <a:gd name="T15" fmla="*/ 2147483647 h 376"/>
              <a:gd name="T16" fmla="*/ 2147483647 w 202"/>
              <a:gd name="T17" fmla="*/ 2147483647 h 376"/>
              <a:gd name="T18" fmla="*/ 2147483647 w 202"/>
              <a:gd name="T19" fmla="*/ 2147483647 h 376"/>
              <a:gd name="T20" fmla="*/ 2147483647 w 202"/>
              <a:gd name="T21" fmla="*/ 2147483647 h 376"/>
              <a:gd name="T22" fmla="*/ 2147483647 w 202"/>
              <a:gd name="T23" fmla="*/ 2147483647 h 376"/>
              <a:gd name="T24" fmla="*/ 2147483647 w 202"/>
              <a:gd name="T25" fmla="*/ 2147483647 h 376"/>
              <a:gd name="T26" fmla="*/ 2147483647 w 202"/>
              <a:gd name="T27" fmla="*/ 2147483647 h 376"/>
              <a:gd name="T28" fmla="*/ 2147483647 w 202"/>
              <a:gd name="T29" fmla="*/ 2147483647 h 376"/>
              <a:gd name="T30" fmla="*/ 2147483647 w 202"/>
              <a:gd name="T31" fmla="*/ 2147483647 h 376"/>
              <a:gd name="T32" fmla="*/ 2147483647 w 202"/>
              <a:gd name="T33" fmla="*/ 2147483647 h 376"/>
              <a:gd name="T34" fmla="*/ 2147483647 w 202"/>
              <a:gd name="T35" fmla="*/ 2147483647 h 376"/>
              <a:gd name="T36" fmla="*/ 2147483647 w 202"/>
              <a:gd name="T37" fmla="*/ 2147483647 h 376"/>
              <a:gd name="T38" fmla="*/ 2147483647 w 202"/>
              <a:gd name="T39" fmla="*/ 2147483647 h 376"/>
              <a:gd name="T40" fmla="*/ 2147483647 w 202"/>
              <a:gd name="T41" fmla="*/ 2147483647 h 376"/>
              <a:gd name="T42" fmla="*/ 2147483647 w 202"/>
              <a:gd name="T43" fmla="*/ 2147483647 h 376"/>
              <a:gd name="T44" fmla="*/ 2147483647 w 202"/>
              <a:gd name="T45" fmla="*/ 2147483647 h 376"/>
              <a:gd name="T46" fmla="*/ 2147483647 w 202"/>
              <a:gd name="T47" fmla="*/ 2147483647 h 376"/>
              <a:gd name="T48" fmla="*/ 2147483647 w 202"/>
              <a:gd name="T49" fmla="*/ 2147483647 h 376"/>
              <a:gd name="T50" fmla="*/ 2147483647 w 202"/>
              <a:gd name="T51" fmla="*/ 2147483647 h 376"/>
              <a:gd name="T52" fmla="*/ 2147483647 w 202"/>
              <a:gd name="T53" fmla="*/ 2147483647 h 376"/>
              <a:gd name="T54" fmla="*/ 2147483647 w 202"/>
              <a:gd name="T55" fmla="*/ 2147483647 h 376"/>
              <a:gd name="T56" fmla="*/ 2147483647 w 202"/>
              <a:gd name="T57" fmla="*/ 2147483647 h 376"/>
              <a:gd name="T58" fmla="*/ 2147483647 w 202"/>
              <a:gd name="T59" fmla="*/ 2147483647 h 376"/>
              <a:gd name="T60" fmla="*/ 2147483647 w 202"/>
              <a:gd name="T61" fmla="*/ 2147483647 h 376"/>
              <a:gd name="T62" fmla="*/ 2147483647 w 202"/>
              <a:gd name="T63" fmla="*/ 2147483647 h 376"/>
              <a:gd name="T64" fmla="*/ 2147483647 w 202"/>
              <a:gd name="T65" fmla="*/ 2147483647 h 376"/>
              <a:gd name="T66" fmla="*/ 2147483647 w 202"/>
              <a:gd name="T67" fmla="*/ 2147483647 h 376"/>
              <a:gd name="T68" fmla="*/ 2147483647 w 202"/>
              <a:gd name="T69" fmla="*/ 2147483647 h 376"/>
              <a:gd name="T70" fmla="*/ 2147483647 w 202"/>
              <a:gd name="T71" fmla="*/ 2147483647 h 376"/>
              <a:gd name="T72" fmla="*/ 2147483647 w 202"/>
              <a:gd name="T73" fmla="*/ 2147483647 h 376"/>
              <a:gd name="T74" fmla="*/ 2147483647 w 202"/>
              <a:gd name="T75" fmla="*/ 2147483647 h 376"/>
              <a:gd name="T76" fmla="*/ 2147483647 w 202"/>
              <a:gd name="T77" fmla="*/ 2147483647 h 376"/>
              <a:gd name="T78" fmla="*/ 2147483647 w 202"/>
              <a:gd name="T79" fmla="*/ 2147483647 h 376"/>
              <a:gd name="T80" fmla="*/ 2147483647 w 202"/>
              <a:gd name="T81" fmla="*/ 2147483647 h 376"/>
              <a:gd name="T82" fmla="*/ 2147483647 w 202"/>
              <a:gd name="T83" fmla="*/ 2147483647 h 376"/>
              <a:gd name="T84" fmla="*/ 2147483647 w 202"/>
              <a:gd name="T85" fmla="*/ 2147483647 h 376"/>
              <a:gd name="T86" fmla="*/ 2147483647 w 202"/>
              <a:gd name="T87" fmla="*/ 2147483647 h 376"/>
              <a:gd name="T88" fmla="*/ 2147483647 w 202"/>
              <a:gd name="T89" fmla="*/ 2147483647 h 376"/>
              <a:gd name="T90" fmla="*/ 2147483647 w 202"/>
              <a:gd name="T91" fmla="*/ 2147483647 h 376"/>
              <a:gd name="T92" fmla="*/ 2147483647 w 202"/>
              <a:gd name="T93" fmla="*/ 2147483647 h 376"/>
              <a:gd name="T94" fmla="*/ 2147483647 w 202"/>
              <a:gd name="T95" fmla="*/ 2147483647 h 376"/>
              <a:gd name="T96" fmla="*/ 2147483647 w 202"/>
              <a:gd name="T97" fmla="*/ 2147483647 h 376"/>
              <a:gd name="T98" fmla="*/ 2147483647 w 202"/>
              <a:gd name="T99" fmla="*/ 2147483647 h 376"/>
              <a:gd name="T100" fmla="*/ 2147483647 w 202"/>
              <a:gd name="T101" fmla="*/ 2147483647 h 376"/>
              <a:gd name="T102" fmla="*/ 2147483647 w 202"/>
              <a:gd name="T103" fmla="*/ 2147483647 h 376"/>
              <a:gd name="T104" fmla="*/ 2147483647 w 202"/>
              <a:gd name="T105" fmla="*/ 2147483647 h 376"/>
              <a:gd name="T106" fmla="*/ 2147483647 w 202"/>
              <a:gd name="T107" fmla="*/ 2147483647 h 376"/>
              <a:gd name="T108" fmla="*/ 2147483647 w 202"/>
              <a:gd name="T109" fmla="*/ 2147483647 h 376"/>
              <a:gd name="T110" fmla="*/ 2147483647 w 202"/>
              <a:gd name="T111" fmla="*/ 2147483647 h 376"/>
              <a:gd name="T112" fmla="*/ 2147483647 w 202"/>
              <a:gd name="T113" fmla="*/ 2147483647 h 376"/>
              <a:gd name="T114" fmla="*/ 2147483647 w 202"/>
              <a:gd name="T115" fmla="*/ 2147483647 h 376"/>
              <a:gd name="T116" fmla="*/ 2147483647 w 202"/>
              <a:gd name="T117" fmla="*/ 2147483647 h 376"/>
              <a:gd name="T118" fmla="*/ 2147483647 w 202"/>
              <a:gd name="T119" fmla="*/ 2147483647 h 376"/>
              <a:gd name="T120" fmla="*/ 2147483647 w 202"/>
              <a:gd name="T121" fmla="*/ 2147483647 h 37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202" h="376">
                <a:moveTo>
                  <a:pt x="8" y="102"/>
                </a:moveTo>
                <a:lnTo>
                  <a:pt x="10" y="70"/>
                </a:lnTo>
                <a:lnTo>
                  <a:pt x="0" y="60"/>
                </a:lnTo>
                <a:lnTo>
                  <a:pt x="6" y="50"/>
                </a:lnTo>
                <a:lnTo>
                  <a:pt x="30" y="0"/>
                </a:lnTo>
                <a:lnTo>
                  <a:pt x="42" y="0"/>
                </a:lnTo>
                <a:lnTo>
                  <a:pt x="38" y="10"/>
                </a:lnTo>
                <a:lnTo>
                  <a:pt x="46" y="20"/>
                </a:lnTo>
                <a:lnTo>
                  <a:pt x="68" y="4"/>
                </a:lnTo>
                <a:lnTo>
                  <a:pt x="82" y="10"/>
                </a:lnTo>
                <a:lnTo>
                  <a:pt x="86" y="24"/>
                </a:lnTo>
                <a:lnTo>
                  <a:pt x="116" y="36"/>
                </a:lnTo>
                <a:lnTo>
                  <a:pt x="130" y="66"/>
                </a:lnTo>
                <a:lnTo>
                  <a:pt x="132" y="84"/>
                </a:lnTo>
                <a:lnTo>
                  <a:pt x="132" y="106"/>
                </a:lnTo>
                <a:lnTo>
                  <a:pt x="132" y="124"/>
                </a:lnTo>
                <a:lnTo>
                  <a:pt x="124" y="128"/>
                </a:lnTo>
                <a:lnTo>
                  <a:pt x="138" y="148"/>
                </a:lnTo>
                <a:lnTo>
                  <a:pt x="136" y="166"/>
                </a:lnTo>
                <a:lnTo>
                  <a:pt x="158" y="192"/>
                </a:lnTo>
                <a:lnTo>
                  <a:pt x="162" y="206"/>
                </a:lnTo>
                <a:lnTo>
                  <a:pt x="174" y="208"/>
                </a:lnTo>
                <a:lnTo>
                  <a:pt x="178" y="202"/>
                </a:lnTo>
                <a:lnTo>
                  <a:pt x="188" y="202"/>
                </a:lnTo>
                <a:lnTo>
                  <a:pt x="190" y="212"/>
                </a:lnTo>
                <a:lnTo>
                  <a:pt x="192" y="226"/>
                </a:lnTo>
                <a:lnTo>
                  <a:pt x="202" y="234"/>
                </a:lnTo>
                <a:lnTo>
                  <a:pt x="194" y="260"/>
                </a:lnTo>
                <a:lnTo>
                  <a:pt x="182" y="262"/>
                </a:lnTo>
                <a:lnTo>
                  <a:pt x="174" y="288"/>
                </a:lnTo>
                <a:lnTo>
                  <a:pt x="174" y="308"/>
                </a:lnTo>
                <a:lnTo>
                  <a:pt x="168" y="316"/>
                </a:lnTo>
                <a:lnTo>
                  <a:pt x="154" y="316"/>
                </a:lnTo>
                <a:lnTo>
                  <a:pt x="142" y="334"/>
                </a:lnTo>
                <a:lnTo>
                  <a:pt x="152" y="348"/>
                </a:lnTo>
                <a:lnTo>
                  <a:pt x="152" y="358"/>
                </a:lnTo>
                <a:lnTo>
                  <a:pt x="144" y="358"/>
                </a:lnTo>
                <a:lnTo>
                  <a:pt x="144" y="368"/>
                </a:lnTo>
                <a:lnTo>
                  <a:pt x="130" y="376"/>
                </a:lnTo>
                <a:lnTo>
                  <a:pt x="114" y="374"/>
                </a:lnTo>
                <a:lnTo>
                  <a:pt x="114" y="356"/>
                </a:lnTo>
                <a:lnTo>
                  <a:pt x="90" y="330"/>
                </a:lnTo>
                <a:lnTo>
                  <a:pt x="54" y="318"/>
                </a:lnTo>
                <a:lnTo>
                  <a:pt x="32" y="292"/>
                </a:lnTo>
                <a:lnTo>
                  <a:pt x="48" y="294"/>
                </a:lnTo>
                <a:lnTo>
                  <a:pt x="48" y="282"/>
                </a:lnTo>
                <a:lnTo>
                  <a:pt x="44" y="272"/>
                </a:lnTo>
                <a:lnTo>
                  <a:pt x="28" y="262"/>
                </a:lnTo>
                <a:lnTo>
                  <a:pt x="34" y="230"/>
                </a:lnTo>
                <a:lnTo>
                  <a:pt x="42" y="226"/>
                </a:lnTo>
                <a:lnTo>
                  <a:pt x="44" y="220"/>
                </a:lnTo>
                <a:lnTo>
                  <a:pt x="34" y="204"/>
                </a:lnTo>
                <a:lnTo>
                  <a:pt x="38" y="186"/>
                </a:lnTo>
                <a:lnTo>
                  <a:pt x="24" y="160"/>
                </a:lnTo>
                <a:lnTo>
                  <a:pt x="34" y="150"/>
                </a:lnTo>
                <a:lnTo>
                  <a:pt x="32" y="140"/>
                </a:lnTo>
                <a:lnTo>
                  <a:pt x="40" y="136"/>
                </a:lnTo>
                <a:lnTo>
                  <a:pt x="36" y="126"/>
                </a:lnTo>
                <a:lnTo>
                  <a:pt x="34" y="106"/>
                </a:lnTo>
                <a:lnTo>
                  <a:pt x="24" y="102"/>
                </a:lnTo>
                <a:lnTo>
                  <a:pt x="8" y="10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65" name="Freeform 10"/>
          <p:cNvSpPr>
            <a:spLocks/>
          </p:cNvSpPr>
          <p:nvPr/>
        </p:nvSpPr>
        <p:spPr bwMode="auto">
          <a:xfrm>
            <a:off x="6700838" y="4751388"/>
            <a:ext cx="752475" cy="569912"/>
          </a:xfrm>
          <a:custGeom>
            <a:avLst/>
            <a:gdLst>
              <a:gd name="T0" fmla="*/ 2147483647 w 580"/>
              <a:gd name="T1" fmla="*/ 2147483647 h 440"/>
              <a:gd name="T2" fmla="*/ 2147483647 w 580"/>
              <a:gd name="T3" fmla="*/ 2147483647 h 440"/>
              <a:gd name="T4" fmla="*/ 2147483647 w 580"/>
              <a:gd name="T5" fmla="*/ 2147483647 h 440"/>
              <a:gd name="T6" fmla="*/ 2147483647 w 580"/>
              <a:gd name="T7" fmla="*/ 2147483647 h 440"/>
              <a:gd name="T8" fmla="*/ 2147483647 w 580"/>
              <a:gd name="T9" fmla="*/ 2147483647 h 440"/>
              <a:gd name="T10" fmla="*/ 2147483647 w 580"/>
              <a:gd name="T11" fmla="*/ 2147483647 h 440"/>
              <a:gd name="T12" fmla="*/ 2147483647 w 580"/>
              <a:gd name="T13" fmla="*/ 2147483647 h 440"/>
              <a:gd name="T14" fmla="*/ 2147483647 w 580"/>
              <a:gd name="T15" fmla="*/ 2147483647 h 440"/>
              <a:gd name="T16" fmla="*/ 2147483647 w 580"/>
              <a:gd name="T17" fmla="*/ 2147483647 h 440"/>
              <a:gd name="T18" fmla="*/ 2147483647 w 580"/>
              <a:gd name="T19" fmla="*/ 0 h 440"/>
              <a:gd name="T20" fmla="*/ 2147483647 w 580"/>
              <a:gd name="T21" fmla="*/ 0 h 440"/>
              <a:gd name="T22" fmla="*/ 2147483647 w 580"/>
              <a:gd name="T23" fmla="*/ 0 h 440"/>
              <a:gd name="T24" fmla="*/ 2147483647 w 580"/>
              <a:gd name="T25" fmla="*/ 2147483647 h 440"/>
              <a:gd name="T26" fmla="*/ 2147483647 w 580"/>
              <a:gd name="T27" fmla="*/ 2147483647 h 440"/>
              <a:gd name="T28" fmla="*/ 2147483647 w 580"/>
              <a:gd name="T29" fmla="*/ 2147483647 h 440"/>
              <a:gd name="T30" fmla="*/ 2147483647 w 580"/>
              <a:gd name="T31" fmla="*/ 2147483647 h 440"/>
              <a:gd name="T32" fmla="*/ 2147483647 w 580"/>
              <a:gd name="T33" fmla="*/ 2147483647 h 440"/>
              <a:gd name="T34" fmla="*/ 2147483647 w 580"/>
              <a:gd name="T35" fmla="*/ 2147483647 h 440"/>
              <a:gd name="T36" fmla="*/ 2147483647 w 580"/>
              <a:gd name="T37" fmla="*/ 2147483647 h 440"/>
              <a:gd name="T38" fmla="*/ 2147483647 w 580"/>
              <a:gd name="T39" fmla="*/ 2147483647 h 440"/>
              <a:gd name="T40" fmla="*/ 2147483647 w 580"/>
              <a:gd name="T41" fmla="*/ 2147483647 h 440"/>
              <a:gd name="T42" fmla="*/ 2147483647 w 580"/>
              <a:gd name="T43" fmla="*/ 2147483647 h 440"/>
              <a:gd name="T44" fmla="*/ 2147483647 w 580"/>
              <a:gd name="T45" fmla="*/ 2147483647 h 440"/>
              <a:gd name="T46" fmla="*/ 2147483647 w 580"/>
              <a:gd name="T47" fmla="*/ 2147483647 h 440"/>
              <a:gd name="T48" fmla="*/ 2147483647 w 580"/>
              <a:gd name="T49" fmla="*/ 2147483647 h 440"/>
              <a:gd name="T50" fmla="*/ 2147483647 w 580"/>
              <a:gd name="T51" fmla="*/ 2147483647 h 440"/>
              <a:gd name="T52" fmla="*/ 2147483647 w 580"/>
              <a:gd name="T53" fmla="*/ 2147483647 h 440"/>
              <a:gd name="T54" fmla="*/ 2147483647 w 580"/>
              <a:gd name="T55" fmla="*/ 2147483647 h 440"/>
              <a:gd name="T56" fmla="*/ 2147483647 w 580"/>
              <a:gd name="T57" fmla="*/ 2147483647 h 440"/>
              <a:gd name="T58" fmla="*/ 2147483647 w 580"/>
              <a:gd name="T59" fmla="*/ 2147483647 h 440"/>
              <a:gd name="T60" fmla="*/ 2147483647 w 580"/>
              <a:gd name="T61" fmla="*/ 2147483647 h 440"/>
              <a:gd name="T62" fmla="*/ 2147483647 w 580"/>
              <a:gd name="T63" fmla="*/ 2147483647 h 440"/>
              <a:gd name="T64" fmla="*/ 2147483647 w 580"/>
              <a:gd name="T65" fmla="*/ 2147483647 h 440"/>
              <a:gd name="T66" fmla="*/ 2147483647 w 580"/>
              <a:gd name="T67" fmla="*/ 2147483647 h 440"/>
              <a:gd name="T68" fmla="*/ 2147483647 w 580"/>
              <a:gd name="T69" fmla="*/ 2147483647 h 440"/>
              <a:gd name="T70" fmla="*/ 2147483647 w 580"/>
              <a:gd name="T71" fmla="*/ 2147483647 h 440"/>
              <a:gd name="T72" fmla="*/ 2147483647 w 580"/>
              <a:gd name="T73" fmla="*/ 2147483647 h 440"/>
              <a:gd name="T74" fmla="*/ 2147483647 w 580"/>
              <a:gd name="T75" fmla="*/ 2147483647 h 440"/>
              <a:gd name="T76" fmla="*/ 2147483647 w 580"/>
              <a:gd name="T77" fmla="*/ 2147483647 h 440"/>
              <a:gd name="T78" fmla="*/ 2147483647 w 580"/>
              <a:gd name="T79" fmla="*/ 2147483647 h 440"/>
              <a:gd name="T80" fmla="*/ 2147483647 w 580"/>
              <a:gd name="T81" fmla="*/ 2147483647 h 440"/>
              <a:gd name="T82" fmla="*/ 2147483647 w 580"/>
              <a:gd name="T83" fmla="*/ 2147483647 h 440"/>
              <a:gd name="T84" fmla="*/ 2147483647 w 580"/>
              <a:gd name="T85" fmla="*/ 2147483647 h 440"/>
              <a:gd name="T86" fmla="*/ 2147483647 w 580"/>
              <a:gd name="T87" fmla="*/ 2147483647 h 440"/>
              <a:gd name="T88" fmla="*/ 2147483647 w 580"/>
              <a:gd name="T89" fmla="*/ 2147483647 h 440"/>
              <a:gd name="T90" fmla="*/ 2147483647 w 580"/>
              <a:gd name="T91" fmla="*/ 2147483647 h 440"/>
              <a:gd name="T92" fmla="*/ 2147483647 w 580"/>
              <a:gd name="T93" fmla="*/ 2147483647 h 440"/>
              <a:gd name="T94" fmla="*/ 2147483647 w 580"/>
              <a:gd name="T95" fmla="*/ 2147483647 h 440"/>
              <a:gd name="T96" fmla="*/ 2147483647 w 580"/>
              <a:gd name="T97" fmla="*/ 2147483647 h 440"/>
              <a:gd name="T98" fmla="*/ 2147483647 w 580"/>
              <a:gd name="T99" fmla="*/ 2147483647 h 440"/>
              <a:gd name="T100" fmla="*/ 2147483647 w 580"/>
              <a:gd name="T101" fmla="*/ 2147483647 h 440"/>
              <a:gd name="T102" fmla="*/ 2147483647 w 580"/>
              <a:gd name="T103" fmla="*/ 2147483647 h 440"/>
              <a:gd name="T104" fmla="*/ 2147483647 w 580"/>
              <a:gd name="T105" fmla="*/ 2147483647 h 440"/>
              <a:gd name="T106" fmla="*/ 2147483647 w 580"/>
              <a:gd name="T107" fmla="*/ 2147483647 h 440"/>
              <a:gd name="T108" fmla="*/ 0 w 580"/>
              <a:gd name="T109" fmla="*/ 2147483647 h 440"/>
              <a:gd name="T110" fmla="*/ 2147483647 w 580"/>
              <a:gd name="T111" fmla="*/ 2147483647 h 440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580" h="440">
                <a:moveTo>
                  <a:pt x="18" y="68"/>
                </a:moveTo>
                <a:lnTo>
                  <a:pt x="36" y="84"/>
                </a:lnTo>
                <a:lnTo>
                  <a:pt x="50" y="84"/>
                </a:lnTo>
                <a:lnTo>
                  <a:pt x="54" y="94"/>
                </a:lnTo>
                <a:lnTo>
                  <a:pt x="38" y="108"/>
                </a:lnTo>
                <a:lnTo>
                  <a:pt x="42" y="118"/>
                </a:lnTo>
                <a:lnTo>
                  <a:pt x="58" y="122"/>
                </a:lnTo>
                <a:lnTo>
                  <a:pt x="86" y="110"/>
                </a:lnTo>
                <a:lnTo>
                  <a:pt x="140" y="110"/>
                </a:lnTo>
                <a:lnTo>
                  <a:pt x="168" y="120"/>
                </a:lnTo>
                <a:lnTo>
                  <a:pt x="200" y="100"/>
                </a:lnTo>
                <a:lnTo>
                  <a:pt x="234" y="102"/>
                </a:lnTo>
                <a:lnTo>
                  <a:pt x="266" y="96"/>
                </a:lnTo>
                <a:lnTo>
                  <a:pt x="280" y="102"/>
                </a:lnTo>
                <a:lnTo>
                  <a:pt x="310" y="88"/>
                </a:lnTo>
                <a:lnTo>
                  <a:pt x="334" y="54"/>
                </a:lnTo>
                <a:lnTo>
                  <a:pt x="352" y="32"/>
                </a:lnTo>
                <a:lnTo>
                  <a:pt x="382" y="24"/>
                </a:lnTo>
                <a:lnTo>
                  <a:pt x="414" y="2"/>
                </a:lnTo>
                <a:lnTo>
                  <a:pt x="444" y="0"/>
                </a:lnTo>
                <a:lnTo>
                  <a:pt x="458" y="8"/>
                </a:lnTo>
                <a:lnTo>
                  <a:pt x="478" y="0"/>
                </a:lnTo>
                <a:lnTo>
                  <a:pt x="488" y="8"/>
                </a:lnTo>
                <a:lnTo>
                  <a:pt x="506" y="0"/>
                </a:lnTo>
                <a:lnTo>
                  <a:pt x="522" y="20"/>
                </a:lnTo>
                <a:lnTo>
                  <a:pt x="570" y="20"/>
                </a:lnTo>
                <a:lnTo>
                  <a:pt x="574" y="30"/>
                </a:lnTo>
                <a:lnTo>
                  <a:pt x="580" y="38"/>
                </a:lnTo>
                <a:lnTo>
                  <a:pt x="580" y="50"/>
                </a:lnTo>
                <a:lnTo>
                  <a:pt x="576" y="60"/>
                </a:lnTo>
                <a:lnTo>
                  <a:pt x="564" y="66"/>
                </a:lnTo>
                <a:lnTo>
                  <a:pt x="554" y="68"/>
                </a:lnTo>
                <a:lnTo>
                  <a:pt x="546" y="70"/>
                </a:lnTo>
                <a:lnTo>
                  <a:pt x="538" y="80"/>
                </a:lnTo>
                <a:lnTo>
                  <a:pt x="534" y="90"/>
                </a:lnTo>
                <a:lnTo>
                  <a:pt x="530" y="108"/>
                </a:lnTo>
                <a:lnTo>
                  <a:pt x="534" y="120"/>
                </a:lnTo>
                <a:lnTo>
                  <a:pt x="534" y="136"/>
                </a:lnTo>
                <a:lnTo>
                  <a:pt x="538" y="154"/>
                </a:lnTo>
                <a:lnTo>
                  <a:pt x="540" y="160"/>
                </a:lnTo>
                <a:lnTo>
                  <a:pt x="540" y="164"/>
                </a:lnTo>
                <a:lnTo>
                  <a:pt x="528" y="170"/>
                </a:lnTo>
                <a:lnTo>
                  <a:pt x="520" y="180"/>
                </a:lnTo>
                <a:lnTo>
                  <a:pt x="522" y="188"/>
                </a:lnTo>
                <a:lnTo>
                  <a:pt x="510" y="194"/>
                </a:lnTo>
                <a:lnTo>
                  <a:pt x="510" y="200"/>
                </a:lnTo>
                <a:lnTo>
                  <a:pt x="514" y="206"/>
                </a:lnTo>
                <a:lnTo>
                  <a:pt x="524" y="206"/>
                </a:lnTo>
                <a:lnTo>
                  <a:pt x="540" y="216"/>
                </a:lnTo>
                <a:lnTo>
                  <a:pt x="548" y="230"/>
                </a:lnTo>
                <a:lnTo>
                  <a:pt x="564" y="238"/>
                </a:lnTo>
                <a:lnTo>
                  <a:pt x="574" y="250"/>
                </a:lnTo>
                <a:lnTo>
                  <a:pt x="560" y="254"/>
                </a:lnTo>
                <a:lnTo>
                  <a:pt x="560" y="262"/>
                </a:lnTo>
                <a:lnTo>
                  <a:pt x="540" y="264"/>
                </a:lnTo>
                <a:lnTo>
                  <a:pt x="538" y="268"/>
                </a:lnTo>
                <a:lnTo>
                  <a:pt x="524" y="268"/>
                </a:lnTo>
                <a:lnTo>
                  <a:pt x="504" y="254"/>
                </a:lnTo>
                <a:lnTo>
                  <a:pt x="500" y="262"/>
                </a:lnTo>
                <a:lnTo>
                  <a:pt x="482" y="262"/>
                </a:lnTo>
                <a:lnTo>
                  <a:pt x="476" y="274"/>
                </a:lnTo>
                <a:lnTo>
                  <a:pt x="456" y="284"/>
                </a:lnTo>
                <a:lnTo>
                  <a:pt x="448" y="286"/>
                </a:lnTo>
                <a:lnTo>
                  <a:pt x="442" y="292"/>
                </a:lnTo>
                <a:lnTo>
                  <a:pt x="442" y="302"/>
                </a:lnTo>
                <a:lnTo>
                  <a:pt x="438" y="306"/>
                </a:lnTo>
                <a:lnTo>
                  <a:pt x="430" y="310"/>
                </a:lnTo>
                <a:lnTo>
                  <a:pt x="422" y="316"/>
                </a:lnTo>
                <a:lnTo>
                  <a:pt x="424" y="328"/>
                </a:lnTo>
                <a:lnTo>
                  <a:pt x="408" y="324"/>
                </a:lnTo>
                <a:lnTo>
                  <a:pt x="398" y="334"/>
                </a:lnTo>
                <a:lnTo>
                  <a:pt x="416" y="350"/>
                </a:lnTo>
                <a:lnTo>
                  <a:pt x="420" y="370"/>
                </a:lnTo>
                <a:lnTo>
                  <a:pt x="398" y="384"/>
                </a:lnTo>
                <a:lnTo>
                  <a:pt x="368" y="390"/>
                </a:lnTo>
                <a:lnTo>
                  <a:pt x="336" y="410"/>
                </a:lnTo>
                <a:lnTo>
                  <a:pt x="316" y="396"/>
                </a:lnTo>
                <a:lnTo>
                  <a:pt x="290" y="396"/>
                </a:lnTo>
                <a:lnTo>
                  <a:pt x="288" y="406"/>
                </a:lnTo>
                <a:lnTo>
                  <a:pt x="252" y="382"/>
                </a:lnTo>
                <a:lnTo>
                  <a:pt x="244" y="390"/>
                </a:lnTo>
                <a:lnTo>
                  <a:pt x="224" y="388"/>
                </a:lnTo>
                <a:lnTo>
                  <a:pt x="210" y="404"/>
                </a:lnTo>
                <a:lnTo>
                  <a:pt x="174" y="424"/>
                </a:lnTo>
                <a:lnTo>
                  <a:pt x="142" y="428"/>
                </a:lnTo>
                <a:lnTo>
                  <a:pt x="132" y="438"/>
                </a:lnTo>
                <a:lnTo>
                  <a:pt x="108" y="440"/>
                </a:lnTo>
                <a:lnTo>
                  <a:pt x="104" y="414"/>
                </a:lnTo>
                <a:lnTo>
                  <a:pt x="104" y="400"/>
                </a:lnTo>
                <a:lnTo>
                  <a:pt x="106" y="394"/>
                </a:lnTo>
                <a:lnTo>
                  <a:pt x="98" y="374"/>
                </a:lnTo>
                <a:lnTo>
                  <a:pt x="80" y="356"/>
                </a:lnTo>
                <a:lnTo>
                  <a:pt x="70" y="350"/>
                </a:lnTo>
                <a:lnTo>
                  <a:pt x="48" y="344"/>
                </a:lnTo>
                <a:lnTo>
                  <a:pt x="30" y="326"/>
                </a:lnTo>
                <a:lnTo>
                  <a:pt x="38" y="316"/>
                </a:lnTo>
                <a:lnTo>
                  <a:pt x="42" y="298"/>
                </a:lnTo>
                <a:lnTo>
                  <a:pt x="34" y="292"/>
                </a:lnTo>
                <a:lnTo>
                  <a:pt x="28" y="260"/>
                </a:lnTo>
                <a:lnTo>
                  <a:pt x="38" y="248"/>
                </a:lnTo>
                <a:lnTo>
                  <a:pt x="50" y="244"/>
                </a:lnTo>
                <a:lnTo>
                  <a:pt x="52" y="230"/>
                </a:lnTo>
                <a:lnTo>
                  <a:pt x="64" y="220"/>
                </a:lnTo>
                <a:lnTo>
                  <a:pt x="70" y="202"/>
                </a:lnTo>
                <a:lnTo>
                  <a:pt x="56" y="192"/>
                </a:lnTo>
                <a:lnTo>
                  <a:pt x="38" y="180"/>
                </a:lnTo>
                <a:lnTo>
                  <a:pt x="20" y="166"/>
                </a:lnTo>
                <a:lnTo>
                  <a:pt x="10" y="150"/>
                </a:lnTo>
                <a:lnTo>
                  <a:pt x="0" y="134"/>
                </a:lnTo>
                <a:lnTo>
                  <a:pt x="0" y="106"/>
                </a:lnTo>
                <a:lnTo>
                  <a:pt x="12" y="94"/>
                </a:lnTo>
                <a:lnTo>
                  <a:pt x="18" y="6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66" name="Freeform 11"/>
          <p:cNvSpPr>
            <a:spLocks/>
          </p:cNvSpPr>
          <p:nvPr/>
        </p:nvSpPr>
        <p:spPr bwMode="auto">
          <a:xfrm>
            <a:off x="7038975" y="4033838"/>
            <a:ext cx="463550" cy="466725"/>
          </a:xfrm>
          <a:custGeom>
            <a:avLst/>
            <a:gdLst>
              <a:gd name="T0" fmla="*/ 2147483647 w 358"/>
              <a:gd name="T1" fmla="*/ 2147483647 h 360"/>
              <a:gd name="T2" fmla="*/ 2147483647 w 358"/>
              <a:gd name="T3" fmla="*/ 2147483647 h 360"/>
              <a:gd name="T4" fmla="*/ 2147483647 w 358"/>
              <a:gd name="T5" fmla="*/ 2147483647 h 360"/>
              <a:gd name="T6" fmla="*/ 2147483647 w 358"/>
              <a:gd name="T7" fmla="*/ 2147483647 h 360"/>
              <a:gd name="T8" fmla="*/ 2147483647 w 358"/>
              <a:gd name="T9" fmla="*/ 2147483647 h 360"/>
              <a:gd name="T10" fmla="*/ 2147483647 w 358"/>
              <a:gd name="T11" fmla="*/ 2147483647 h 360"/>
              <a:gd name="T12" fmla="*/ 2147483647 w 358"/>
              <a:gd name="T13" fmla="*/ 2147483647 h 360"/>
              <a:gd name="T14" fmla="*/ 2147483647 w 358"/>
              <a:gd name="T15" fmla="*/ 2147483647 h 360"/>
              <a:gd name="T16" fmla="*/ 2147483647 w 358"/>
              <a:gd name="T17" fmla="*/ 2147483647 h 360"/>
              <a:gd name="T18" fmla="*/ 2147483647 w 358"/>
              <a:gd name="T19" fmla="*/ 2147483647 h 360"/>
              <a:gd name="T20" fmla="*/ 2147483647 w 358"/>
              <a:gd name="T21" fmla="*/ 2147483647 h 360"/>
              <a:gd name="T22" fmla="*/ 2147483647 w 358"/>
              <a:gd name="T23" fmla="*/ 2147483647 h 360"/>
              <a:gd name="T24" fmla="*/ 2147483647 w 358"/>
              <a:gd name="T25" fmla="*/ 2147483647 h 360"/>
              <a:gd name="T26" fmla="*/ 2147483647 w 358"/>
              <a:gd name="T27" fmla="*/ 2147483647 h 360"/>
              <a:gd name="T28" fmla="*/ 2147483647 w 358"/>
              <a:gd name="T29" fmla="*/ 2147483647 h 360"/>
              <a:gd name="T30" fmla="*/ 0 w 358"/>
              <a:gd name="T31" fmla="*/ 2147483647 h 360"/>
              <a:gd name="T32" fmla="*/ 2147483647 w 358"/>
              <a:gd name="T33" fmla="*/ 2147483647 h 360"/>
              <a:gd name="T34" fmla="*/ 2147483647 w 358"/>
              <a:gd name="T35" fmla="*/ 2147483647 h 360"/>
              <a:gd name="T36" fmla="*/ 2147483647 w 358"/>
              <a:gd name="T37" fmla="*/ 2147483647 h 360"/>
              <a:gd name="T38" fmla="*/ 2147483647 w 358"/>
              <a:gd name="T39" fmla="*/ 2147483647 h 360"/>
              <a:gd name="T40" fmla="*/ 2147483647 w 358"/>
              <a:gd name="T41" fmla="*/ 0 h 360"/>
              <a:gd name="T42" fmla="*/ 2147483647 w 358"/>
              <a:gd name="T43" fmla="*/ 0 h 360"/>
              <a:gd name="T44" fmla="*/ 2147483647 w 358"/>
              <a:gd name="T45" fmla="*/ 2147483647 h 360"/>
              <a:gd name="T46" fmla="*/ 2147483647 w 358"/>
              <a:gd name="T47" fmla="*/ 2147483647 h 360"/>
              <a:gd name="T48" fmla="*/ 2147483647 w 358"/>
              <a:gd name="T49" fmla="*/ 2147483647 h 360"/>
              <a:gd name="T50" fmla="*/ 2147483647 w 358"/>
              <a:gd name="T51" fmla="*/ 2147483647 h 360"/>
              <a:gd name="T52" fmla="*/ 2147483647 w 358"/>
              <a:gd name="T53" fmla="*/ 2147483647 h 360"/>
              <a:gd name="T54" fmla="*/ 2147483647 w 358"/>
              <a:gd name="T55" fmla="*/ 2147483647 h 360"/>
              <a:gd name="T56" fmla="*/ 2147483647 w 358"/>
              <a:gd name="T57" fmla="*/ 2147483647 h 360"/>
              <a:gd name="T58" fmla="*/ 2147483647 w 358"/>
              <a:gd name="T59" fmla="*/ 2147483647 h 360"/>
              <a:gd name="T60" fmla="*/ 2147483647 w 358"/>
              <a:gd name="T61" fmla="*/ 2147483647 h 360"/>
              <a:gd name="T62" fmla="*/ 2147483647 w 358"/>
              <a:gd name="T63" fmla="*/ 2147483647 h 360"/>
              <a:gd name="T64" fmla="*/ 2147483647 w 358"/>
              <a:gd name="T65" fmla="*/ 2147483647 h 360"/>
              <a:gd name="T66" fmla="*/ 2147483647 w 358"/>
              <a:gd name="T67" fmla="*/ 2147483647 h 360"/>
              <a:gd name="T68" fmla="*/ 2147483647 w 358"/>
              <a:gd name="T69" fmla="*/ 2147483647 h 360"/>
              <a:gd name="T70" fmla="*/ 2147483647 w 358"/>
              <a:gd name="T71" fmla="*/ 2147483647 h 360"/>
              <a:gd name="T72" fmla="*/ 2147483647 w 358"/>
              <a:gd name="T73" fmla="*/ 2147483647 h 360"/>
              <a:gd name="T74" fmla="*/ 2147483647 w 358"/>
              <a:gd name="T75" fmla="*/ 2147483647 h 360"/>
              <a:gd name="T76" fmla="*/ 2147483647 w 358"/>
              <a:gd name="T77" fmla="*/ 2147483647 h 360"/>
              <a:gd name="T78" fmla="*/ 2147483647 w 358"/>
              <a:gd name="T79" fmla="*/ 2147483647 h 360"/>
              <a:gd name="T80" fmla="*/ 2147483647 w 358"/>
              <a:gd name="T81" fmla="*/ 2147483647 h 360"/>
              <a:gd name="T82" fmla="*/ 2147483647 w 358"/>
              <a:gd name="T83" fmla="*/ 2147483647 h 360"/>
              <a:gd name="T84" fmla="*/ 2147483647 w 358"/>
              <a:gd name="T85" fmla="*/ 2147483647 h 360"/>
              <a:gd name="T86" fmla="*/ 2147483647 w 358"/>
              <a:gd name="T87" fmla="*/ 2147483647 h 360"/>
              <a:gd name="T88" fmla="*/ 2147483647 w 358"/>
              <a:gd name="T89" fmla="*/ 2147483647 h 360"/>
              <a:gd name="T90" fmla="*/ 2147483647 w 358"/>
              <a:gd name="T91" fmla="*/ 2147483647 h 360"/>
              <a:gd name="T92" fmla="*/ 2147483647 w 358"/>
              <a:gd name="T93" fmla="*/ 2147483647 h 360"/>
              <a:gd name="T94" fmla="*/ 2147483647 w 358"/>
              <a:gd name="T95" fmla="*/ 2147483647 h 360"/>
              <a:gd name="T96" fmla="*/ 2147483647 w 358"/>
              <a:gd name="T97" fmla="*/ 2147483647 h 360"/>
              <a:gd name="T98" fmla="*/ 2147483647 w 358"/>
              <a:gd name="T99" fmla="*/ 2147483647 h 360"/>
              <a:gd name="T100" fmla="*/ 2147483647 w 358"/>
              <a:gd name="T101" fmla="*/ 2147483647 h 360"/>
              <a:gd name="T102" fmla="*/ 2147483647 w 358"/>
              <a:gd name="T103" fmla="*/ 2147483647 h 360"/>
              <a:gd name="T104" fmla="*/ 2147483647 w 358"/>
              <a:gd name="T105" fmla="*/ 2147483647 h 360"/>
              <a:gd name="T106" fmla="*/ 2147483647 w 358"/>
              <a:gd name="T107" fmla="*/ 2147483647 h 360"/>
              <a:gd name="T108" fmla="*/ 2147483647 w 358"/>
              <a:gd name="T109" fmla="*/ 2147483647 h 360"/>
              <a:gd name="T110" fmla="*/ 2147483647 w 358"/>
              <a:gd name="T111" fmla="*/ 2147483647 h 360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358" h="360">
                <a:moveTo>
                  <a:pt x="224" y="360"/>
                </a:moveTo>
                <a:lnTo>
                  <a:pt x="212" y="354"/>
                </a:lnTo>
                <a:lnTo>
                  <a:pt x="210" y="338"/>
                </a:lnTo>
                <a:lnTo>
                  <a:pt x="202" y="318"/>
                </a:lnTo>
                <a:lnTo>
                  <a:pt x="192" y="296"/>
                </a:lnTo>
                <a:lnTo>
                  <a:pt x="192" y="258"/>
                </a:lnTo>
                <a:lnTo>
                  <a:pt x="200" y="240"/>
                </a:lnTo>
                <a:lnTo>
                  <a:pt x="166" y="178"/>
                </a:lnTo>
                <a:lnTo>
                  <a:pt x="136" y="164"/>
                </a:lnTo>
                <a:lnTo>
                  <a:pt x="134" y="150"/>
                </a:lnTo>
                <a:lnTo>
                  <a:pt x="108" y="142"/>
                </a:lnTo>
                <a:lnTo>
                  <a:pt x="104" y="126"/>
                </a:lnTo>
                <a:lnTo>
                  <a:pt x="74" y="104"/>
                </a:lnTo>
                <a:lnTo>
                  <a:pt x="64" y="84"/>
                </a:lnTo>
                <a:lnTo>
                  <a:pt x="34" y="48"/>
                </a:lnTo>
                <a:lnTo>
                  <a:pt x="0" y="46"/>
                </a:lnTo>
                <a:lnTo>
                  <a:pt x="2" y="36"/>
                </a:lnTo>
                <a:lnTo>
                  <a:pt x="18" y="36"/>
                </a:lnTo>
                <a:lnTo>
                  <a:pt x="16" y="24"/>
                </a:lnTo>
                <a:lnTo>
                  <a:pt x="46" y="20"/>
                </a:lnTo>
                <a:lnTo>
                  <a:pt x="72" y="0"/>
                </a:lnTo>
                <a:lnTo>
                  <a:pt x="96" y="0"/>
                </a:lnTo>
                <a:lnTo>
                  <a:pt x="132" y="20"/>
                </a:lnTo>
                <a:lnTo>
                  <a:pt x="148" y="12"/>
                </a:lnTo>
                <a:lnTo>
                  <a:pt x="158" y="28"/>
                </a:lnTo>
                <a:lnTo>
                  <a:pt x="166" y="18"/>
                </a:lnTo>
                <a:lnTo>
                  <a:pt x="190" y="18"/>
                </a:lnTo>
                <a:lnTo>
                  <a:pt x="206" y="38"/>
                </a:lnTo>
                <a:lnTo>
                  <a:pt x="220" y="26"/>
                </a:lnTo>
                <a:lnTo>
                  <a:pt x="232" y="44"/>
                </a:lnTo>
                <a:lnTo>
                  <a:pt x="238" y="94"/>
                </a:lnTo>
                <a:lnTo>
                  <a:pt x="256" y="124"/>
                </a:lnTo>
                <a:lnTo>
                  <a:pt x="282" y="140"/>
                </a:lnTo>
                <a:lnTo>
                  <a:pt x="308" y="152"/>
                </a:lnTo>
                <a:lnTo>
                  <a:pt x="328" y="154"/>
                </a:lnTo>
                <a:lnTo>
                  <a:pt x="338" y="178"/>
                </a:lnTo>
                <a:lnTo>
                  <a:pt x="336" y="188"/>
                </a:lnTo>
                <a:lnTo>
                  <a:pt x="358" y="200"/>
                </a:lnTo>
                <a:lnTo>
                  <a:pt x="356" y="204"/>
                </a:lnTo>
                <a:lnTo>
                  <a:pt x="344" y="204"/>
                </a:lnTo>
                <a:lnTo>
                  <a:pt x="334" y="214"/>
                </a:lnTo>
                <a:lnTo>
                  <a:pt x="324" y="202"/>
                </a:lnTo>
                <a:lnTo>
                  <a:pt x="318" y="212"/>
                </a:lnTo>
                <a:lnTo>
                  <a:pt x="304" y="206"/>
                </a:lnTo>
                <a:lnTo>
                  <a:pt x="282" y="220"/>
                </a:lnTo>
                <a:lnTo>
                  <a:pt x="272" y="204"/>
                </a:lnTo>
                <a:lnTo>
                  <a:pt x="250" y="224"/>
                </a:lnTo>
                <a:lnTo>
                  <a:pt x="270" y="250"/>
                </a:lnTo>
                <a:lnTo>
                  <a:pt x="268" y="262"/>
                </a:lnTo>
                <a:lnTo>
                  <a:pt x="270" y="276"/>
                </a:lnTo>
                <a:lnTo>
                  <a:pt x="256" y="286"/>
                </a:lnTo>
                <a:lnTo>
                  <a:pt x="260" y="304"/>
                </a:lnTo>
                <a:lnTo>
                  <a:pt x="244" y="324"/>
                </a:lnTo>
                <a:lnTo>
                  <a:pt x="248" y="350"/>
                </a:lnTo>
                <a:lnTo>
                  <a:pt x="228" y="350"/>
                </a:lnTo>
                <a:lnTo>
                  <a:pt x="224" y="36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67" name="Freeform 12"/>
          <p:cNvSpPr>
            <a:spLocks/>
          </p:cNvSpPr>
          <p:nvPr/>
        </p:nvSpPr>
        <p:spPr bwMode="auto">
          <a:xfrm>
            <a:off x="6388100" y="4094163"/>
            <a:ext cx="1127125" cy="814387"/>
          </a:xfrm>
          <a:custGeom>
            <a:avLst/>
            <a:gdLst>
              <a:gd name="T0" fmla="*/ 2147483647 w 870"/>
              <a:gd name="T1" fmla="*/ 2147483647 h 630"/>
              <a:gd name="T2" fmla="*/ 2147483647 w 870"/>
              <a:gd name="T3" fmla="*/ 2147483647 h 630"/>
              <a:gd name="T4" fmla="*/ 2147483647 w 870"/>
              <a:gd name="T5" fmla="*/ 2147483647 h 630"/>
              <a:gd name="T6" fmla="*/ 2147483647 w 870"/>
              <a:gd name="T7" fmla="*/ 2147483647 h 630"/>
              <a:gd name="T8" fmla="*/ 2147483647 w 870"/>
              <a:gd name="T9" fmla="*/ 2147483647 h 630"/>
              <a:gd name="T10" fmla="*/ 2147483647 w 870"/>
              <a:gd name="T11" fmla="*/ 2147483647 h 630"/>
              <a:gd name="T12" fmla="*/ 2147483647 w 870"/>
              <a:gd name="T13" fmla="*/ 2147483647 h 630"/>
              <a:gd name="T14" fmla="*/ 2147483647 w 870"/>
              <a:gd name="T15" fmla="*/ 2147483647 h 630"/>
              <a:gd name="T16" fmla="*/ 2147483647 w 870"/>
              <a:gd name="T17" fmla="*/ 2147483647 h 630"/>
              <a:gd name="T18" fmla="*/ 2147483647 w 870"/>
              <a:gd name="T19" fmla="*/ 2147483647 h 630"/>
              <a:gd name="T20" fmla="*/ 2147483647 w 870"/>
              <a:gd name="T21" fmla="*/ 2147483647 h 630"/>
              <a:gd name="T22" fmla="*/ 2147483647 w 870"/>
              <a:gd name="T23" fmla="*/ 2147483647 h 630"/>
              <a:gd name="T24" fmla="*/ 2147483647 w 870"/>
              <a:gd name="T25" fmla="*/ 2147483647 h 630"/>
              <a:gd name="T26" fmla="*/ 2147483647 w 870"/>
              <a:gd name="T27" fmla="*/ 2147483647 h 630"/>
              <a:gd name="T28" fmla="*/ 2147483647 w 870"/>
              <a:gd name="T29" fmla="*/ 2147483647 h 630"/>
              <a:gd name="T30" fmla="*/ 2147483647 w 870"/>
              <a:gd name="T31" fmla="*/ 2147483647 h 630"/>
              <a:gd name="T32" fmla="*/ 2147483647 w 870"/>
              <a:gd name="T33" fmla="*/ 2147483647 h 630"/>
              <a:gd name="T34" fmla="*/ 2147483647 w 870"/>
              <a:gd name="T35" fmla="*/ 2147483647 h 630"/>
              <a:gd name="T36" fmla="*/ 2147483647 w 870"/>
              <a:gd name="T37" fmla="*/ 2147483647 h 630"/>
              <a:gd name="T38" fmla="*/ 2147483647 w 870"/>
              <a:gd name="T39" fmla="*/ 2147483647 h 630"/>
              <a:gd name="T40" fmla="*/ 2147483647 w 870"/>
              <a:gd name="T41" fmla="*/ 2147483647 h 630"/>
              <a:gd name="T42" fmla="*/ 2147483647 w 870"/>
              <a:gd name="T43" fmla="*/ 2147483647 h 630"/>
              <a:gd name="T44" fmla="*/ 2147483647 w 870"/>
              <a:gd name="T45" fmla="*/ 2147483647 h 630"/>
              <a:gd name="T46" fmla="*/ 2147483647 w 870"/>
              <a:gd name="T47" fmla="*/ 2147483647 h 630"/>
              <a:gd name="T48" fmla="*/ 2147483647 w 870"/>
              <a:gd name="T49" fmla="*/ 2147483647 h 630"/>
              <a:gd name="T50" fmla="*/ 2147483647 w 870"/>
              <a:gd name="T51" fmla="*/ 2147483647 h 630"/>
              <a:gd name="T52" fmla="*/ 2147483647 w 870"/>
              <a:gd name="T53" fmla="*/ 2147483647 h 630"/>
              <a:gd name="T54" fmla="*/ 2147483647 w 870"/>
              <a:gd name="T55" fmla="*/ 2147483647 h 630"/>
              <a:gd name="T56" fmla="*/ 2147483647 w 870"/>
              <a:gd name="T57" fmla="*/ 2147483647 h 630"/>
              <a:gd name="T58" fmla="*/ 2147483647 w 870"/>
              <a:gd name="T59" fmla="*/ 2147483647 h 630"/>
              <a:gd name="T60" fmla="*/ 2147483647 w 870"/>
              <a:gd name="T61" fmla="*/ 2147483647 h 630"/>
              <a:gd name="T62" fmla="*/ 2147483647 w 870"/>
              <a:gd name="T63" fmla="*/ 2147483647 h 630"/>
              <a:gd name="T64" fmla="*/ 2147483647 w 870"/>
              <a:gd name="T65" fmla="*/ 2147483647 h 630"/>
              <a:gd name="T66" fmla="*/ 2147483647 w 870"/>
              <a:gd name="T67" fmla="*/ 2147483647 h 630"/>
              <a:gd name="T68" fmla="*/ 2147483647 w 870"/>
              <a:gd name="T69" fmla="*/ 2147483647 h 630"/>
              <a:gd name="T70" fmla="*/ 2147483647 w 870"/>
              <a:gd name="T71" fmla="*/ 2147483647 h 630"/>
              <a:gd name="T72" fmla="*/ 2147483647 w 870"/>
              <a:gd name="T73" fmla="*/ 2147483647 h 630"/>
              <a:gd name="T74" fmla="*/ 2147483647 w 870"/>
              <a:gd name="T75" fmla="*/ 2147483647 h 630"/>
              <a:gd name="T76" fmla="*/ 2147483647 w 870"/>
              <a:gd name="T77" fmla="*/ 2147483647 h 630"/>
              <a:gd name="T78" fmla="*/ 2147483647 w 870"/>
              <a:gd name="T79" fmla="*/ 2147483647 h 630"/>
              <a:gd name="T80" fmla="*/ 2147483647 w 870"/>
              <a:gd name="T81" fmla="*/ 2147483647 h 630"/>
              <a:gd name="T82" fmla="*/ 2147483647 w 870"/>
              <a:gd name="T83" fmla="*/ 2147483647 h 630"/>
              <a:gd name="T84" fmla="*/ 2147483647 w 870"/>
              <a:gd name="T85" fmla="*/ 2147483647 h 630"/>
              <a:gd name="T86" fmla="*/ 2147483647 w 870"/>
              <a:gd name="T87" fmla="*/ 2147483647 h 630"/>
              <a:gd name="T88" fmla="*/ 2147483647 w 870"/>
              <a:gd name="T89" fmla="*/ 2147483647 h 630"/>
              <a:gd name="T90" fmla="*/ 2147483647 w 870"/>
              <a:gd name="T91" fmla="*/ 2147483647 h 630"/>
              <a:gd name="T92" fmla="*/ 2147483647 w 870"/>
              <a:gd name="T93" fmla="*/ 2147483647 h 630"/>
              <a:gd name="T94" fmla="*/ 2147483647 w 870"/>
              <a:gd name="T95" fmla="*/ 2147483647 h 630"/>
              <a:gd name="T96" fmla="*/ 2147483647 w 870"/>
              <a:gd name="T97" fmla="*/ 2147483647 h 630"/>
              <a:gd name="T98" fmla="*/ 2147483647 w 870"/>
              <a:gd name="T99" fmla="*/ 2147483647 h 630"/>
              <a:gd name="T100" fmla="*/ 2147483647 w 870"/>
              <a:gd name="T101" fmla="*/ 2147483647 h 630"/>
              <a:gd name="T102" fmla="*/ 2147483647 w 870"/>
              <a:gd name="T103" fmla="*/ 2147483647 h 630"/>
              <a:gd name="T104" fmla="*/ 2147483647 w 870"/>
              <a:gd name="T105" fmla="*/ 2147483647 h 630"/>
              <a:gd name="T106" fmla="*/ 2147483647 w 870"/>
              <a:gd name="T107" fmla="*/ 2147483647 h 630"/>
              <a:gd name="T108" fmla="*/ 2147483647 w 870"/>
              <a:gd name="T109" fmla="*/ 2147483647 h 630"/>
              <a:gd name="T110" fmla="*/ 2147483647 w 870"/>
              <a:gd name="T111" fmla="*/ 2147483647 h 630"/>
              <a:gd name="T112" fmla="*/ 2147483647 w 870"/>
              <a:gd name="T113" fmla="*/ 2147483647 h 630"/>
              <a:gd name="T114" fmla="*/ 2147483647 w 870"/>
              <a:gd name="T115" fmla="*/ 2147483647 h 630"/>
              <a:gd name="T116" fmla="*/ 2147483647 w 870"/>
              <a:gd name="T117" fmla="*/ 2147483647 h 630"/>
              <a:gd name="T118" fmla="*/ 2147483647 w 870"/>
              <a:gd name="T119" fmla="*/ 2147483647 h 630"/>
              <a:gd name="T120" fmla="*/ 2147483647 w 870"/>
              <a:gd name="T121" fmla="*/ 2147483647 h 630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870" h="630">
                <a:moveTo>
                  <a:pt x="0" y="372"/>
                </a:moveTo>
                <a:lnTo>
                  <a:pt x="38" y="366"/>
                </a:lnTo>
                <a:lnTo>
                  <a:pt x="46" y="350"/>
                </a:lnTo>
                <a:lnTo>
                  <a:pt x="72" y="346"/>
                </a:lnTo>
                <a:lnTo>
                  <a:pt x="88" y="318"/>
                </a:lnTo>
                <a:lnTo>
                  <a:pt x="86" y="294"/>
                </a:lnTo>
                <a:lnTo>
                  <a:pt x="100" y="288"/>
                </a:lnTo>
                <a:lnTo>
                  <a:pt x="102" y="266"/>
                </a:lnTo>
                <a:lnTo>
                  <a:pt x="124" y="200"/>
                </a:lnTo>
                <a:lnTo>
                  <a:pt x="134" y="188"/>
                </a:lnTo>
                <a:lnTo>
                  <a:pt x="126" y="170"/>
                </a:lnTo>
                <a:lnTo>
                  <a:pt x="142" y="156"/>
                </a:lnTo>
                <a:lnTo>
                  <a:pt x="144" y="142"/>
                </a:lnTo>
                <a:lnTo>
                  <a:pt x="162" y="130"/>
                </a:lnTo>
                <a:lnTo>
                  <a:pt x="174" y="130"/>
                </a:lnTo>
                <a:lnTo>
                  <a:pt x="196" y="100"/>
                </a:lnTo>
                <a:lnTo>
                  <a:pt x="210" y="94"/>
                </a:lnTo>
                <a:lnTo>
                  <a:pt x="212" y="80"/>
                </a:lnTo>
                <a:lnTo>
                  <a:pt x="222" y="78"/>
                </a:lnTo>
                <a:lnTo>
                  <a:pt x="234" y="88"/>
                </a:lnTo>
                <a:lnTo>
                  <a:pt x="314" y="88"/>
                </a:lnTo>
                <a:lnTo>
                  <a:pt x="318" y="76"/>
                </a:lnTo>
                <a:lnTo>
                  <a:pt x="342" y="76"/>
                </a:lnTo>
                <a:lnTo>
                  <a:pt x="372" y="102"/>
                </a:lnTo>
                <a:lnTo>
                  <a:pt x="386" y="98"/>
                </a:lnTo>
                <a:lnTo>
                  <a:pt x="396" y="68"/>
                </a:lnTo>
                <a:lnTo>
                  <a:pt x="470" y="42"/>
                </a:lnTo>
                <a:lnTo>
                  <a:pt x="480" y="14"/>
                </a:lnTo>
                <a:lnTo>
                  <a:pt x="502" y="0"/>
                </a:lnTo>
                <a:lnTo>
                  <a:pt x="536" y="2"/>
                </a:lnTo>
                <a:lnTo>
                  <a:pt x="566" y="38"/>
                </a:lnTo>
                <a:lnTo>
                  <a:pt x="576" y="58"/>
                </a:lnTo>
                <a:lnTo>
                  <a:pt x="606" y="80"/>
                </a:lnTo>
                <a:lnTo>
                  <a:pt x="610" y="96"/>
                </a:lnTo>
                <a:lnTo>
                  <a:pt x="636" y="104"/>
                </a:lnTo>
                <a:lnTo>
                  <a:pt x="638" y="118"/>
                </a:lnTo>
                <a:lnTo>
                  <a:pt x="668" y="132"/>
                </a:lnTo>
                <a:lnTo>
                  <a:pt x="704" y="194"/>
                </a:lnTo>
                <a:lnTo>
                  <a:pt x="694" y="212"/>
                </a:lnTo>
                <a:lnTo>
                  <a:pt x="694" y="232"/>
                </a:lnTo>
                <a:lnTo>
                  <a:pt x="694" y="250"/>
                </a:lnTo>
                <a:lnTo>
                  <a:pt x="712" y="292"/>
                </a:lnTo>
                <a:lnTo>
                  <a:pt x="714" y="308"/>
                </a:lnTo>
                <a:lnTo>
                  <a:pt x="726" y="314"/>
                </a:lnTo>
                <a:lnTo>
                  <a:pt x="752" y="332"/>
                </a:lnTo>
                <a:lnTo>
                  <a:pt x="776" y="334"/>
                </a:lnTo>
                <a:lnTo>
                  <a:pt x="806" y="310"/>
                </a:lnTo>
                <a:lnTo>
                  <a:pt x="822" y="294"/>
                </a:lnTo>
                <a:lnTo>
                  <a:pt x="844" y="294"/>
                </a:lnTo>
                <a:lnTo>
                  <a:pt x="860" y="312"/>
                </a:lnTo>
                <a:lnTo>
                  <a:pt x="870" y="364"/>
                </a:lnTo>
                <a:lnTo>
                  <a:pt x="834" y="382"/>
                </a:lnTo>
                <a:lnTo>
                  <a:pt x="820" y="374"/>
                </a:lnTo>
                <a:lnTo>
                  <a:pt x="816" y="358"/>
                </a:lnTo>
                <a:lnTo>
                  <a:pt x="800" y="366"/>
                </a:lnTo>
                <a:lnTo>
                  <a:pt x="812" y="384"/>
                </a:lnTo>
                <a:lnTo>
                  <a:pt x="802" y="396"/>
                </a:lnTo>
                <a:lnTo>
                  <a:pt x="808" y="406"/>
                </a:lnTo>
                <a:lnTo>
                  <a:pt x="800" y="420"/>
                </a:lnTo>
                <a:lnTo>
                  <a:pt x="814" y="416"/>
                </a:lnTo>
                <a:lnTo>
                  <a:pt x="814" y="424"/>
                </a:lnTo>
                <a:lnTo>
                  <a:pt x="800" y="452"/>
                </a:lnTo>
                <a:lnTo>
                  <a:pt x="806" y="480"/>
                </a:lnTo>
                <a:lnTo>
                  <a:pt x="814" y="502"/>
                </a:lnTo>
                <a:lnTo>
                  <a:pt x="812" y="528"/>
                </a:lnTo>
                <a:lnTo>
                  <a:pt x="764" y="528"/>
                </a:lnTo>
                <a:lnTo>
                  <a:pt x="748" y="508"/>
                </a:lnTo>
                <a:lnTo>
                  <a:pt x="730" y="516"/>
                </a:lnTo>
                <a:lnTo>
                  <a:pt x="720" y="508"/>
                </a:lnTo>
                <a:lnTo>
                  <a:pt x="700" y="516"/>
                </a:lnTo>
                <a:lnTo>
                  <a:pt x="686" y="508"/>
                </a:lnTo>
                <a:lnTo>
                  <a:pt x="656" y="510"/>
                </a:lnTo>
                <a:lnTo>
                  <a:pt x="624" y="532"/>
                </a:lnTo>
                <a:lnTo>
                  <a:pt x="594" y="540"/>
                </a:lnTo>
                <a:lnTo>
                  <a:pt x="576" y="562"/>
                </a:lnTo>
                <a:lnTo>
                  <a:pt x="552" y="596"/>
                </a:lnTo>
                <a:lnTo>
                  <a:pt x="522" y="610"/>
                </a:lnTo>
                <a:lnTo>
                  <a:pt x="508" y="604"/>
                </a:lnTo>
                <a:lnTo>
                  <a:pt x="476" y="610"/>
                </a:lnTo>
                <a:lnTo>
                  <a:pt x="442" y="608"/>
                </a:lnTo>
                <a:lnTo>
                  <a:pt x="410" y="628"/>
                </a:lnTo>
                <a:lnTo>
                  <a:pt x="382" y="618"/>
                </a:lnTo>
                <a:lnTo>
                  <a:pt x="328" y="618"/>
                </a:lnTo>
                <a:lnTo>
                  <a:pt x="300" y="630"/>
                </a:lnTo>
                <a:lnTo>
                  <a:pt x="284" y="626"/>
                </a:lnTo>
                <a:lnTo>
                  <a:pt x="280" y="616"/>
                </a:lnTo>
                <a:lnTo>
                  <a:pt x="296" y="602"/>
                </a:lnTo>
                <a:lnTo>
                  <a:pt x="292" y="592"/>
                </a:lnTo>
                <a:lnTo>
                  <a:pt x="278" y="592"/>
                </a:lnTo>
                <a:lnTo>
                  <a:pt x="262" y="580"/>
                </a:lnTo>
                <a:lnTo>
                  <a:pt x="260" y="576"/>
                </a:lnTo>
                <a:lnTo>
                  <a:pt x="242" y="570"/>
                </a:lnTo>
                <a:lnTo>
                  <a:pt x="234" y="556"/>
                </a:lnTo>
                <a:lnTo>
                  <a:pt x="242" y="544"/>
                </a:lnTo>
                <a:lnTo>
                  <a:pt x="258" y="544"/>
                </a:lnTo>
                <a:lnTo>
                  <a:pt x="262" y="536"/>
                </a:lnTo>
                <a:lnTo>
                  <a:pt x="240" y="528"/>
                </a:lnTo>
                <a:lnTo>
                  <a:pt x="228" y="524"/>
                </a:lnTo>
                <a:lnTo>
                  <a:pt x="218" y="528"/>
                </a:lnTo>
                <a:lnTo>
                  <a:pt x="210" y="542"/>
                </a:lnTo>
                <a:lnTo>
                  <a:pt x="208" y="554"/>
                </a:lnTo>
                <a:lnTo>
                  <a:pt x="198" y="556"/>
                </a:lnTo>
                <a:lnTo>
                  <a:pt x="188" y="540"/>
                </a:lnTo>
                <a:lnTo>
                  <a:pt x="156" y="538"/>
                </a:lnTo>
                <a:lnTo>
                  <a:pt x="148" y="530"/>
                </a:lnTo>
                <a:lnTo>
                  <a:pt x="132" y="532"/>
                </a:lnTo>
                <a:lnTo>
                  <a:pt x="120" y="528"/>
                </a:lnTo>
                <a:lnTo>
                  <a:pt x="134" y="518"/>
                </a:lnTo>
                <a:lnTo>
                  <a:pt x="140" y="510"/>
                </a:lnTo>
                <a:lnTo>
                  <a:pt x="128" y="504"/>
                </a:lnTo>
                <a:lnTo>
                  <a:pt x="130" y="496"/>
                </a:lnTo>
                <a:lnTo>
                  <a:pt x="132" y="484"/>
                </a:lnTo>
                <a:lnTo>
                  <a:pt x="122" y="472"/>
                </a:lnTo>
                <a:lnTo>
                  <a:pt x="108" y="474"/>
                </a:lnTo>
                <a:lnTo>
                  <a:pt x="100" y="466"/>
                </a:lnTo>
                <a:lnTo>
                  <a:pt x="82" y="466"/>
                </a:lnTo>
                <a:lnTo>
                  <a:pt x="66" y="452"/>
                </a:lnTo>
                <a:lnTo>
                  <a:pt x="58" y="438"/>
                </a:lnTo>
                <a:lnTo>
                  <a:pt x="56" y="418"/>
                </a:lnTo>
                <a:lnTo>
                  <a:pt x="44" y="414"/>
                </a:lnTo>
                <a:lnTo>
                  <a:pt x="30" y="398"/>
                </a:lnTo>
                <a:lnTo>
                  <a:pt x="14" y="386"/>
                </a:lnTo>
                <a:lnTo>
                  <a:pt x="0" y="37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68" name="Freeform 13"/>
          <p:cNvSpPr>
            <a:spLocks/>
          </p:cNvSpPr>
          <p:nvPr/>
        </p:nvSpPr>
        <p:spPr bwMode="auto">
          <a:xfrm>
            <a:off x="5592763" y="4500563"/>
            <a:ext cx="355600" cy="263525"/>
          </a:xfrm>
          <a:custGeom>
            <a:avLst/>
            <a:gdLst>
              <a:gd name="T0" fmla="*/ 2147483647 w 274"/>
              <a:gd name="T1" fmla="*/ 2147483647 h 204"/>
              <a:gd name="T2" fmla="*/ 2147483647 w 274"/>
              <a:gd name="T3" fmla="*/ 2147483647 h 204"/>
              <a:gd name="T4" fmla="*/ 2147483647 w 274"/>
              <a:gd name="T5" fmla="*/ 2147483647 h 204"/>
              <a:gd name="T6" fmla="*/ 2147483647 w 274"/>
              <a:gd name="T7" fmla="*/ 2147483647 h 204"/>
              <a:gd name="T8" fmla="*/ 2147483647 w 274"/>
              <a:gd name="T9" fmla="*/ 2147483647 h 204"/>
              <a:gd name="T10" fmla="*/ 2147483647 w 274"/>
              <a:gd name="T11" fmla="*/ 2147483647 h 204"/>
              <a:gd name="T12" fmla="*/ 2147483647 w 274"/>
              <a:gd name="T13" fmla="*/ 2147483647 h 204"/>
              <a:gd name="T14" fmla="*/ 2147483647 w 274"/>
              <a:gd name="T15" fmla="*/ 2147483647 h 204"/>
              <a:gd name="T16" fmla="*/ 2147483647 w 274"/>
              <a:gd name="T17" fmla="*/ 2147483647 h 204"/>
              <a:gd name="T18" fmla="*/ 0 w 274"/>
              <a:gd name="T19" fmla="*/ 2147483647 h 204"/>
              <a:gd name="T20" fmla="*/ 2147483647 w 274"/>
              <a:gd name="T21" fmla="*/ 2147483647 h 204"/>
              <a:gd name="T22" fmla="*/ 2147483647 w 274"/>
              <a:gd name="T23" fmla="*/ 2147483647 h 204"/>
              <a:gd name="T24" fmla="*/ 2147483647 w 274"/>
              <a:gd name="T25" fmla="*/ 2147483647 h 204"/>
              <a:gd name="T26" fmla="*/ 2147483647 w 274"/>
              <a:gd name="T27" fmla="*/ 2147483647 h 204"/>
              <a:gd name="T28" fmla="*/ 2147483647 w 274"/>
              <a:gd name="T29" fmla="*/ 2147483647 h 204"/>
              <a:gd name="T30" fmla="*/ 2147483647 w 274"/>
              <a:gd name="T31" fmla="*/ 2147483647 h 204"/>
              <a:gd name="T32" fmla="*/ 2147483647 w 274"/>
              <a:gd name="T33" fmla="*/ 2147483647 h 204"/>
              <a:gd name="T34" fmla="*/ 2147483647 w 274"/>
              <a:gd name="T35" fmla="*/ 2147483647 h 204"/>
              <a:gd name="T36" fmla="*/ 2147483647 w 274"/>
              <a:gd name="T37" fmla="*/ 2147483647 h 204"/>
              <a:gd name="T38" fmla="*/ 2147483647 w 274"/>
              <a:gd name="T39" fmla="*/ 2147483647 h 204"/>
              <a:gd name="T40" fmla="*/ 2147483647 w 274"/>
              <a:gd name="T41" fmla="*/ 2147483647 h 204"/>
              <a:gd name="T42" fmla="*/ 2147483647 w 274"/>
              <a:gd name="T43" fmla="*/ 0 h 204"/>
              <a:gd name="T44" fmla="*/ 2147483647 w 274"/>
              <a:gd name="T45" fmla="*/ 2147483647 h 204"/>
              <a:gd name="T46" fmla="*/ 2147483647 w 274"/>
              <a:gd name="T47" fmla="*/ 2147483647 h 204"/>
              <a:gd name="T48" fmla="*/ 2147483647 w 274"/>
              <a:gd name="T49" fmla="*/ 2147483647 h 204"/>
              <a:gd name="T50" fmla="*/ 2147483647 w 274"/>
              <a:gd name="T51" fmla="*/ 2147483647 h 204"/>
              <a:gd name="T52" fmla="*/ 2147483647 w 274"/>
              <a:gd name="T53" fmla="*/ 2147483647 h 204"/>
              <a:gd name="T54" fmla="*/ 2147483647 w 274"/>
              <a:gd name="T55" fmla="*/ 2147483647 h 204"/>
              <a:gd name="T56" fmla="*/ 2147483647 w 274"/>
              <a:gd name="T57" fmla="*/ 2147483647 h 204"/>
              <a:gd name="T58" fmla="*/ 2147483647 w 274"/>
              <a:gd name="T59" fmla="*/ 2147483647 h 204"/>
              <a:gd name="T60" fmla="*/ 2147483647 w 274"/>
              <a:gd name="T61" fmla="*/ 2147483647 h 204"/>
              <a:gd name="T62" fmla="*/ 2147483647 w 274"/>
              <a:gd name="T63" fmla="*/ 2147483647 h 204"/>
              <a:gd name="T64" fmla="*/ 2147483647 w 274"/>
              <a:gd name="T65" fmla="*/ 2147483647 h 204"/>
              <a:gd name="T66" fmla="*/ 2147483647 w 274"/>
              <a:gd name="T67" fmla="*/ 2147483647 h 204"/>
              <a:gd name="T68" fmla="*/ 2147483647 w 274"/>
              <a:gd name="T69" fmla="*/ 2147483647 h 204"/>
              <a:gd name="T70" fmla="*/ 2147483647 w 274"/>
              <a:gd name="T71" fmla="*/ 2147483647 h 204"/>
              <a:gd name="T72" fmla="*/ 2147483647 w 274"/>
              <a:gd name="T73" fmla="*/ 2147483647 h 204"/>
              <a:gd name="T74" fmla="*/ 2147483647 w 274"/>
              <a:gd name="T75" fmla="*/ 2147483647 h 204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0" t="0" r="r" b="b"/>
            <a:pathLst>
              <a:path w="274" h="204">
                <a:moveTo>
                  <a:pt x="18" y="202"/>
                </a:moveTo>
                <a:lnTo>
                  <a:pt x="18" y="196"/>
                </a:lnTo>
                <a:lnTo>
                  <a:pt x="38" y="184"/>
                </a:lnTo>
                <a:lnTo>
                  <a:pt x="34" y="170"/>
                </a:lnTo>
                <a:lnTo>
                  <a:pt x="20" y="154"/>
                </a:lnTo>
                <a:lnTo>
                  <a:pt x="26" y="140"/>
                </a:lnTo>
                <a:lnTo>
                  <a:pt x="10" y="138"/>
                </a:lnTo>
                <a:lnTo>
                  <a:pt x="8" y="128"/>
                </a:lnTo>
                <a:lnTo>
                  <a:pt x="22" y="112"/>
                </a:lnTo>
                <a:lnTo>
                  <a:pt x="0" y="104"/>
                </a:lnTo>
                <a:lnTo>
                  <a:pt x="2" y="88"/>
                </a:lnTo>
                <a:lnTo>
                  <a:pt x="28" y="66"/>
                </a:lnTo>
                <a:lnTo>
                  <a:pt x="60" y="70"/>
                </a:lnTo>
                <a:lnTo>
                  <a:pt x="68" y="74"/>
                </a:lnTo>
                <a:lnTo>
                  <a:pt x="102" y="78"/>
                </a:lnTo>
                <a:lnTo>
                  <a:pt x="132" y="48"/>
                </a:lnTo>
                <a:lnTo>
                  <a:pt x="188" y="40"/>
                </a:lnTo>
                <a:lnTo>
                  <a:pt x="196" y="30"/>
                </a:lnTo>
                <a:lnTo>
                  <a:pt x="212" y="26"/>
                </a:lnTo>
                <a:lnTo>
                  <a:pt x="226" y="30"/>
                </a:lnTo>
                <a:lnTo>
                  <a:pt x="228" y="10"/>
                </a:lnTo>
                <a:lnTo>
                  <a:pt x="238" y="0"/>
                </a:lnTo>
                <a:lnTo>
                  <a:pt x="254" y="6"/>
                </a:lnTo>
                <a:lnTo>
                  <a:pt x="258" y="22"/>
                </a:lnTo>
                <a:lnTo>
                  <a:pt x="274" y="44"/>
                </a:lnTo>
                <a:lnTo>
                  <a:pt x="274" y="52"/>
                </a:lnTo>
                <a:lnTo>
                  <a:pt x="254" y="46"/>
                </a:lnTo>
                <a:lnTo>
                  <a:pt x="254" y="68"/>
                </a:lnTo>
                <a:lnTo>
                  <a:pt x="226" y="82"/>
                </a:lnTo>
                <a:lnTo>
                  <a:pt x="210" y="110"/>
                </a:lnTo>
                <a:lnTo>
                  <a:pt x="194" y="140"/>
                </a:lnTo>
                <a:lnTo>
                  <a:pt x="170" y="164"/>
                </a:lnTo>
                <a:lnTo>
                  <a:pt x="176" y="198"/>
                </a:lnTo>
                <a:lnTo>
                  <a:pt x="130" y="194"/>
                </a:lnTo>
                <a:lnTo>
                  <a:pt x="106" y="170"/>
                </a:lnTo>
                <a:lnTo>
                  <a:pt x="80" y="198"/>
                </a:lnTo>
                <a:lnTo>
                  <a:pt x="44" y="204"/>
                </a:lnTo>
                <a:lnTo>
                  <a:pt x="18" y="20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69" name="Freeform 14"/>
          <p:cNvSpPr>
            <a:spLocks/>
          </p:cNvSpPr>
          <p:nvPr/>
        </p:nvSpPr>
        <p:spPr bwMode="auto">
          <a:xfrm>
            <a:off x="5900738" y="4149725"/>
            <a:ext cx="741362" cy="519113"/>
          </a:xfrm>
          <a:custGeom>
            <a:avLst/>
            <a:gdLst>
              <a:gd name="T0" fmla="*/ 2147483647 w 572"/>
              <a:gd name="T1" fmla="*/ 2147483647 h 400"/>
              <a:gd name="T2" fmla="*/ 2147483647 w 572"/>
              <a:gd name="T3" fmla="*/ 2147483647 h 400"/>
              <a:gd name="T4" fmla="*/ 2147483647 w 572"/>
              <a:gd name="T5" fmla="*/ 2147483647 h 400"/>
              <a:gd name="T6" fmla="*/ 2147483647 w 572"/>
              <a:gd name="T7" fmla="*/ 2147483647 h 400"/>
              <a:gd name="T8" fmla="*/ 2147483647 w 572"/>
              <a:gd name="T9" fmla="*/ 2147483647 h 400"/>
              <a:gd name="T10" fmla="*/ 2147483647 w 572"/>
              <a:gd name="T11" fmla="*/ 2147483647 h 400"/>
              <a:gd name="T12" fmla="*/ 2147483647 w 572"/>
              <a:gd name="T13" fmla="*/ 2147483647 h 400"/>
              <a:gd name="T14" fmla="*/ 2147483647 w 572"/>
              <a:gd name="T15" fmla="*/ 2147483647 h 400"/>
              <a:gd name="T16" fmla="*/ 2147483647 w 572"/>
              <a:gd name="T17" fmla="*/ 2147483647 h 400"/>
              <a:gd name="T18" fmla="*/ 2147483647 w 572"/>
              <a:gd name="T19" fmla="*/ 2147483647 h 400"/>
              <a:gd name="T20" fmla="*/ 2147483647 w 572"/>
              <a:gd name="T21" fmla="*/ 2147483647 h 400"/>
              <a:gd name="T22" fmla="*/ 2147483647 w 572"/>
              <a:gd name="T23" fmla="*/ 2147483647 h 400"/>
              <a:gd name="T24" fmla="*/ 2147483647 w 572"/>
              <a:gd name="T25" fmla="*/ 2147483647 h 400"/>
              <a:gd name="T26" fmla="*/ 2147483647 w 572"/>
              <a:gd name="T27" fmla="*/ 2147483647 h 400"/>
              <a:gd name="T28" fmla="*/ 2147483647 w 572"/>
              <a:gd name="T29" fmla="*/ 2147483647 h 400"/>
              <a:gd name="T30" fmla="*/ 2147483647 w 572"/>
              <a:gd name="T31" fmla="*/ 2147483647 h 400"/>
              <a:gd name="T32" fmla="*/ 2147483647 w 572"/>
              <a:gd name="T33" fmla="*/ 0 h 400"/>
              <a:gd name="T34" fmla="*/ 2147483647 w 572"/>
              <a:gd name="T35" fmla="*/ 2147483647 h 400"/>
              <a:gd name="T36" fmla="*/ 2147483647 w 572"/>
              <a:gd name="T37" fmla="*/ 2147483647 h 400"/>
              <a:gd name="T38" fmla="*/ 2147483647 w 572"/>
              <a:gd name="T39" fmla="*/ 2147483647 h 400"/>
              <a:gd name="T40" fmla="*/ 2147483647 w 572"/>
              <a:gd name="T41" fmla="*/ 2147483647 h 400"/>
              <a:gd name="T42" fmla="*/ 2147483647 w 572"/>
              <a:gd name="T43" fmla="*/ 2147483647 h 400"/>
              <a:gd name="T44" fmla="*/ 2147483647 w 572"/>
              <a:gd name="T45" fmla="*/ 2147483647 h 400"/>
              <a:gd name="T46" fmla="*/ 2147483647 w 572"/>
              <a:gd name="T47" fmla="*/ 2147483647 h 400"/>
              <a:gd name="T48" fmla="*/ 2147483647 w 572"/>
              <a:gd name="T49" fmla="*/ 2147483647 h 400"/>
              <a:gd name="T50" fmla="*/ 2147483647 w 572"/>
              <a:gd name="T51" fmla="*/ 2147483647 h 400"/>
              <a:gd name="T52" fmla="*/ 2147483647 w 572"/>
              <a:gd name="T53" fmla="*/ 2147483647 h 400"/>
              <a:gd name="T54" fmla="*/ 2147483647 w 572"/>
              <a:gd name="T55" fmla="*/ 2147483647 h 400"/>
              <a:gd name="T56" fmla="*/ 2147483647 w 572"/>
              <a:gd name="T57" fmla="*/ 2147483647 h 400"/>
              <a:gd name="T58" fmla="*/ 2147483647 w 572"/>
              <a:gd name="T59" fmla="*/ 2147483647 h 400"/>
              <a:gd name="T60" fmla="*/ 2147483647 w 572"/>
              <a:gd name="T61" fmla="*/ 2147483647 h 400"/>
              <a:gd name="T62" fmla="*/ 2147483647 w 572"/>
              <a:gd name="T63" fmla="*/ 2147483647 h 400"/>
              <a:gd name="T64" fmla="*/ 2147483647 w 572"/>
              <a:gd name="T65" fmla="*/ 2147483647 h 400"/>
              <a:gd name="T66" fmla="*/ 2147483647 w 572"/>
              <a:gd name="T67" fmla="*/ 2147483647 h 400"/>
              <a:gd name="T68" fmla="*/ 2147483647 w 572"/>
              <a:gd name="T69" fmla="*/ 2147483647 h 400"/>
              <a:gd name="T70" fmla="*/ 2147483647 w 572"/>
              <a:gd name="T71" fmla="*/ 2147483647 h 400"/>
              <a:gd name="T72" fmla="*/ 2147483647 w 572"/>
              <a:gd name="T73" fmla="*/ 2147483647 h 400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0" t="0" r="r" b="b"/>
            <a:pathLst>
              <a:path w="572" h="400">
                <a:moveTo>
                  <a:pt x="0" y="270"/>
                </a:moveTo>
                <a:lnTo>
                  <a:pt x="14" y="256"/>
                </a:lnTo>
                <a:lnTo>
                  <a:pt x="26" y="254"/>
                </a:lnTo>
                <a:lnTo>
                  <a:pt x="32" y="238"/>
                </a:lnTo>
                <a:lnTo>
                  <a:pt x="24" y="232"/>
                </a:lnTo>
                <a:lnTo>
                  <a:pt x="24" y="202"/>
                </a:lnTo>
                <a:lnTo>
                  <a:pt x="36" y="198"/>
                </a:lnTo>
                <a:lnTo>
                  <a:pt x="40" y="184"/>
                </a:lnTo>
                <a:lnTo>
                  <a:pt x="34" y="174"/>
                </a:lnTo>
                <a:lnTo>
                  <a:pt x="16" y="170"/>
                </a:lnTo>
                <a:lnTo>
                  <a:pt x="26" y="158"/>
                </a:lnTo>
                <a:lnTo>
                  <a:pt x="40" y="158"/>
                </a:lnTo>
                <a:lnTo>
                  <a:pt x="48" y="164"/>
                </a:lnTo>
                <a:lnTo>
                  <a:pt x="68" y="158"/>
                </a:lnTo>
                <a:lnTo>
                  <a:pt x="70" y="108"/>
                </a:lnTo>
                <a:lnTo>
                  <a:pt x="98" y="124"/>
                </a:lnTo>
                <a:lnTo>
                  <a:pt x="130" y="148"/>
                </a:lnTo>
                <a:lnTo>
                  <a:pt x="184" y="142"/>
                </a:lnTo>
                <a:lnTo>
                  <a:pt x="210" y="138"/>
                </a:lnTo>
                <a:lnTo>
                  <a:pt x="224" y="126"/>
                </a:lnTo>
                <a:lnTo>
                  <a:pt x="214" y="118"/>
                </a:lnTo>
                <a:lnTo>
                  <a:pt x="216" y="104"/>
                </a:lnTo>
                <a:lnTo>
                  <a:pt x="224" y="98"/>
                </a:lnTo>
                <a:lnTo>
                  <a:pt x="270" y="88"/>
                </a:lnTo>
                <a:lnTo>
                  <a:pt x="278" y="70"/>
                </a:lnTo>
                <a:lnTo>
                  <a:pt x="294" y="70"/>
                </a:lnTo>
                <a:lnTo>
                  <a:pt x="314" y="78"/>
                </a:lnTo>
                <a:lnTo>
                  <a:pt x="336" y="54"/>
                </a:lnTo>
                <a:lnTo>
                  <a:pt x="346" y="54"/>
                </a:lnTo>
                <a:lnTo>
                  <a:pt x="348" y="34"/>
                </a:lnTo>
                <a:lnTo>
                  <a:pt x="360" y="14"/>
                </a:lnTo>
                <a:lnTo>
                  <a:pt x="382" y="8"/>
                </a:lnTo>
                <a:lnTo>
                  <a:pt x="406" y="14"/>
                </a:lnTo>
                <a:lnTo>
                  <a:pt x="434" y="0"/>
                </a:lnTo>
                <a:lnTo>
                  <a:pt x="450" y="14"/>
                </a:lnTo>
                <a:lnTo>
                  <a:pt x="462" y="28"/>
                </a:lnTo>
                <a:lnTo>
                  <a:pt x="498" y="12"/>
                </a:lnTo>
                <a:lnTo>
                  <a:pt x="516" y="24"/>
                </a:lnTo>
                <a:lnTo>
                  <a:pt x="518" y="32"/>
                </a:lnTo>
                <a:lnTo>
                  <a:pt x="534" y="30"/>
                </a:lnTo>
                <a:lnTo>
                  <a:pt x="544" y="46"/>
                </a:lnTo>
                <a:lnTo>
                  <a:pt x="562" y="42"/>
                </a:lnTo>
                <a:lnTo>
                  <a:pt x="572" y="56"/>
                </a:lnTo>
                <a:lnTo>
                  <a:pt x="550" y="86"/>
                </a:lnTo>
                <a:lnTo>
                  <a:pt x="536" y="88"/>
                </a:lnTo>
                <a:lnTo>
                  <a:pt x="518" y="100"/>
                </a:lnTo>
                <a:lnTo>
                  <a:pt x="518" y="112"/>
                </a:lnTo>
                <a:lnTo>
                  <a:pt x="502" y="126"/>
                </a:lnTo>
                <a:lnTo>
                  <a:pt x="510" y="144"/>
                </a:lnTo>
                <a:lnTo>
                  <a:pt x="500" y="156"/>
                </a:lnTo>
                <a:lnTo>
                  <a:pt x="478" y="222"/>
                </a:lnTo>
                <a:lnTo>
                  <a:pt x="476" y="244"/>
                </a:lnTo>
                <a:lnTo>
                  <a:pt x="462" y="250"/>
                </a:lnTo>
                <a:lnTo>
                  <a:pt x="464" y="274"/>
                </a:lnTo>
                <a:lnTo>
                  <a:pt x="448" y="302"/>
                </a:lnTo>
                <a:lnTo>
                  <a:pt x="422" y="306"/>
                </a:lnTo>
                <a:lnTo>
                  <a:pt x="414" y="322"/>
                </a:lnTo>
                <a:lnTo>
                  <a:pt x="376" y="328"/>
                </a:lnTo>
                <a:lnTo>
                  <a:pt x="348" y="330"/>
                </a:lnTo>
                <a:lnTo>
                  <a:pt x="316" y="330"/>
                </a:lnTo>
                <a:lnTo>
                  <a:pt x="294" y="358"/>
                </a:lnTo>
                <a:lnTo>
                  <a:pt x="276" y="358"/>
                </a:lnTo>
                <a:lnTo>
                  <a:pt x="264" y="368"/>
                </a:lnTo>
                <a:lnTo>
                  <a:pt x="248" y="370"/>
                </a:lnTo>
                <a:lnTo>
                  <a:pt x="220" y="394"/>
                </a:lnTo>
                <a:lnTo>
                  <a:pt x="178" y="400"/>
                </a:lnTo>
                <a:lnTo>
                  <a:pt x="148" y="388"/>
                </a:lnTo>
                <a:lnTo>
                  <a:pt x="116" y="380"/>
                </a:lnTo>
                <a:lnTo>
                  <a:pt x="92" y="356"/>
                </a:lnTo>
                <a:lnTo>
                  <a:pt x="64" y="340"/>
                </a:lnTo>
                <a:lnTo>
                  <a:pt x="36" y="322"/>
                </a:lnTo>
                <a:lnTo>
                  <a:pt x="36" y="314"/>
                </a:lnTo>
                <a:lnTo>
                  <a:pt x="20" y="292"/>
                </a:lnTo>
                <a:lnTo>
                  <a:pt x="16" y="276"/>
                </a:lnTo>
                <a:lnTo>
                  <a:pt x="0" y="27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70" name="Freeform 15"/>
          <p:cNvSpPr>
            <a:spLocks/>
          </p:cNvSpPr>
          <p:nvPr/>
        </p:nvSpPr>
        <p:spPr bwMode="auto">
          <a:xfrm>
            <a:off x="5957888" y="4005263"/>
            <a:ext cx="609600" cy="336550"/>
          </a:xfrm>
          <a:custGeom>
            <a:avLst/>
            <a:gdLst>
              <a:gd name="T0" fmla="*/ 2147483647 w 470"/>
              <a:gd name="T1" fmla="*/ 2147483647 h 260"/>
              <a:gd name="T2" fmla="*/ 2147483647 w 470"/>
              <a:gd name="T3" fmla="*/ 2147483647 h 260"/>
              <a:gd name="T4" fmla="*/ 0 w 470"/>
              <a:gd name="T5" fmla="*/ 2147483647 h 260"/>
              <a:gd name="T6" fmla="*/ 0 w 470"/>
              <a:gd name="T7" fmla="*/ 2147483647 h 260"/>
              <a:gd name="T8" fmla="*/ 2147483647 w 470"/>
              <a:gd name="T9" fmla="*/ 2147483647 h 260"/>
              <a:gd name="T10" fmla="*/ 2147483647 w 470"/>
              <a:gd name="T11" fmla="*/ 2147483647 h 260"/>
              <a:gd name="T12" fmla="*/ 2147483647 w 470"/>
              <a:gd name="T13" fmla="*/ 2147483647 h 260"/>
              <a:gd name="T14" fmla="*/ 2147483647 w 470"/>
              <a:gd name="T15" fmla="*/ 2147483647 h 260"/>
              <a:gd name="T16" fmla="*/ 2147483647 w 470"/>
              <a:gd name="T17" fmla="*/ 2147483647 h 260"/>
              <a:gd name="T18" fmla="*/ 2147483647 w 470"/>
              <a:gd name="T19" fmla="*/ 2147483647 h 260"/>
              <a:gd name="T20" fmla="*/ 2147483647 w 470"/>
              <a:gd name="T21" fmla="*/ 2147483647 h 260"/>
              <a:gd name="T22" fmla="*/ 2147483647 w 470"/>
              <a:gd name="T23" fmla="*/ 2147483647 h 260"/>
              <a:gd name="T24" fmla="*/ 2147483647 w 470"/>
              <a:gd name="T25" fmla="*/ 2147483647 h 260"/>
              <a:gd name="T26" fmla="*/ 2147483647 w 470"/>
              <a:gd name="T27" fmla="*/ 2147483647 h 260"/>
              <a:gd name="T28" fmla="*/ 2147483647 w 470"/>
              <a:gd name="T29" fmla="*/ 2147483647 h 260"/>
              <a:gd name="T30" fmla="*/ 2147483647 w 470"/>
              <a:gd name="T31" fmla="*/ 2147483647 h 260"/>
              <a:gd name="T32" fmla="*/ 2147483647 w 470"/>
              <a:gd name="T33" fmla="*/ 2147483647 h 260"/>
              <a:gd name="T34" fmla="*/ 2147483647 w 470"/>
              <a:gd name="T35" fmla="*/ 2147483647 h 260"/>
              <a:gd name="T36" fmla="*/ 2147483647 w 470"/>
              <a:gd name="T37" fmla="*/ 2147483647 h 260"/>
              <a:gd name="T38" fmla="*/ 2147483647 w 470"/>
              <a:gd name="T39" fmla="*/ 2147483647 h 260"/>
              <a:gd name="T40" fmla="*/ 2147483647 w 470"/>
              <a:gd name="T41" fmla="*/ 2147483647 h 260"/>
              <a:gd name="T42" fmla="*/ 2147483647 w 470"/>
              <a:gd name="T43" fmla="*/ 2147483647 h 260"/>
              <a:gd name="T44" fmla="*/ 2147483647 w 470"/>
              <a:gd name="T45" fmla="*/ 2147483647 h 260"/>
              <a:gd name="T46" fmla="*/ 2147483647 w 470"/>
              <a:gd name="T47" fmla="*/ 2147483647 h 260"/>
              <a:gd name="T48" fmla="*/ 2147483647 w 470"/>
              <a:gd name="T49" fmla="*/ 2147483647 h 260"/>
              <a:gd name="T50" fmla="*/ 2147483647 w 470"/>
              <a:gd name="T51" fmla="*/ 2147483647 h 260"/>
              <a:gd name="T52" fmla="*/ 2147483647 w 470"/>
              <a:gd name="T53" fmla="*/ 2147483647 h 260"/>
              <a:gd name="T54" fmla="*/ 2147483647 w 470"/>
              <a:gd name="T55" fmla="*/ 2147483647 h 260"/>
              <a:gd name="T56" fmla="*/ 2147483647 w 470"/>
              <a:gd name="T57" fmla="*/ 2147483647 h 260"/>
              <a:gd name="T58" fmla="*/ 2147483647 w 470"/>
              <a:gd name="T59" fmla="*/ 2147483647 h 260"/>
              <a:gd name="T60" fmla="*/ 2147483647 w 470"/>
              <a:gd name="T61" fmla="*/ 2147483647 h 260"/>
              <a:gd name="T62" fmla="*/ 2147483647 w 470"/>
              <a:gd name="T63" fmla="*/ 0 h 260"/>
              <a:gd name="T64" fmla="*/ 2147483647 w 470"/>
              <a:gd name="T65" fmla="*/ 2147483647 h 260"/>
              <a:gd name="T66" fmla="*/ 2147483647 w 470"/>
              <a:gd name="T67" fmla="*/ 2147483647 h 260"/>
              <a:gd name="T68" fmla="*/ 2147483647 w 470"/>
              <a:gd name="T69" fmla="*/ 2147483647 h 260"/>
              <a:gd name="T70" fmla="*/ 2147483647 w 470"/>
              <a:gd name="T71" fmla="*/ 2147483647 h 260"/>
              <a:gd name="T72" fmla="*/ 2147483647 w 470"/>
              <a:gd name="T73" fmla="*/ 2147483647 h 260"/>
              <a:gd name="T74" fmla="*/ 2147483647 w 470"/>
              <a:gd name="T75" fmla="*/ 2147483647 h 260"/>
              <a:gd name="T76" fmla="*/ 2147483647 w 470"/>
              <a:gd name="T77" fmla="*/ 2147483647 h 260"/>
              <a:gd name="T78" fmla="*/ 2147483647 w 470"/>
              <a:gd name="T79" fmla="*/ 2147483647 h 260"/>
              <a:gd name="T80" fmla="*/ 2147483647 w 470"/>
              <a:gd name="T81" fmla="*/ 2147483647 h 260"/>
              <a:gd name="T82" fmla="*/ 2147483647 w 470"/>
              <a:gd name="T83" fmla="*/ 2147483647 h 260"/>
              <a:gd name="T84" fmla="*/ 2147483647 w 470"/>
              <a:gd name="T85" fmla="*/ 2147483647 h 260"/>
              <a:gd name="T86" fmla="*/ 2147483647 w 470"/>
              <a:gd name="T87" fmla="*/ 2147483647 h 260"/>
              <a:gd name="T88" fmla="*/ 2147483647 w 470"/>
              <a:gd name="T89" fmla="*/ 2147483647 h 260"/>
              <a:gd name="T90" fmla="*/ 2147483647 w 470"/>
              <a:gd name="T91" fmla="*/ 2147483647 h 260"/>
              <a:gd name="T92" fmla="*/ 2147483647 w 470"/>
              <a:gd name="T93" fmla="*/ 2147483647 h 260"/>
              <a:gd name="T94" fmla="*/ 2147483647 w 470"/>
              <a:gd name="T95" fmla="*/ 2147483647 h 260"/>
              <a:gd name="T96" fmla="*/ 2147483647 w 470"/>
              <a:gd name="T97" fmla="*/ 2147483647 h 260"/>
              <a:gd name="T98" fmla="*/ 2147483647 w 470"/>
              <a:gd name="T99" fmla="*/ 2147483647 h 260"/>
              <a:gd name="T100" fmla="*/ 2147483647 w 470"/>
              <a:gd name="T101" fmla="*/ 2147483647 h 260"/>
              <a:gd name="T102" fmla="*/ 2147483647 w 470"/>
              <a:gd name="T103" fmla="*/ 2147483647 h 260"/>
              <a:gd name="T104" fmla="*/ 2147483647 w 470"/>
              <a:gd name="T105" fmla="*/ 2147483647 h 260"/>
              <a:gd name="T106" fmla="*/ 2147483647 w 470"/>
              <a:gd name="T107" fmla="*/ 2147483647 h 260"/>
              <a:gd name="T108" fmla="*/ 2147483647 w 470"/>
              <a:gd name="T109" fmla="*/ 2147483647 h 260"/>
              <a:gd name="T110" fmla="*/ 2147483647 w 470"/>
              <a:gd name="T111" fmla="*/ 2147483647 h 260"/>
              <a:gd name="T112" fmla="*/ 2147483647 w 470"/>
              <a:gd name="T113" fmla="*/ 2147483647 h 260"/>
              <a:gd name="T114" fmla="*/ 2147483647 w 470"/>
              <a:gd name="T115" fmla="*/ 2147483647 h 260"/>
              <a:gd name="T116" fmla="*/ 2147483647 w 470"/>
              <a:gd name="T117" fmla="*/ 2147483647 h 260"/>
              <a:gd name="T118" fmla="*/ 2147483647 w 470"/>
              <a:gd name="T119" fmla="*/ 2147483647 h 260"/>
              <a:gd name="T120" fmla="*/ 2147483647 w 470"/>
              <a:gd name="T121" fmla="*/ 2147483647 h 260"/>
              <a:gd name="T122" fmla="*/ 2147483647 w 470"/>
              <a:gd name="T123" fmla="*/ 2147483647 h 260"/>
              <a:gd name="T124" fmla="*/ 2147483647 w 470"/>
              <a:gd name="T125" fmla="*/ 2147483647 h 260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470" h="260">
                <a:moveTo>
                  <a:pt x="26" y="220"/>
                </a:moveTo>
                <a:lnTo>
                  <a:pt x="14" y="208"/>
                </a:lnTo>
                <a:lnTo>
                  <a:pt x="0" y="188"/>
                </a:lnTo>
                <a:lnTo>
                  <a:pt x="0" y="170"/>
                </a:lnTo>
                <a:lnTo>
                  <a:pt x="8" y="148"/>
                </a:lnTo>
                <a:lnTo>
                  <a:pt x="24" y="124"/>
                </a:lnTo>
                <a:lnTo>
                  <a:pt x="54" y="126"/>
                </a:lnTo>
                <a:lnTo>
                  <a:pt x="82" y="108"/>
                </a:lnTo>
                <a:lnTo>
                  <a:pt x="86" y="92"/>
                </a:lnTo>
                <a:lnTo>
                  <a:pt x="98" y="90"/>
                </a:lnTo>
                <a:lnTo>
                  <a:pt x="100" y="62"/>
                </a:lnTo>
                <a:lnTo>
                  <a:pt x="118" y="54"/>
                </a:lnTo>
                <a:lnTo>
                  <a:pt x="118" y="40"/>
                </a:lnTo>
                <a:lnTo>
                  <a:pt x="138" y="28"/>
                </a:lnTo>
                <a:lnTo>
                  <a:pt x="152" y="24"/>
                </a:lnTo>
                <a:lnTo>
                  <a:pt x="166" y="24"/>
                </a:lnTo>
                <a:lnTo>
                  <a:pt x="168" y="36"/>
                </a:lnTo>
                <a:lnTo>
                  <a:pt x="180" y="36"/>
                </a:lnTo>
                <a:lnTo>
                  <a:pt x="186" y="20"/>
                </a:lnTo>
                <a:lnTo>
                  <a:pt x="204" y="6"/>
                </a:lnTo>
                <a:lnTo>
                  <a:pt x="216" y="24"/>
                </a:lnTo>
                <a:lnTo>
                  <a:pt x="238" y="32"/>
                </a:lnTo>
                <a:lnTo>
                  <a:pt x="238" y="56"/>
                </a:lnTo>
                <a:lnTo>
                  <a:pt x="264" y="50"/>
                </a:lnTo>
                <a:lnTo>
                  <a:pt x="264" y="36"/>
                </a:lnTo>
                <a:lnTo>
                  <a:pt x="284" y="22"/>
                </a:lnTo>
                <a:lnTo>
                  <a:pt x="310" y="16"/>
                </a:lnTo>
                <a:lnTo>
                  <a:pt x="324" y="28"/>
                </a:lnTo>
                <a:lnTo>
                  <a:pt x="342" y="22"/>
                </a:lnTo>
                <a:lnTo>
                  <a:pt x="342" y="8"/>
                </a:lnTo>
                <a:lnTo>
                  <a:pt x="374" y="8"/>
                </a:lnTo>
                <a:lnTo>
                  <a:pt x="388" y="0"/>
                </a:lnTo>
                <a:lnTo>
                  <a:pt x="414" y="8"/>
                </a:lnTo>
                <a:lnTo>
                  <a:pt x="434" y="28"/>
                </a:lnTo>
                <a:lnTo>
                  <a:pt x="456" y="28"/>
                </a:lnTo>
                <a:lnTo>
                  <a:pt x="470" y="36"/>
                </a:lnTo>
                <a:lnTo>
                  <a:pt x="464" y="52"/>
                </a:lnTo>
                <a:lnTo>
                  <a:pt x="462" y="82"/>
                </a:lnTo>
                <a:lnTo>
                  <a:pt x="450" y="102"/>
                </a:lnTo>
                <a:lnTo>
                  <a:pt x="454" y="124"/>
                </a:lnTo>
                <a:lnTo>
                  <a:pt x="418" y="140"/>
                </a:lnTo>
                <a:lnTo>
                  <a:pt x="410" y="128"/>
                </a:lnTo>
                <a:lnTo>
                  <a:pt x="404" y="124"/>
                </a:lnTo>
                <a:lnTo>
                  <a:pt x="390" y="112"/>
                </a:lnTo>
                <a:lnTo>
                  <a:pt x="362" y="126"/>
                </a:lnTo>
                <a:lnTo>
                  <a:pt x="338" y="120"/>
                </a:lnTo>
                <a:lnTo>
                  <a:pt x="316" y="126"/>
                </a:lnTo>
                <a:lnTo>
                  <a:pt x="304" y="146"/>
                </a:lnTo>
                <a:lnTo>
                  <a:pt x="302" y="166"/>
                </a:lnTo>
                <a:lnTo>
                  <a:pt x="292" y="166"/>
                </a:lnTo>
                <a:lnTo>
                  <a:pt x="270" y="190"/>
                </a:lnTo>
                <a:lnTo>
                  <a:pt x="250" y="182"/>
                </a:lnTo>
                <a:lnTo>
                  <a:pt x="234" y="182"/>
                </a:lnTo>
                <a:lnTo>
                  <a:pt x="226" y="200"/>
                </a:lnTo>
                <a:lnTo>
                  <a:pt x="180" y="210"/>
                </a:lnTo>
                <a:lnTo>
                  <a:pt x="172" y="216"/>
                </a:lnTo>
                <a:lnTo>
                  <a:pt x="170" y="230"/>
                </a:lnTo>
                <a:lnTo>
                  <a:pt x="180" y="238"/>
                </a:lnTo>
                <a:lnTo>
                  <a:pt x="166" y="250"/>
                </a:lnTo>
                <a:lnTo>
                  <a:pt x="126" y="256"/>
                </a:lnTo>
                <a:lnTo>
                  <a:pt x="86" y="260"/>
                </a:lnTo>
                <a:lnTo>
                  <a:pt x="54" y="236"/>
                </a:lnTo>
                <a:lnTo>
                  <a:pt x="26" y="22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71" name="Freeform 16"/>
          <p:cNvSpPr>
            <a:spLocks/>
          </p:cNvSpPr>
          <p:nvPr/>
        </p:nvSpPr>
        <p:spPr bwMode="auto">
          <a:xfrm>
            <a:off x="5486400" y="5010150"/>
            <a:ext cx="26988" cy="25400"/>
          </a:xfrm>
          <a:custGeom>
            <a:avLst/>
            <a:gdLst>
              <a:gd name="T0" fmla="*/ 2147483647 w 20"/>
              <a:gd name="T1" fmla="*/ 0 h 20"/>
              <a:gd name="T2" fmla="*/ 2147483647 w 20"/>
              <a:gd name="T3" fmla="*/ 2147483647 h 20"/>
              <a:gd name="T4" fmla="*/ 2147483647 w 20"/>
              <a:gd name="T5" fmla="*/ 2147483647 h 20"/>
              <a:gd name="T6" fmla="*/ 2147483647 w 20"/>
              <a:gd name="T7" fmla="*/ 2147483647 h 20"/>
              <a:gd name="T8" fmla="*/ 0 w 20"/>
              <a:gd name="T9" fmla="*/ 2147483647 h 20"/>
              <a:gd name="T10" fmla="*/ 2147483647 w 20"/>
              <a:gd name="T11" fmla="*/ 2147483647 h 20"/>
              <a:gd name="T12" fmla="*/ 2147483647 w 20"/>
              <a:gd name="T13" fmla="*/ 0 h 20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0" t="0" r="r" b="b"/>
            <a:pathLst>
              <a:path w="20" h="20">
                <a:moveTo>
                  <a:pt x="10" y="0"/>
                </a:moveTo>
                <a:lnTo>
                  <a:pt x="20" y="8"/>
                </a:lnTo>
                <a:lnTo>
                  <a:pt x="18" y="18"/>
                </a:lnTo>
                <a:lnTo>
                  <a:pt x="10" y="20"/>
                </a:lnTo>
                <a:lnTo>
                  <a:pt x="0" y="14"/>
                </a:lnTo>
                <a:lnTo>
                  <a:pt x="2" y="2"/>
                </a:lnTo>
                <a:lnTo>
                  <a:pt x="10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72" name="Freeform 17"/>
          <p:cNvSpPr>
            <a:spLocks/>
          </p:cNvSpPr>
          <p:nvPr/>
        </p:nvSpPr>
        <p:spPr bwMode="auto">
          <a:xfrm>
            <a:off x="5014913" y="5187950"/>
            <a:ext cx="125412" cy="274638"/>
          </a:xfrm>
          <a:custGeom>
            <a:avLst/>
            <a:gdLst>
              <a:gd name="T0" fmla="*/ 2147483647 w 97"/>
              <a:gd name="T1" fmla="*/ 2147483647 h 212"/>
              <a:gd name="T2" fmla="*/ 2147483647 w 97"/>
              <a:gd name="T3" fmla="*/ 2147483647 h 212"/>
              <a:gd name="T4" fmla="*/ 2147483647 w 97"/>
              <a:gd name="T5" fmla="*/ 2147483647 h 212"/>
              <a:gd name="T6" fmla="*/ 2147483647 w 97"/>
              <a:gd name="T7" fmla="*/ 2147483647 h 212"/>
              <a:gd name="T8" fmla="*/ 2147483647 w 97"/>
              <a:gd name="T9" fmla="*/ 2147483647 h 212"/>
              <a:gd name="T10" fmla="*/ 2147483647 w 97"/>
              <a:gd name="T11" fmla="*/ 2147483647 h 212"/>
              <a:gd name="T12" fmla="*/ 2147483647 w 97"/>
              <a:gd name="T13" fmla="*/ 2147483647 h 212"/>
              <a:gd name="T14" fmla="*/ 2147483647 w 97"/>
              <a:gd name="T15" fmla="*/ 0 h 212"/>
              <a:gd name="T16" fmla="*/ 2147483647 w 97"/>
              <a:gd name="T17" fmla="*/ 2147483647 h 212"/>
              <a:gd name="T18" fmla="*/ 2147483647 w 97"/>
              <a:gd name="T19" fmla="*/ 2147483647 h 212"/>
              <a:gd name="T20" fmla="*/ 2147483647 w 97"/>
              <a:gd name="T21" fmla="*/ 2147483647 h 212"/>
              <a:gd name="T22" fmla="*/ 2147483647 w 97"/>
              <a:gd name="T23" fmla="*/ 2147483647 h 212"/>
              <a:gd name="T24" fmla="*/ 2147483647 w 97"/>
              <a:gd name="T25" fmla="*/ 2147483647 h 212"/>
              <a:gd name="T26" fmla="*/ 2147483647 w 97"/>
              <a:gd name="T27" fmla="*/ 2147483647 h 212"/>
              <a:gd name="T28" fmla="*/ 2147483647 w 97"/>
              <a:gd name="T29" fmla="*/ 2147483647 h 212"/>
              <a:gd name="T30" fmla="*/ 2147483647 w 97"/>
              <a:gd name="T31" fmla="*/ 2147483647 h 212"/>
              <a:gd name="T32" fmla="*/ 2147483647 w 97"/>
              <a:gd name="T33" fmla="*/ 2147483647 h 212"/>
              <a:gd name="T34" fmla="*/ 2147483647 w 97"/>
              <a:gd name="T35" fmla="*/ 2147483647 h 212"/>
              <a:gd name="T36" fmla="*/ 2147483647 w 97"/>
              <a:gd name="T37" fmla="*/ 2147483647 h 212"/>
              <a:gd name="T38" fmla="*/ 2147483647 w 97"/>
              <a:gd name="T39" fmla="*/ 2147483647 h 212"/>
              <a:gd name="T40" fmla="*/ 2147483647 w 97"/>
              <a:gd name="T41" fmla="*/ 2147483647 h 212"/>
              <a:gd name="T42" fmla="*/ 2147483647 w 97"/>
              <a:gd name="T43" fmla="*/ 2147483647 h 212"/>
              <a:gd name="T44" fmla="*/ 2147483647 w 97"/>
              <a:gd name="T45" fmla="*/ 2147483647 h 212"/>
              <a:gd name="T46" fmla="*/ 2147483647 w 97"/>
              <a:gd name="T47" fmla="*/ 2147483647 h 212"/>
              <a:gd name="T48" fmla="*/ 2147483647 w 97"/>
              <a:gd name="T49" fmla="*/ 2147483647 h 212"/>
              <a:gd name="T50" fmla="*/ 2147483647 w 97"/>
              <a:gd name="T51" fmla="*/ 2147483647 h 212"/>
              <a:gd name="T52" fmla="*/ 2147483647 w 97"/>
              <a:gd name="T53" fmla="*/ 2147483647 h 212"/>
              <a:gd name="T54" fmla="*/ 2147483647 w 97"/>
              <a:gd name="T55" fmla="*/ 2147483647 h 212"/>
              <a:gd name="T56" fmla="*/ 2147483647 w 97"/>
              <a:gd name="T57" fmla="*/ 2147483647 h 212"/>
              <a:gd name="T58" fmla="*/ 2147483647 w 97"/>
              <a:gd name="T59" fmla="*/ 2147483647 h 212"/>
              <a:gd name="T60" fmla="*/ 2147483647 w 97"/>
              <a:gd name="T61" fmla="*/ 2147483647 h 212"/>
              <a:gd name="T62" fmla="*/ 2147483647 w 97"/>
              <a:gd name="T63" fmla="*/ 2147483647 h 212"/>
              <a:gd name="T64" fmla="*/ 2147483647 w 97"/>
              <a:gd name="T65" fmla="*/ 2147483647 h 212"/>
              <a:gd name="T66" fmla="*/ 2147483647 w 97"/>
              <a:gd name="T67" fmla="*/ 2147483647 h 212"/>
              <a:gd name="T68" fmla="*/ 0 w 97"/>
              <a:gd name="T69" fmla="*/ 2147483647 h 212"/>
              <a:gd name="T70" fmla="*/ 2147483647 w 97"/>
              <a:gd name="T71" fmla="*/ 2147483647 h 212"/>
              <a:gd name="T72" fmla="*/ 2147483647 w 97"/>
              <a:gd name="T73" fmla="*/ 2147483647 h 212"/>
              <a:gd name="T74" fmla="*/ 0 w 97"/>
              <a:gd name="T75" fmla="*/ 2147483647 h 212"/>
              <a:gd name="T76" fmla="*/ 2147483647 w 97"/>
              <a:gd name="T77" fmla="*/ 2147483647 h 212"/>
              <a:gd name="T78" fmla="*/ 2147483647 w 97"/>
              <a:gd name="T79" fmla="*/ 2147483647 h 212"/>
              <a:gd name="T80" fmla="*/ 2147483647 w 97"/>
              <a:gd name="T81" fmla="*/ 2147483647 h 212"/>
              <a:gd name="T82" fmla="*/ 2147483647 w 97"/>
              <a:gd name="T83" fmla="*/ 2147483647 h 212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97" h="212">
                <a:moveTo>
                  <a:pt x="16" y="58"/>
                </a:moveTo>
                <a:lnTo>
                  <a:pt x="36" y="52"/>
                </a:lnTo>
                <a:lnTo>
                  <a:pt x="46" y="42"/>
                </a:lnTo>
                <a:lnTo>
                  <a:pt x="60" y="36"/>
                </a:lnTo>
                <a:lnTo>
                  <a:pt x="72" y="42"/>
                </a:lnTo>
                <a:lnTo>
                  <a:pt x="78" y="22"/>
                </a:lnTo>
                <a:lnTo>
                  <a:pt x="78" y="12"/>
                </a:lnTo>
                <a:lnTo>
                  <a:pt x="80" y="0"/>
                </a:lnTo>
                <a:lnTo>
                  <a:pt x="89" y="8"/>
                </a:lnTo>
                <a:lnTo>
                  <a:pt x="91" y="26"/>
                </a:lnTo>
                <a:lnTo>
                  <a:pt x="91" y="48"/>
                </a:lnTo>
                <a:lnTo>
                  <a:pt x="95" y="62"/>
                </a:lnTo>
                <a:lnTo>
                  <a:pt x="97" y="86"/>
                </a:lnTo>
                <a:lnTo>
                  <a:pt x="97" y="118"/>
                </a:lnTo>
                <a:lnTo>
                  <a:pt x="82" y="138"/>
                </a:lnTo>
                <a:lnTo>
                  <a:pt x="80" y="156"/>
                </a:lnTo>
                <a:lnTo>
                  <a:pt x="80" y="174"/>
                </a:lnTo>
                <a:lnTo>
                  <a:pt x="72" y="188"/>
                </a:lnTo>
                <a:lnTo>
                  <a:pt x="64" y="204"/>
                </a:lnTo>
                <a:lnTo>
                  <a:pt x="62" y="212"/>
                </a:lnTo>
                <a:lnTo>
                  <a:pt x="50" y="212"/>
                </a:lnTo>
                <a:lnTo>
                  <a:pt x="50" y="200"/>
                </a:lnTo>
                <a:lnTo>
                  <a:pt x="38" y="200"/>
                </a:lnTo>
                <a:lnTo>
                  <a:pt x="30" y="194"/>
                </a:lnTo>
                <a:lnTo>
                  <a:pt x="22" y="184"/>
                </a:lnTo>
                <a:lnTo>
                  <a:pt x="34" y="174"/>
                </a:lnTo>
                <a:lnTo>
                  <a:pt x="32" y="168"/>
                </a:lnTo>
                <a:lnTo>
                  <a:pt x="10" y="164"/>
                </a:lnTo>
                <a:lnTo>
                  <a:pt x="14" y="154"/>
                </a:lnTo>
                <a:lnTo>
                  <a:pt x="20" y="144"/>
                </a:lnTo>
                <a:lnTo>
                  <a:pt x="6" y="142"/>
                </a:lnTo>
                <a:lnTo>
                  <a:pt x="10" y="134"/>
                </a:lnTo>
                <a:lnTo>
                  <a:pt x="16" y="122"/>
                </a:lnTo>
                <a:lnTo>
                  <a:pt x="8" y="114"/>
                </a:lnTo>
                <a:lnTo>
                  <a:pt x="0" y="108"/>
                </a:lnTo>
                <a:lnTo>
                  <a:pt x="6" y="100"/>
                </a:lnTo>
                <a:lnTo>
                  <a:pt x="10" y="94"/>
                </a:lnTo>
                <a:lnTo>
                  <a:pt x="0" y="84"/>
                </a:lnTo>
                <a:lnTo>
                  <a:pt x="6" y="78"/>
                </a:lnTo>
                <a:lnTo>
                  <a:pt x="12" y="74"/>
                </a:lnTo>
                <a:lnTo>
                  <a:pt x="12" y="62"/>
                </a:lnTo>
                <a:lnTo>
                  <a:pt x="16" y="5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73" name="Freeform 18"/>
          <p:cNvSpPr>
            <a:spLocks/>
          </p:cNvSpPr>
          <p:nvPr/>
        </p:nvSpPr>
        <p:spPr bwMode="auto">
          <a:xfrm>
            <a:off x="4957763" y="5486400"/>
            <a:ext cx="212725" cy="401638"/>
          </a:xfrm>
          <a:custGeom>
            <a:avLst/>
            <a:gdLst>
              <a:gd name="T0" fmla="*/ 2147483647 w 165"/>
              <a:gd name="T1" fmla="*/ 2147483647 h 310"/>
              <a:gd name="T2" fmla="*/ 2147483647 w 165"/>
              <a:gd name="T3" fmla="*/ 2147483647 h 310"/>
              <a:gd name="T4" fmla="*/ 2147483647 w 165"/>
              <a:gd name="T5" fmla="*/ 2147483647 h 310"/>
              <a:gd name="T6" fmla="*/ 2147483647 w 165"/>
              <a:gd name="T7" fmla="*/ 2147483647 h 310"/>
              <a:gd name="T8" fmla="*/ 2147483647 w 165"/>
              <a:gd name="T9" fmla="*/ 2147483647 h 310"/>
              <a:gd name="T10" fmla="*/ 2147483647 w 165"/>
              <a:gd name="T11" fmla="*/ 2147483647 h 310"/>
              <a:gd name="T12" fmla="*/ 2147483647 w 165"/>
              <a:gd name="T13" fmla="*/ 0 h 310"/>
              <a:gd name="T14" fmla="*/ 2147483647 w 165"/>
              <a:gd name="T15" fmla="*/ 2147483647 h 310"/>
              <a:gd name="T16" fmla="*/ 2147483647 w 165"/>
              <a:gd name="T17" fmla="*/ 2147483647 h 310"/>
              <a:gd name="T18" fmla="*/ 2147483647 w 165"/>
              <a:gd name="T19" fmla="*/ 2147483647 h 310"/>
              <a:gd name="T20" fmla="*/ 2147483647 w 165"/>
              <a:gd name="T21" fmla="*/ 2147483647 h 310"/>
              <a:gd name="T22" fmla="*/ 2147483647 w 165"/>
              <a:gd name="T23" fmla="*/ 2147483647 h 310"/>
              <a:gd name="T24" fmla="*/ 2147483647 w 165"/>
              <a:gd name="T25" fmla="*/ 2147483647 h 310"/>
              <a:gd name="T26" fmla="*/ 2147483647 w 165"/>
              <a:gd name="T27" fmla="*/ 2147483647 h 310"/>
              <a:gd name="T28" fmla="*/ 2147483647 w 165"/>
              <a:gd name="T29" fmla="*/ 2147483647 h 310"/>
              <a:gd name="T30" fmla="*/ 2147483647 w 165"/>
              <a:gd name="T31" fmla="*/ 2147483647 h 310"/>
              <a:gd name="T32" fmla="*/ 2147483647 w 165"/>
              <a:gd name="T33" fmla="*/ 2147483647 h 310"/>
              <a:gd name="T34" fmla="*/ 2147483647 w 165"/>
              <a:gd name="T35" fmla="*/ 2147483647 h 310"/>
              <a:gd name="T36" fmla="*/ 2147483647 w 165"/>
              <a:gd name="T37" fmla="*/ 2147483647 h 310"/>
              <a:gd name="T38" fmla="*/ 2147483647 w 165"/>
              <a:gd name="T39" fmla="*/ 2147483647 h 310"/>
              <a:gd name="T40" fmla="*/ 2147483647 w 165"/>
              <a:gd name="T41" fmla="*/ 2147483647 h 310"/>
              <a:gd name="T42" fmla="*/ 2147483647 w 165"/>
              <a:gd name="T43" fmla="*/ 2147483647 h 310"/>
              <a:gd name="T44" fmla="*/ 2147483647 w 165"/>
              <a:gd name="T45" fmla="*/ 2147483647 h 310"/>
              <a:gd name="T46" fmla="*/ 2147483647 w 165"/>
              <a:gd name="T47" fmla="*/ 2147483647 h 310"/>
              <a:gd name="T48" fmla="*/ 2147483647 w 165"/>
              <a:gd name="T49" fmla="*/ 2147483647 h 310"/>
              <a:gd name="T50" fmla="*/ 2147483647 w 165"/>
              <a:gd name="T51" fmla="*/ 2147483647 h 310"/>
              <a:gd name="T52" fmla="*/ 2147483647 w 165"/>
              <a:gd name="T53" fmla="*/ 2147483647 h 310"/>
              <a:gd name="T54" fmla="*/ 2147483647 w 165"/>
              <a:gd name="T55" fmla="*/ 2147483647 h 310"/>
              <a:gd name="T56" fmla="*/ 2147483647 w 165"/>
              <a:gd name="T57" fmla="*/ 2147483647 h 310"/>
              <a:gd name="T58" fmla="*/ 2147483647 w 165"/>
              <a:gd name="T59" fmla="*/ 2147483647 h 310"/>
              <a:gd name="T60" fmla="*/ 2147483647 w 165"/>
              <a:gd name="T61" fmla="*/ 2147483647 h 310"/>
              <a:gd name="T62" fmla="*/ 2147483647 w 165"/>
              <a:gd name="T63" fmla="*/ 2147483647 h 310"/>
              <a:gd name="T64" fmla="*/ 2147483647 w 165"/>
              <a:gd name="T65" fmla="*/ 2147483647 h 310"/>
              <a:gd name="T66" fmla="*/ 2147483647 w 165"/>
              <a:gd name="T67" fmla="*/ 2147483647 h 310"/>
              <a:gd name="T68" fmla="*/ 2147483647 w 165"/>
              <a:gd name="T69" fmla="*/ 2147483647 h 310"/>
              <a:gd name="T70" fmla="*/ 2147483647 w 165"/>
              <a:gd name="T71" fmla="*/ 2147483647 h 310"/>
              <a:gd name="T72" fmla="*/ 2147483647 w 165"/>
              <a:gd name="T73" fmla="*/ 2147483647 h 310"/>
              <a:gd name="T74" fmla="*/ 2147483647 w 165"/>
              <a:gd name="T75" fmla="*/ 2147483647 h 310"/>
              <a:gd name="T76" fmla="*/ 2147483647 w 165"/>
              <a:gd name="T77" fmla="*/ 2147483647 h 310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</a:gdLst>
            <a:ahLst/>
            <a:cxnLst>
              <a:cxn ang="T78">
                <a:pos x="T0" y="T1"/>
              </a:cxn>
              <a:cxn ang="T79">
                <a:pos x="T2" y="T3"/>
              </a:cxn>
              <a:cxn ang="T80">
                <a:pos x="T4" y="T5"/>
              </a:cxn>
              <a:cxn ang="T81">
                <a:pos x="T6" y="T7"/>
              </a:cxn>
              <a:cxn ang="T82">
                <a:pos x="T8" y="T9"/>
              </a:cxn>
              <a:cxn ang="T83">
                <a:pos x="T10" y="T11"/>
              </a:cxn>
              <a:cxn ang="T84">
                <a:pos x="T12" y="T13"/>
              </a:cxn>
              <a:cxn ang="T85">
                <a:pos x="T14" y="T15"/>
              </a:cxn>
              <a:cxn ang="T86">
                <a:pos x="T16" y="T17"/>
              </a:cxn>
              <a:cxn ang="T87">
                <a:pos x="T18" y="T19"/>
              </a:cxn>
              <a:cxn ang="T88">
                <a:pos x="T20" y="T21"/>
              </a:cxn>
              <a:cxn ang="T89">
                <a:pos x="T22" y="T23"/>
              </a:cxn>
              <a:cxn ang="T90">
                <a:pos x="T24" y="T25"/>
              </a:cxn>
              <a:cxn ang="T91">
                <a:pos x="T26" y="T27"/>
              </a:cxn>
              <a:cxn ang="T92">
                <a:pos x="T28" y="T29"/>
              </a:cxn>
              <a:cxn ang="T93">
                <a:pos x="T30" y="T31"/>
              </a:cxn>
              <a:cxn ang="T94">
                <a:pos x="T32" y="T33"/>
              </a:cxn>
              <a:cxn ang="T95">
                <a:pos x="T34" y="T35"/>
              </a:cxn>
              <a:cxn ang="T96">
                <a:pos x="T36" y="T37"/>
              </a:cxn>
              <a:cxn ang="T97">
                <a:pos x="T38" y="T39"/>
              </a:cxn>
              <a:cxn ang="T98">
                <a:pos x="T40" y="T41"/>
              </a:cxn>
              <a:cxn ang="T99">
                <a:pos x="T42" y="T43"/>
              </a:cxn>
              <a:cxn ang="T100">
                <a:pos x="T44" y="T45"/>
              </a:cxn>
              <a:cxn ang="T101">
                <a:pos x="T46" y="T47"/>
              </a:cxn>
              <a:cxn ang="T102">
                <a:pos x="T48" y="T49"/>
              </a:cxn>
              <a:cxn ang="T103">
                <a:pos x="T50" y="T51"/>
              </a:cxn>
              <a:cxn ang="T104">
                <a:pos x="T52" y="T53"/>
              </a:cxn>
              <a:cxn ang="T105">
                <a:pos x="T54" y="T55"/>
              </a:cxn>
              <a:cxn ang="T106">
                <a:pos x="T56" y="T57"/>
              </a:cxn>
              <a:cxn ang="T107">
                <a:pos x="T58" y="T59"/>
              </a:cxn>
              <a:cxn ang="T108">
                <a:pos x="T60" y="T61"/>
              </a:cxn>
              <a:cxn ang="T109">
                <a:pos x="T62" y="T63"/>
              </a:cxn>
              <a:cxn ang="T110">
                <a:pos x="T64" y="T65"/>
              </a:cxn>
              <a:cxn ang="T111">
                <a:pos x="T66" y="T67"/>
              </a:cxn>
              <a:cxn ang="T112">
                <a:pos x="T68" y="T69"/>
              </a:cxn>
              <a:cxn ang="T113">
                <a:pos x="T70" y="T71"/>
              </a:cxn>
              <a:cxn ang="T114">
                <a:pos x="T72" y="T73"/>
              </a:cxn>
              <a:cxn ang="T115">
                <a:pos x="T74" y="T75"/>
              </a:cxn>
              <a:cxn ang="T116">
                <a:pos x="T76" y="T77"/>
              </a:cxn>
            </a:cxnLst>
            <a:rect l="0" t="0" r="r" b="b"/>
            <a:pathLst>
              <a:path w="165" h="310">
                <a:moveTo>
                  <a:pt x="18" y="18"/>
                </a:moveTo>
                <a:lnTo>
                  <a:pt x="16" y="26"/>
                </a:lnTo>
                <a:lnTo>
                  <a:pt x="12" y="34"/>
                </a:lnTo>
                <a:lnTo>
                  <a:pt x="10" y="44"/>
                </a:lnTo>
                <a:lnTo>
                  <a:pt x="20" y="52"/>
                </a:lnTo>
                <a:lnTo>
                  <a:pt x="36" y="54"/>
                </a:lnTo>
                <a:lnTo>
                  <a:pt x="48" y="46"/>
                </a:lnTo>
                <a:lnTo>
                  <a:pt x="52" y="44"/>
                </a:lnTo>
                <a:lnTo>
                  <a:pt x="62" y="44"/>
                </a:lnTo>
                <a:lnTo>
                  <a:pt x="88" y="18"/>
                </a:lnTo>
                <a:lnTo>
                  <a:pt x="94" y="16"/>
                </a:lnTo>
                <a:lnTo>
                  <a:pt x="100" y="12"/>
                </a:lnTo>
                <a:lnTo>
                  <a:pt x="102" y="2"/>
                </a:lnTo>
                <a:lnTo>
                  <a:pt x="114" y="0"/>
                </a:lnTo>
                <a:lnTo>
                  <a:pt x="116" y="8"/>
                </a:lnTo>
                <a:lnTo>
                  <a:pt x="124" y="12"/>
                </a:lnTo>
                <a:lnTo>
                  <a:pt x="141" y="18"/>
                </a:lnTo>
                <a:lnTo>
                  <a:pt x="139" y="26"/>
                </a:lnTo>
                <a:lnTo>
                  <a:pt x="149" y="32"/>
                </a:lnTo>
                <a:lnTo>
                  <a:pt x="143" y="42"/>
                </a:lnTo>
                <a:lnTo>
                  <a:pt x="155" y="56"/>
                </a:lnTo>
                <a:lnTo>
                  <a:pt x="155" y="68"/>
                </a:lnTo>
                <a:lnTo>
                  <a:pt x="161" y="78"/>
                </a:lnTo>
                <a:lnTo>
                  <a:pt x="165" y="90"/>
                </a:lnTo>
                <a:lnTo>
                  <a:pt x="165" y="110"/>
                </a:lnTo>
                <a:lnTo>
                  <a:pt x="155" y="116"/>
                </a:lnTo>
                <a:lnTo>
                  <a:pt x="145" y="128"/>
                </a:lnTo>
                <a:lnTo>
                  <a:pt x="151" y="138"/>
                </a:lnTo>
                <a:lnTo>
                  <a:pt x="157" y="152"/>
                </a:lnTo>
                <a:lnTo>
                  <a:pt x="153" y="164"/>
                </a:lnTo>
                <a:lnTo>
                  <a:pt x="153" y="196"/>
                </a:lnTo>
                <a:lnTo>
                  <a:pt x="151" y="208"/>
                </a:lnTo>
                <a:lnTo>
                  <a:pt x="149" y="236"/>
                </a:lnTo>
                <a:lnTo>
                  <a:pt x="147" y="252"/>
                </a:lnTo>
                <a:lnTo>
                  <a:pt x="141" y="260"/>
                </a:lnTo>
                <a:lnTo>
                  <a:pt x="141" y="272"/>
                </a:lnTo>
                <a:lnTo>
                  <a:pt x="137" y="280"/>
                </a:lnTo>
                <a:lnTo>
                  <a:pt x="126" y="276"/>
                </a:lnTo>
                <a:lnTo>
                  <a:pt x="112" y="266"/>
                </a:lnTo>
                <a:lnTo>
                  <a:pt x="102" y="266"/>
                </a:lnTo>
                <a:lnTo>
                  <a:pt x="92" y="262"/>
                </a:lnTo>
                <a:lnTo>
                  <a:pt x="88" y="268"/>
                </a:lnTo>
                <a:lnTo>
                  <a:pt x="86" y="280"/>
                </a:lnTo>
                <a:lnTo>
                  <a:pt x="88" y="288"/>
                </a:lnTo>
                <a:lnTo>
                  <a:pt x="80" y="296"/>
                </a:lnTo>
                <a:lnTo>
                  <a:pt x="70" y="308"/>
                </a:lnTo>
                <a:lnTo>
                  <a:pt x="60" y="306"/>
                </a:lnTo>
                <a:lnTo>
                  <a:pt x="52" y="304"/>
                </a:lnTo>
                <a:lnTo>
                  <a:pt x="48" y="310"/>
                </a:lnTo>
                <a:lnTo>
                  <a:pt x="42" y="306"/>
                </a:lnTo>
                <a:lnTo>
                  <a:pt x="40" y="292"/>
                </a:lnTo>
                <a:lnTo>
                  <a:pt x="32" y="282"/>
                </a:lnTo>
                <a:lnTo>
                  <a:pt x="26" y="288"/>
                </a:lnTo>
                <a:lnTo>
                  <a:pt x="20" y="282"/>
                </a:lnTo>
                <a:lnTo>
                  <a:pt x="24" y="274"/>
                </a:lnTo>
                <a:lnTo>
                  <a:pt x="18" y="262"/>
                </a:lnTo>
                <a:lnTo>
                  <a:pt x="24" y="248"/>
                </a:lnTo>
                <a:lnTo>
                  <a:pt x="20" y="238"/>
                </a:lnTo>
                <a:lnTo>
                  <a:pt x="24" y="224"/>
                </a:lnTo>
                <a:lnTo>
                  <a:pt x="30" y="212"/>
                </a:lnTo>
                <a:lnTo>
                  <a:pt x="26" y="196"/>
                </a:lnTo>
                <a:lnTo>
                  <a:pt x="38" y="190"/>
                </a:lnTo>
                <a:lnTo>
                  <a:pt x="36" y="178"/>
                </a:lnTo>
                <a:lnTo>
                  <a:pt x="22" y="170"/>
                </a:lnTo>
                <a:lnTo>
                  <a:pt x="22" y="158"/>
                </a:lnTo>
                <a:lnTo>
                  <a:pt x="30" y="150"/>
                </a:lnTo>
                <a:lnTo>
                  <a:pt x="30" y="122"/>
                </a:lnTo>
                <a:lnTo>
                  <a:pt x="22" y="114"/>
                </a:lnTo>
                <a:lnTo>
                  <a:pt x="20" y="100"/>
                </a:lnTo>
                <a:lnTo>
                  <a:pt x="12" y="86"/>
                </a:lnTo>
                <a:lnTo>
                  <a:pt x="0" y="84"/>
                </a:lnTo>
                <a:lnTo>
                  <a:pt x="2" y="72"/>
                </a:lnTo>
                <a:lnTo>
                  <a:pt x="0" y="60"/>
                </a:lnTo>
                <a:lnTo>
                  <a:pt x="6" y="50"/>
                </a:lnTo>
                <a:lnTo>
                  <a:pt x="6" y="38"/>
                </a:lnTo>
                <a:lnTo>
                  <a:pt x="8" y="28"/>
                </a:lnTo>
                <a:lnTo>
                  <a:pt x="14" y="18"/>
                </a:lnTo>
                <a:lnTo>
                  <a:pt x="18" y="1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74" name="Freeform 19"/>
          <p:cNvSpPr>
            <a:spLocks/>
          </p:cNvSpPr>
          <p:nvPr/>
        </p:nvSpPr>
        <p:spPr bwMode="auto">
          <a:xfrm>
            <a:off x="5530850" y="5957888"/>
            <a:ext cx="425450" cy="282575"/>
          </a:xfrm>
          <a:custGeom>
            <a:avLst/>
            <a:gdLst>
              <a:gd name="T0" fmla="*/ 2147483647 w 328"/>
              <a:gd name="T1" fmla="*/ 2147483647 h 218"/>
              <a:gd name="T2" fmla="*/ 2147483647 w 328"/>
              <a:gd name="T3" fmla="*/ 2147483647 h 218"/>
              <a:gd name="T4" fmla="*/ 2147483647 w 328"/>
              <a:gd name="T5" fmla="*/ 2147483647 h 218"/>
              <a:gd name="T6" fmla="*/ 2147483647 w 328"/>
              <a:gd name="T7" fmla="*/ 2147483647 h 218"/>
              <a:gd name="T8" fmla="*/ 2147483647 w 328"/>
              <a:gd name="T9" fmla="*/ 2147483647 h 218"/>
              <a:gd name="T10" fmla="*/ 2147483647 w 328"/>
              <a:gd name="T11" fmla="*/ 2147483647 h 218"/>
              <a:gd name="T12" fmla="*/ 2147483647 w 328"/>
              <a:gd name="T13" fmla="*/ 2147483647 h 218"/>
              <a:gd name="T14" fmla="*/ 2147483647 w 328"/>
              <a:gd name="T15" fmla="*/ 2147483647 h 218"/>
              <a:gd name="T16" fmla="*/ 2147483647 w 328"/>
              <a:gd name="T17" fmla="*/ 2147483647 h 218"/>
              <a:gd name="T18" fmla="*/ 2147483647 w 328"/>
              <a:gd name="T19" fmla="*/ 2147483647 h 218"/>
              <a:gd name="T20" fmla="*/ 2147483647 w 328"/>
              <a:gd name="T21" fmla="*/ 2147483647 h 218"/>
              <a:gd name="T22" fmla="*/ 2147483647 w 328"/>
              <a:gd name="T23" fmla="*/ 2147483647 h 218"/>
              <a:gd name="T24" fmla="*/ 2147483647 w 328"/>
              <a:gd name="T25" fmla="*/ 2147483647 h 218"/>
              <a:gd name="T26" fmla="*/ 2147483647 w 328"/>
              <a:gd name="T27" fmla="*/ 2147483647 h 218"/>
              <a:gd name="T28" fmla="*/ 2147483647 w 328"/>
              <a:gd name="T29" fmla="*/ 2147483647 h 218"/>
              <a:gd name="T30" fmla="*/ 2147483647 w 328"/>
              <a:gd name="T31" fmla="*/ 2147483647 h 218"/>
              <a:gd name="T32" fmla="*/ 2147483647 w 328"/>
              <a:gd name="T33" fmla="*/ 2147483647 h 218"/>
              <a:gd name="T34" fmla="*/ 2147483647 w 328"/>
              <a:gd name="T35" fmla="*/ 2147483647 h 218"/>
              <a:gd name="T36" fmla="*/ 2147483647 w 328"/>
              <a:gd name="T37" fmla="*/ 2147483647 h 218"/>
              <a:gd name="T38" fmla="*/ 2147483647 w 328"/>
              <a:gd name="T39" fmla="*/ 2147483647 h 218"/>
              <a:gd name="T40" fmla="*/ 2147483647 w 328"/>
              <a:gd name="T41" fmla="*/ 2147483647 h 218"/>
              <a:gd name="T42" fmla="*/ 2147483647 w 328"/>
              <a:gd name="T43" fmla="*/ 2147483647 h 218"/>
              <a:gd name="T44" fmla="*/ 2147483647 w 328"/>
              <a:gd name="T45" fmla="*/ 2147483647 h 218"/>
              <a:gd name="T46" fmla="*/ 2147483647 w 328"/>
              <a:gd name="T47" fmla="*/ 2147483647 h 218"/>
              <a:gd name="T48" fmla="*/ 2147483647 w 328"/>
              <a:gd name="T49" fmla="*/ 2147483647 h 218"/>
              <a:gd name="T50" fmla="*/ 2147483647 w 328"/>
              <a:gd name="T51" fmla="*/ 2147483647 h 218"/>
              <a:gd name="T52" fmla="*/ 2147483647 w 328"/>
              <a:gd name="T53" fmla="*/ 2147483647 h 218"/>
              <a:gd name="T54" fmla="*/ 2147483647 w 328"/>
              <a:gd name="T55" fmla="*/ 2147483647 h 218"/>
              <a:gd name="T56" fmla="*/ 2147483647 w 328"/>
              <a:gd name="T57" fmla="*/ 2147483647 h 218"/>
              <a:gd name="T58" fmla="*/ 2147483647 w 328"/>
              <a:gd name="T59" fmla="*/ 2147483647 h 218"/>
              <a:gd name="T60" fmla="*/ 2147483647 w 328"/>
              <a:gd name="T61" fmla="*/ 2147483647 h 218"/>
              <a:gd name="T62" fmla="*/ 2147483647 w 328"/>
              <a:gd name="T63" fmla="*/ 2147483647 h 218"/>
              <a:gd name="T64" fmla="*/ 2147483647 w 328"/>
              <a:gd name="T65" fmla="*/ 2147483647 h 218"/>
              <a:gd name="T66" fmla="*/ 2147483647 w 328"/>
              <a:gd name="T67" fmla="*/ 2147483647 h 218"/>
              <a:gd name="T68" fmla="*/ 2147483647 w 328"/>
              <a:gd name="T69" fmla="*/ 2147483647 h 218"/>
              <a:gd name="T70" fmla="*/ 2147483647 w 328"/>
              <a:gd name="T71" fmla="*/ 2147483647 h 218"/>
              <a:gd name="T72" fmla="*/ 2147483647 w 328"/>
              <a:gd name="T73" fmla="*/ 2147483647 h 218"/>
              <a:gd name="T74" fmla="*/ 2147483647 w 328"/>
              <a:gd name="T75" fmla="*/ 2147483647 h 218"/>
              <a:gd name="T76" fmla="*/ 2147483647 w 328"/>
              <a:gd name="T77" fmla="*/ 2147483647 h 218"/>
              <a:gd name="T78" fmla="*/ 2147483647 w 328"/>
              <a:gd name="T79" fmla="*/ 2147483647 h 218"/>
              <a:gd name="T80" fmla="*/ 0 w 328"/>
              <a:gd name="T81" fmla="*/ 2147483647 h 218"/>
              <a:gd name="T82" fmla="*/ 2147483647 w 328"/>
              <a:gd name="T83" fmla="*/ 2147483647 h 218"/>
              <a:gd name="T84" fmla="*/ 2147483647 w 328"/>
              <a:gd name="T85" fmla="*/ 2147483647 h 218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328" h="218">
                <a:moveTo>
                  <a:pt x="32" y="36"/>
                </a:moveTo>
                <a:lnTo>
                  <a:pt x="36" y="46"/>
                </a:lnTo>
                <a:lnTo>
                  <a:pt x="44" y="52"/>
                </a:lnTo>
                <a:lnTo>
                  <a:pt x="56" y="50"/>
                </a:lnTo>
                <a:lnTo>
                  <a:pt x="62" y="42"/>
                </a:lnTo>
                <a:lnTo>
                  <a:pt x="66" y="32"/>
                </a:lnTo>
                <a:lnTo>
                  <a:pt x="74" y="32"/>
                </a:lnTo>
                <a:lnTo>
                  <a:pt x="88" y="24"/>
                </a:lnTo>
                <a:lnTo>
                  <a:pt x="96" y="28"/>
                </a:lnTo>
                <a:lnTo>
                  <a:pt x="102" y="38"/>
                </a:lnTo>
                <a:lnTo>
                  <a:pt x="112" y="40"/>
                </a:lnTo>
                <a:lnTo>
                  <a:pt x="120" y="50"/>
                </a:lnTo>
                <a:lnTo>
                  <a:pt x="130" y="52"/>
                </a:lnTo>
                <a:lnTo>
                  <a:pt x="144" y="56"/>
                </a:lnTo>
                <a:lnTo>
                  <a:pt x="158" y="46"/>
                </a:lnTo>
                <a:lnTo>
                  <a:pt x="168" y="46"/>
                </a:lnTo>
                <a:lnTo>
                  <a:pt x="180" y="46"/>
                </a:lnTo>
                <a:lnTo>
                  <a:pt x="196" y="46"/>
                </a:lnTo>
                <a:lnTo>
                  <a:pt x="214" y="42"/>
                </a:lnTo>
                <a:lnTo>
                  <a:pt x="226" y="36"/>
                </a:lnTo>
                <a:lnTo>
                  <a:pt x="234" y="30"/>
                </a:lnTo>
                <a:lnTo>
                  <a:pt x="236" y="26"/>
                </a:lnTo>
                <a:lnTo>
                  <a:pt x="240" y="24"/>
                </a:lnTo>
                <a:lnTo>
                  <a:pt x="252" y="22"/>
                </a:lnTo>
                <a:lnTo>
                  <a:pt x="266" y="22"/>
                </a:lnTo>
                <a:lnTo>
                  <a:pt x="276" y="24"/>
                </a:lnTo>
                <a:lnTo>
                  <a:pt x="286" y="14"/>
                </a:lnTo>
                <a:lnTo>
                  <a:pt x="300" y="14"/>
                </a:lnTo>
                <a:lnTo>
                  <a:pt x="308" y="6"/>
                </a:lnTo>
                <a:lnTo>
                  <a:pt x="316" y="2"/>
                </a:lnTo>
                <a:lnTo>
                  <a:pt x="324" y="0"/>
                </a:lnTo>
                <a:lnTo>
                  <a:pt x="328" y="4"/>
                </a:lnTo>
                <a:lnTo>
                  <a:pt x="322" y="10"/>
                </a:lnTo>
                <a:lnTo>
                  <a:pt x="322" y="18"/>
                </a:lnTo>
                <a:lnTo>
                  <a:pt x="318" y="26"/>
                </a:lnTo>
                <a:lnTo>
                  <a:pt x="312" y="38"/>
                </a:lnTo>
                <a:lnTo>
                  <a:pt x="308" y="48"/>
                </a:lnTo>
                <a:lnTo>
                  <a:pt x="302" y="58"/>
                </a:lnTo>
                <a:lnTo>
                  <a:pt x="292" y="72"/>
                </a:lnTo>
                <a:lnTo>
                  <a:pt x="292" y="84"/>
                </a:lnTo>
                <a:lnTo>
                  <a:pt x="290" y="98"/>
                </a:lnTo>
                <a:lnTo>
                  <a:pt x="282" y="108"/>
                </a:lnTo>
                <a:lnTo>
                  <a:pt x="282" y="128"/>
                </a:lnTo>
                <a:lnTo>
                  <a:pt x="286" y="134"/>
                </a:lnTo>
                <a:lnTo>
                  <a:pt x="298" y="136"/>
                </a:lnTo>
                <a:lnTo>
                  <a:pt x="298" y="148"/>
                </a:lnTo>
                <a:lnTo>
                  <a:pt x="304" y="160"/>
                </a:lnTo>
                <a:lnTo>
                  <a:pt x="306" y="168"/>
                </a:lnTo>
                <a:lnTo>
                  <a:pt x="308" y="176"/>
                </a:lnTo>
                <a:lnTo>
                  <a:pt x="296" y="182"/>
                </a:lnTo>
                <a:lnTo>
                  <a:pt x="290" y="188"/>
                </a:lnTo>
                <a:lnTo>
                  <a:pt x="290" y="196"/>
                </a:lnTo>
                <a:lnTo>
                  <a:pt x="290" y="210"/>
                </a:lnTo>
                <a:lnTo>
                  <a:pt x="290" y="218"/>
                </a:lnTo>
                <a:lnTo>
                  <a:pt x="274" y="218"/>
                </a:lnTo>
                <a:lnTo>
                  <a:pt x="266" y="212"/>
                </a:lnTo>
                <a:lnTo>
                  <a:pt x="256" y="216"/>
                </a:lnTo>
                <a:lnTo>
                  <a:pt x="246" y="218"/>
                </a:lnTo>
                <a:lnTo>
                  <a:pt x="236" y="210"/>
                </a:lnTo>
                <a:lnTo>
                  <a:pt x="222" y="210"/>
                </a:lnTo>
                <a:lnTo>
                  <a:pt x="218" y="200"/>
                </a:lnTo>
                <a:lnTo>
                  <a:pt x="216" y="190"/>
                </a:lnTo>
                <a:lnTo>
                  <a:pt x="202" y="182"/>
                </a:lnTo>
                <a:lnTo>
                  <a:pt x="194" y="172"/>
                </a:lnTo>
                <a:lnTo>
                  <a:pt x="184" y="168"/>
                </a:lnTo>
                <a:lnTo>
                  <a:pt x="170" y="168"/>
                </a:lnTo>
                <a:lnTo>
                  <a:pt x="156" y="170"/>
                </a:lnTo>
                <a:lnTo>
                  <a:pt x="146" y="164"/>
                </a:lnTo>
                <a:lnTo>
                  <a:pt x="138" y="162"/>
                </a:lnTo>
                <a:lnTo>
                  <a:pt x="130" y="156"/>
                </a:lnTo>
                <a:lnTo>
                  <a:pt x="122" y="148"/>
                </a:lnTo>
                <a:lnTo>
                  <a:pt x="110" y="146"/>
                </a:lnTo>
                <a:lnTo>
                  <a:pt x="98" y="138"/>
                </a:lnTo>
                <a:lnTo>
                  <a:pt x="88" y="132"/>
                </a:lnTo>
                <a:lnTo>
                  <a:pt x="74" y="120"/>
                </a:lnTo>
                <a:lnTo>
                  <a:pt x="60" y="120"/>
                </a:lnTo>
                <a:lnTo>
                  <a:pt x="54" y="116"/>
                </a:lnTo>
                <a:lnTo>
                  <a:pt x="36" y="114"/>
                </a:lnTo>
                <a:lnTo>
                  <a:pt x="24" y="114"/>
                </a:lnTo>
                <a:lnTo>
                  <a:pt x="14" y="104"/>
                </a:lnTo>
                <a:lnTo>
                  <a:pt x="2" y="96"/>
                </a:lnTo>
                <a:lnTo>
                  <a:pt x="0" y="82"/>
                </a:lnTo>
                <a:lnTo>
                  <a:pt x="2" y="60"/>
                </a:lnTo>
                <a:lnTo>
                  <a:pt x="12" y="50"/>
                </a:lnTo>
                <a:lnTo>
                  <a:pt x="20" y="42"/>
                </a:lnTo>
                <a:lnTo>
                  <a:pt x="32" y="3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75" name="Freeform 20"/>
          <p:cNvSpPr>
            <a:spLocks/>
          </p:cNvSpPr>
          <p:nvPr/>
        </p:nvSpPr>
        <p:spPr bwMode="auto">
          <a:xfrm>
            <a:off x="4733925" y="3976688"/>
            <a:ext cx="84138" cy="122237"/>
          </a:xfrm>
          <a:custGeom>
            <a:avLst/>
            <a:gdLst>
              <a:gd name="T0" fmla="*/ 2147483647 w 64"/>
              <a:gd name="T1" fmla="*/ 2147483647 h 94"/>
              <a:gd name="T2" fmla="*/ 2147483647 w 64"/>
              <a:gd name="T3" fmla="*/ 2147483647 h 94"/>
              <a:gd name="T4" fmla="*/ 2147483647 w 64"/>
              <a:gd name="T5" fmla="*/ 2147483647 h 94"/>
              <a:gd name="T6" fmla="*/ 2147483647 w 64"/>
              <a:gd name="T7" fmla="*/ 2147483647 h 94"/>
              <a:gd name="T8" fmla="*/ 0 w 64"/>
              <a:gd name="T9" fmla="*/ 2147483647 h 94"/>
              <a:gd name="T10" fmla="*/ 2147483647 w 64"/>
              <a:gd name="T11" fmla="*/ 2147483647 h 94"/>
              <a:gd name="T12" fmla="*/ 2147483647 w 64"/>
              <a:gd name="T13" fmla="*/ 2147483647 h 94"/>
              <a:gd name="T14" fmla="*/ 2147483647 w 64"/>
              <a:gd name="T15" fmla="*/ 0 h 94"/>
              <a:gd name="T16" fmla="*/ 2147483647 w 64"/>
              <a:gd name="T17" fmla="*/ 2147483647 h 94"/>
              <a:gd name="T18" fmla="*/ 2147483647 w 64"/>
              <a:gd name="T19" fmla="*/ 2147483647 h 94"/>
              <a:gd name="T20" fmla="*/ 2147483647 w 64"/>
              <a:gd name="T21" fmla="*/ 2147483647 h 94"/>
              <a:gd name="T22" fmla="*/ 2147483647 w 64"/>
              <a:gd name="T23" fmla="*/ 2147483647 h 94"/>
              <a:gd name="T24" fmla="*/ 2147483647 w 64"/>
              <a:gd name="T25" fmla="*/ 2147483647 h 94"/>
              <a:gd name="T26" fmla="*/ 2147483647 w 64"/>
              <a:gd name="T27" fmla="*/ 2147483647 h 94"/>
              <a:gd name="T28" fmla="*/ 2147483647 w 64"/>
              <a:gd name="T29" fmla="*/ 2147483647 h 94"/>
              <a:gd name="T30" fmla="*/ 2147483647 w 64"/>
              <a:gd name="T31" fmla="*/ 2147483647 h 94"/>
              <a:gd name="T32" fmla="*/ 2147483647 w 64"/>
              <a:gd name="T33" fmla="*/ 2147483647 h 94"/>
              <a:gd name="T34" fmla="*/ 2147483647 w 64"/>
              <a:gd name="T35" fmla="*/ 2147483647 h 94"/>
              <a:gd name="T36" fmla="*/ 2147483647 w 64"/>
              <a:gd name="T37" fmla="*/ 2147483647 h 94"/>
              <a:gd name="T38" fmla="*/ 2147483647 w 64"/>
              <a:gd name="T39" fmla="*/ 2147483647 h 94"/>
              <a:gd name="T40" fmla="*/ 2147483647 w 64"/>
              <a:gd name="T41" fmla="*/ 2147483647 h 94"/>
              <a:gd name="T42" fmla="*/ 2147483647 w 64"/>
              <a:gd name="T43" fmla="*/ 2147483647 h 94"/>
              <a:gd name="T44" fmla="*/ 2147483647 w 64"/>
              <a:gd name="T45" fmla="*/ 2147483647 h 94"/>
              <a:gd name="T46" fmla="*/ 2147483647 w 64"/>
              <a:gd name="T47" fmla="*/ 2147483647 h 94"/>
              <a:gd name="T48" fmla="*/ 2147483647 w 64"/>
              <a:gd name="T49" fmla="*/ 2147483647 h 94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0" t="0" r="r" b="b"/>
            <a:pathLst>
              <a:path w="64" h="94">
                <a:moveTo>
                  <a:pt x="4" y="82"/>
                </a:moveTo>
                <a:lnTo>
                  <a:pt x="6" y="72"/>
                </a:lnTo>
                <a:lnTo>
                  <a:pt x="10" y="64"/>
                </a:lnTo>
                <a:lnTo>
                  <a:pt x="2" y="52"/>
                </a:lnTo>
                <a:lnTo>
                  <a:pt x="0" y="40"/>
                </a:lnTo>
                <a:lnTo>
                  <a:pt x="2" y="24"/>
                </a:lnTo>
                <a:lnTo>
                  <a:pt x="10" y="12"/>
                </a:lnTo>
                <a:lnTo>
                  <a:pt x="16" y="0"/>
                </a:lnTo>
                <a:lnTo>
                  <a:pt x="28" y="2"/>
                </a:lnTo>
                <a:lnTo>
                  <a:pt x="34" y="2"/>
                </a:lnTo>
                <a:lnTo>
                  <a:pt x="34" y="14"/>
                </a:lnTo>
                <a:lnTo>
                  <a:pt x="32" y="26"/>
                </a:lnTo>
                <a:lnTo>
                  <a:pt x="42" y="38"/>
                </a:lnTo>
                <a:lnTo>
                  <a:pt x="52" y="46"/>
                </a:lnTo>
                <a:lnTo>
                  <a:pt x="62" y="50"/>
                </a:lnTo>
                <a:lnTo>
                  <a:pt x="64" y="58"/>
                </a:lnTo>
                <a:lnTo>
                  <a:pt x="54" y="68"/>
                </a:lnTo>
                <a:lnTo>
                  <a:pt x="48" y="76"/>
                </a:lnTo>
                <a:lnTo>
                  <a:pt x="48" y="88"/>
                </a:lnTo>
                <a:lnTo>
                  <a:pt x="38" y="86"/>
                </a:lnTo>
                <a:lnTo>
                  <a:pt x="30" y="84"/>
                </a:lnTo>
                <a:lnTo>
                  <a:pt x="24" y="90"/>
                </a:lnTo>
                <a:lnTo>
                  <a:pt x="18" y="94"/>
                </a:lnTo>
                <a:lnTo>
                  <a:pt x="10" y="86"/>
                </a:lnTo>
                <a:lnTo>
                  <a:pt x="4" y="8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76" name="Freeform 21"/>
          <p:cNvSpPr>
            <a:spLocks/>
          </p:cNvSpPr>
          <p:nvPr/>
        </p:nvSpPr>
        <p:spPr bwMode="auto">
          <a:xfrm>
            <a:off x="5140325" y="4465638"/>
            <a:ext cx="22225" cy="41275"/>
          </a:xfrm>
          <a:custGeom>
            <a:avLst/>
            <a:gdLst>
              <a:gd name="T0" fmla="*/ 2147483647 w 18"/>
              <a:gd name="T1" fmla="*/ 0 h 32"/>
              <a:gd name="T2" fmla="*/ 2147483647 w 18"/>
              <a:gd name="T3" fmla="*/ 2147483647 h 32"/>
              <a:gd name="T4" fmla="*/ 2147483647 w 18"/>
              <a:gd name="T5" fmla="*/ 2147483647 h 32"/>
              <a:gd name="T6" fmla="*/ 2147483647 w 18"/>
              <a:gd name="T7" fmla="*/ 2147483647 h 32"/>
              <a:gd name="T8" fmla="*/ 2147483647 w 18"/>
              <a:gd name="T9" fmla="*/ 2147483647 h 32"/>
              <a:gd name="T10" fmla="*/ 0 w 18"/>
              <a:gd name="T11" fmla="*/ 2147483647 h 32"/>
              <a:gd name="T12" fmla="*/ 0 w 18"/>
              <a:gd name="T13" fmla="*/ 2147483647 h 32"/>
              <a:gd name="T14" fmla="*/ 2147483647 w 18"/>
              <a:gd name="T15" fmla="*/ 2147483647 h 32"/>
              <a:gd name="T16" fmla="*/ 2147483647 w 18"/>
              <a:gd name="T17" fmla="*/ 0 h 3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18" h="32">
                <a:moveTo>
                  <a:pt x="4" y="0"/>
                </a:moveTo>
                <a:lnTo>
                  <a:pt x="14" y="2"/>
                </a:lnTo>
                <a:lnTo>
                  <a:pt x="18" y="16"/>
                </a:lnTo>
                <a:lnTo>
                  <a:pt x="16" y="26"/>
                </a:lnTo>
                <a:lnTo>
                  <a:pt x="14" y="32"/>
                </a:lnTo>
                <a:lnTo>
                  <a:pt x="0" y="30"/>
                </a:lnTo>
                <a:lnTo>
                  <a:pt x="0" y="18"/>
                </a:lnTo>
                <a:lnTo>
                  <a:pt x="2" y="4"/>
                </a:lnTo>
                <a:lnTo>
                  <a:pt x="4" y="0"/>
                </a:lnTo>
                <a:close/>
              </a:path>
            </a:pathLst>
          </a:custGeom>
          <a:solidFill>
            <a:srgbClr val="5DBACA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77" name="Freeform 22"/>
          <p:cNvSpPr>
            <a:spLocks/>
          </p:cNvSpPr>
          <p:nvPr/>
        </p:nvSpPr>
        <p:spPr bwMode="auto">
          <a:xfrm>
            <a:off x="4727575" y="4381500"/>
            <a:ext cx="523875" cy="330200"/>
          </a:xfrm>
          <a:custGeom>
            <a:avLst/>
            <a:gdLst>
              <a:gd name="T0" fmla="*/ 2147483647 w 405"/>
              <a:gd name="T1" fmla="*/ 2147483647 h 256"/>
              <a:gd name="T2" fmla="*/ 2147483647 w 405"/>
              <a:gd name="T3" fmla="*/ 2147483647 h 256"/>
              <a:gd name="T4" fmla="*/ 2147483647 w 405"/>
              <a:gd name="T5" fmla="*/ 2147483647 h 256"/>
              <a:gd name="T6" fmla="*/ 2147483647 w 405"/>
              <a:gd name="T7" fmla="*/ 2147483647 h 256"/>
              <a:gd name="T8" fmla="*/ 2147483647 w 405"/>
              <a:gd name="T9" fmla="*/ 2147483647 h 256"/>
              <a:gd name="T10" fmla="*/ 2147483647 w 405"/>
              <a:gd name="T11" fmla="*/ 2147483647 h 256"/>
              <a:gd name="T12" fmla="*/ 2147483647 w 405"/>
              <a:gd name="T13" fmla="*/ 2147483647 h 256"/>
              <a:gd name="T14" fmla="*/ 2147483647 w 405"/>
              <a:gd name="T15" fmla="*/ 2147483647 h 256"/>
              <a:gd name="T16" fmla="*/ 2147483647 w 405"/>
              <a:gd name="T17" fmla="*/ 2147483647 h 256"/>
              <a:gd name="T18" fmla="*/ 2147483647 w 405"/>
              <a:gd name="T19" fmla="*/ 2147483647 h 256"/>
              <a:gd name="T20" fmla="*/ 2147483647 w 405"/>
              <a:gd name="T21" fmla="*/ 2147483647 h 256"/>
              <a:gd name="T22" fmla="*/ 2147483647 w 405"/>
              <a:gd name="T23" fmla="*/ 2147483647 h 256"/>
              <a:gd name="T24" fmla="*/ 2147483647 w 405"/>
              <a:gd name="T25" fmla="*/ 2147483647 h 256"/>
              <a:gd name="T26" fmla="*/ 2147483647 w 405"/>
              <a:gd name="T27" fmla="*/ 2147483647 h 256"/>
              <a:gd name="T28" fmla="*/ 2147483647 w 405"/>
              <a:gd name="T29" fmla="*/ 2147483647 h 256"/>
              <a:gd name="T30" fmla="*/ 2147483647 w 405"/>
              <a:gd name="T31" fmla="*/ 2147483647 h 256"/>
              <a:gd name="T32" fmla="*/ 2147483647 w 405"/>
              <a:gd name="T33" fmla="*/ 2147483647 h 256"/>
              <a:gd name="T34" fmla="*/ 2147483647 w 405"/>
              <a:gd name="T35" fmla="*/ 2147483647 h 256"/>
              <a:gd name="T36" fmla="*/ 2147483647 w 405"/>
              <a:gd name="T37" fmla="*/ 2147483647 h 256"/>
              <a:gd name="T38" fmla="*/ 2147483647 w 405"/>
              <a:gd name="T39" fmla="*/ 2147483647 h 256"/>
              <a:gd name="T40" fmla="*/ 2147483647 w 405"/>
              <a:gd name="T41" fmla="*/ 2147483647 h 256"/>
              <a:gd name="T42" fmla="*/ 2147483647 w 405"/>
              <a:gd name="T43" fmla="*/ 2147483647 h 256"/>
              <a:gd name="T44" fmla="*/ 2147483647 w 405"/>
              <a:gd name="T45" fmla="*/ 2147483647 h 256"/>
              <a:gd name="T46" fmla="*/ 2147483647 w 405"/>
              <a:gd name="T47" fmla="*/ 2147483647 h 256"/>
              <a:gd name="T48" fmla="*/ 2147483647 w 405"/>
              <a:gd name="T49" fmla="*/ 2147483647 h 256"/>
              <a:gd name="T50" fmla="*/ 0 w 405"/>
              <a:gd name="T51" fmla="*/ 2147483647 h 256"/>
              <a:gd name="T52" fmla="*/ 2147483647 w 405"/>
              <a:gd name="T53" fmla="*/ 2147483647 h 256"/>
              <a:gd name="T54" fmla="*/ 2147483647 w 405"/>
              <a:gd name="T55" fmla="*/ 2147483647 h 256"/>
              <a:gd name="T56" fmla="*/ 2147483647 w 405"/>
              <a:gd name="T57" fmla="*/ 2147483647 h 256"/>
              <a:gd name="T58" fmla="*/ 2147483647 w 405"/>
              <a:gd name="T59" fmla="*/ 2147483647 h 256"/>
              <a:gd name="T60" fmla="*/ 2147483647 w 405"/>
              <a:gd name="T61" fmla="*/ 2147483647 h 256"/>
              <a:gd name="T62" fmla="*/ 2147483647 w 405"/>
              <a:gd name="T63" fmla="*/ 2147483647 h 256"/>
              <a:gd name="T64" fmla="*/ 2147483647 w 405"/>
              <a:gd name="T65" fmla="*/ 2147483647 h 256"/>
              <a:gd name="T66" fmla="*/ 2147483647 w 405"/>
              <a:gd name="T67" fmla="*/ 2147483647 h 256"/>
              <a:gd name="T68" fmla="*/ 2147483647 w 405"/>
              <a:gd name="T69" fmla="*/ 2147483647 h 256"/>
              <a:gd name="T70" fmla="*/ 2147483647 w 405"/>
              <a:gd name="T71" fmla="*/ 2147483647 h 256"/>
              <a:gd name="T72" fmla="*/ 2147483647 w 405"/>
              <a:gd name="T73" fmla="*/ 2147483647 h 256"/>
              <a:gd name="T74" fmla="*/ 2147483647 w 405"/>
              <a:gd name="T75" fmla="*/ 0 h 256"/>
              <a:gd name="T76" fmla="*/ 2147483647 w 405"/>
              <a:gd name="T77" fmla="*/ 2147483647 h 256"/>
              <a:gd name="T78" fmla="*/ 2147483647 w 405"/>
              <a:gd name="T79" fmla="*/ 2147483647 h 256"/>
              <a:gd name="T80" fmla="*/ 2147483647 w 405"/>
              <a:gd name="T81" fmla="*/ 2147483647 h 256"/>
              <a:gd name="T82" fmla="*/ 2147483647 w 405"/>
              <a:gd name="T83" fmla="*/ 2147483647 h 256"/>
              <a:gd name="T84" fmla="*/ 2147483647 w 405"/>
              <a:gd name="T85" fmla="*/ 2147483647 h 256"/>
              <a:gd name="T86" fmla="*/ 2147483647 w 405"/>
              <a:gd name="T87" fmla="*/ 2147483647 h 25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0" t="0" r="r" b="b"/>
            <a:pathLst>
              <a:path w="405" h="256">
                <a:moveTo>
                  <a:pt x="351" y="106"/>
                </a:moveTo>
                <a:lnTo>
                  <a:pt x="361" y="122"/>
                </a:lnTo>
                <a:lnTo>
                  <a:pt x="377" y="126"/>
                </a:lnTo>
                <a:lnTo>
                  <a:pt x="395" y="104"/>
                </a:lnTo>
                <a:lnTo>
                  <a:pt x="405" y="110"/>
                </a:lnTo>
                <a:lnTo>
                  <a:pt x="405" y="124"/>
                </a:lnTo>
                <a:lnTo>
                  <a:pt x="399" y="140"/>
                </a:lnTo>
                <a:lnTo>
                  <a:pt x="399" y="148"/>
                </a:lnTo>
                <a:lnTo>
                  <a:pt x="405" y="154"/>
                </a:lnTo>
                <a:lnTo>
                  <a:pt x="405" y="164"/>
                </a:lnTo>
                <a:lnTo>
                  <a:pt x="389" y="164"/>
                </a:lnTo>
                <a:lnTo>
                  <a:pt x="379" y="154"/>
                </a:lnTo>
                <a:lnTo>
                  <a:pt x="365" y="168"/>
                </a:lnTo>
                <a:lnTo>
                  <a:pt x="377" y="182"/>
                </a:lnTo>
                <a:lnTo>
                  <a:pt x="375" y="192"/>
                </a:lnTo>
                <a:lnTo>
                  <a:pt x="379" y="200"/>
                </a:lnTo>
                <a:lnTo>
                  <a:pt x="369" y="204"/>
                </a:lnTo>
                <a:lnTo>
                  <a:pt x="355" y="184"/>
                </a:lnTo>
                <a:lnTo>
                  <a:pt x="331" y="196"/>
                </a:lnTo>
                <a:lnTo>
                  <a:pt x="315" y="188"/>
                </a:lnTo>
                <a:lnTo>
                  <a:pt x="313" y="172"/>
                </a:lnTo>
                <a:lnTo>
                  <a:pt x="296" y="172"/>
                </a:lnTo>
                <a:lnTo>
                  <a:pt x="296" y="204"/>
                </a:lnTo>
                <a:lnTo>
                  <a:pt x="272" y="226"/>
                </a:lnTo>
                <a:lnTo>
                  <a:pt x="272" y="240"/>
                </a:lnTo>
                <a:lnTo>
                  <a:pt x="278" y="254"/>
                </a:lnTo>
                <a:lnTo>
                  <a:pt x="266" y="256"/>
                </a:lnTo>
                <a:lnTo>
                  <a:pt x="262" y="242"/>
                </a:lnTo>
                <a:lnTo>
                  <a:pt x="254" y="234"/>
                </a:lnTo>
                <a:lnTo>
                  <a:pt x="258" y="222"/>
                </a:lnTo>
                <a:lnTo>
                  <a:pt x="242" y="220"/>
                </a:lnTo>
                <a:lnTo>
                  <a:pt x="224" y="204"/>
                </a:lnTo>
                <a:lnTo>
                  <a:pt x="224" y="174"/>
                </a:lnTo>
                <a:lnTo>
                  <a:pt x="212" y="176"/>
                </a:lnTo>
                <a:lnTo>
                  <a:pt x="200" y="194"/>
                </a:lnTo>
                <a:lnTo>
                  <a:pt x="190" y="196"/>
                </a:lnTo>
                <a:lnTo>
                  <a:pt x="194" y="210"/>
                </a:lnTo>
                <a:lnTo>
                  <a:pt x="182" y="232"/>
                </a:lnTo>
                <a:lnTo>
                  <a:pt x="166" y="242"/>
                </a:lnTo>
                <a:lnTo>
                  <a:pt x="148" y="234"/>
                </a:lnTo>
                <a:lnTo>
                  <a:pt x="128" y="240"/>
                </a:lnTo>
                <a:lnTo>
                  <a:pt x="100" y="246"/>
                </a:lnTo>
                <a:lnTo>
                  <a:pt x="92" y="240"/>
                </a:lnTo>
                <a:lnTo>
                  <a:pt x="88" y="224"/>
                </a:lnTo>
                <a:lnTo>
                  <a:pt x="74" y="210"/>
                </a:lnTo>
                <a:lnTo>
                  <a:pt x="76" y="188"/>
                </a:lnTo>
                <a:lnTo>
                  <a:pt x="60" y="178"/>
                </a:lnTo>
                <a:lnTo>
                  <a:pt x="44" y="174"/>
                </a:lnTo>
                <a:lnTo>
                  <a:pt x="32" y="182"/>
                </a:lnTo>
                <a:lnTo>
                  <a:pt x="30" y="194"/>
                </a:lnTo>
                <a:lnTo>
                  <a:pt x="12" y="206"/>
                </a:lnTo>
                <a:lnTo>
                  <a:pt x="0" y="204"/>
                </a:lnTo>
                <a:lnTo>
                  <a:pt x="0" y="196"/>
                </a:lnTo>
                <a:lnTo>
                  <a:pt x="10" y="190"/>
                </a:lnTo>
                <a:lnTo>
                  <a:pt x="18" y="176"/>
                </a:lnTo>
                <a:lnTo>
                  <a:pt x="12" y="164"/>
                </a:lnTo>
                <a:lnTo>
                  <a:pt x="18" y="148"/>
                </a:lnTo>
                <a:lnTo>
                  <a:pt x="44" y="130"/>
                </a:lnTo>
                <a:lnTo>
                  <a:pt x="50" y="106"/>
                </a:lnTo>
                <a:lnTo>
                  <a:pt x="70" y="92"/>
                </a:lnTo>
                <a:lnTo>
                  <a:pt x="78" y="68"/>
                </a:lnTo>
                <a:lnTo>
                  <a:pt x="96" y="58"/>
                </a:lnTo>
                <a:lnTo>
                  <a:pt x="98" y="38"/>
                </a:lnTo>
                <a:lnTo>
                  <a:pt x="110" y="38"/>
                </a:lnTo>
                <a:lnTo>
                  <a:pt x="114" y="44"/>
                </a:lnTo>
                <a:lnTo>
                  <a:pt x="132" y="44"/>
                </a:lnTo>
                <a:lnTo>
                  <a:pt x="142" y="28"/>
                </a:lnTo>
                <a:lnTo>
                  <a:pt x="148" y="20"/>
                </a:lnTo>
                <a:lnTo>
                  <a:pt x="162" y="32"/>
                </a:lnTo>
                <a:lnTo>
                  <a:pt x="172" y="20"/>
                </a:lnTo>
                <a:lnTo>
                  <a:pt x="190" y="34"/>
                </a:lnTo>
                <a:lnTo>
                  <a:pt x="208" y="20"/>
                </a:lnTo>
                <a:lnTo>
                  <a:pt x="224" y="30"/>
                </a:lnTo>
                <a:lnTo>
                  <a:pt x="238" y="24"/>
                </a:lnTo>
                <a:lnTo>
                  <a:pt x="224" y="10"/>
                </a:lnTo>
                <a:lnTo>
                  <a:pt x="238" y="0"/>
                </a:lnTo>
                <a:lnTo>
                  <a:pt x="254" y="8"/>
                </a:lnTo>
                <a:lnTo>
                  <a:pt x="266" y="20"/>
                </a:lnTo>
                <a:lnTo>
                  <a:pt x="284" y="14"/>
                </a:lnTo>
                <a:lnTo>
                  <a:pt x="300" y="24"/>
                </a:lnTo>
                <a:lnTo>
                  <a:pt x="315" y="38"/>
                </a:lnTo>
                <a:lnTo>
                  <a:pt x="335" y="44"/>
                </a:lnTo>
                <a:lnTo>
                  <a:pt x="329" y="54"/>
                </a:lnTo>
                <a:lnTo>
                  <a:pt x="323" y="66"/>
                </a:lnTo>
                <a:lnTo>
                  <a:pt x="321" y="70"/>
                </a:lnTo>
                <a:lnTo>
                  <a:pt x="319" y="96"/>
                </a:lnTo>
                <a:lnTo>
                  <a:pt x="333" y="98"/>
                </a:lnTo>
                <a:lnTo>
                  <a:pt x="351" y="10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78" name="Freeform 23"/>
          <p:cNvSpPr>
            <a:spLocks/>
          </p:cNvSpPr>
          <p:nvPr/>
        </p:nvSpPr>
        <p:spPr bwMode="auto">
          <a:xfrm>
            <a:off x="5145088" y="4160838"/>
            <a:ext cx="846137" cy="439737"/>
          </a:xfrm>
          <a:custGeom>
            <a:avLst/>
            <a:gdLst>
              <a:gd name="T0" fmla="*/ 2147483647 w 654"/>
              <a:gd name="T1" fmla="*/ 2147483647 h 340"/>
              <a:gd name="T2" fmla="*/ 2147483647 w 654"/>
              <a:gd name="T3" fmla="*/ 2147483647 h 340"/>
              <a:gd name="T4" fmla="*/ 2147483647 w 654"/>
              <a:gd name="T5" fmla="*/ 2147483647 h 340"/>
              <a:gd name="T6" fmla="*/ 2147483647 w 654"/>
              <a:gd name="T7" fmla="*/ 2147483647 h 340"/>
              <a:gd name="T8" fmla="*/ 2147483647 w 654"/>
              <a:gd name="T9" fmla="*/ 2147483647 h 340"/>
              <a:gd name="T10" fmla="*/ 2147483647 w 654"/>
              <a:gd name="T11" fmla="*/ 2147483647 h 340"/>
              <a:gd name="T12" fmla="*/ 2147483647 w 654"/>
              <a:gd name="T13" fmla="*/ 2147483647 h 340"/>
              <a:gd name="T14" fmla="*/ 2147483647 w 654"/>
              <a:gd name="T15" fmla="*/ 2147483647 h 340"/>
              <a:gd name="T16" fmla="*/ 2147483647 w 654"/>
              <a:gd name="T17" fmla="*/ 2147483647 h 340"/>
              <a:gd name="T18" fmla="*/ 2147483647 w 654"/>
              <a:gd name="T19" fmla="*/ 2147483647 h 340"/>
              <a:gd name="T20" fmla="*/ 2147483647 w 654"/>
              <a:gd name="T21" fmla="*/ 2147483647 h 340"/>
              <a:gd name="T22" fmla="*/ 2147483647 w 654"/>
              <a:gd name="T23" fmla="*/ 2147483647 h 340"/>
              <a:gd name="T24" fmla="*/ 2147483647 w 654"/>
              <a:gd name="T25" fmla="*/ 2147483647 h 340"/>
              <a:gd name="T26" fmla="*/ 2147483647 w 654"/>
              <a:gd name="T27" fmla="*/ 2147483647 h 340"/>
              <a:gd name="T28" fmla="*/ 2147483647 w 654"/>
              <a:gd name="T29" fmla="*/ 2147483647 h 340"/>
              <a:gd name="T30" fmla="*/ 2147483647 w 654"/>
              <a:gd name="T31" fmla="*/ 2147483647 h 340"/>
              <a:gd name="T32" fmla="*/ 2147483647 w 654"/>
              <a:gd name="T33" fmla="*/ 2147483647 h 340"/>
              <a:gd name="T34" fmla="*/ 2147483647 w 654"/>
              <a:gd name="T35" fmla="*/ 2147483647 h 340"/>
              <a:gd name="T36" fmla="*/ 2147483647 w 654"/>
              <a:gd name="T37" fmla="*/ 2147483647 h 340"/>
              <a:gd name="T38" fmla="*/ 2147483647 w 654"/>
              <a:gd name="T39" fmla="*/ 2147483647 h 340"/>
              <a:gd name="T40" fmla="*/ 2147483647 w 654"/>
              <a:gd name="T41" fmla="*/ 2147483647 h 340"/>
              <a:gd name="T42" fmla="*/ 2147483647 w 654"/>
              <a:gd name="T43" fmla="*/ 2147483647 h 340"/>
              <a:gd name="T44" fmla="*/ 2147483647 w 654"/>
              <a:gd name="T45" fmla="*/ 2147483647 h 340"/>
              <a:gd name="T46" fmla="*/ 2147483647 w 654"/>
              <a:gd name="T47" fmla="*/ 2147483647 h 340"/>
              <a:gd name="T48" fmla="*/ 2147483647 w 654"/>
              <a:gd name="T49" fmla="*/ 2147483647 h 340"/>
              <a:gd name="T50" fmla="*/ 2147483647 w 654"/>
              <a:gd name="T51" fmla="*/ 2147483647 h 340"/>
              <a:gd name="T52" fmla="*/ 2147483647 w 654"/>
              <a:gd name="T53" fmla="*/ 2147483647 h 340"/>
              <a:gd name="T54" fmla="*/ 2147483647 w 654"/>
              <a:gd name="T55" fmla="*/ 2147483647 h 340"/>
              <a:gd name="T56" fmla="*/ 2147483647 w 654"/>
              <a:gd name="T57" fmla="*/ 0 h 340"/>
              <a:gd name="T58" fmla="*/ 2147483647 w 654"/>
              <a:gd name="T59" fmla="*/ 2147483647 h 340"/>
              <a:gd name="T60" fmla="*/ 2147483647 w 654"/>
              <a:gd name="T61" fmla="*/ 2147483647 h 340"/>
              <a:gd name="T62" fmla="*/ 2147483647 w 654"/>
              <a:gd name="T63" fmla="*/ 2147483647 h 340"/>
              <a:gd name="T64" fmla="*/ 2147483647 w 654"/>
              <a:gd name="T65" fmla="*/ 2147483647 h 340"/>
              <a:gd name="T66" fmla="*/ 2147483647 w 654"/>
              <a:gd name="T67" fmla="*/ 2147483647 h 340"/>
              <a:gd name="T68" fmla="*/ 2147483647 w 654"/>
              <a:gd name="T69" fmla="*/ 2147483647 h 340"/>
              <a:gd name="T70" fmla="*/ 2147483647 w 654"/>
              <a:gd name="T71" fmla="*/ 2147483647 h 340"/>
              <a:gd name="T72" fmla="*/ 2147483647 w 654"/>
              <a:gd name="T73" fmla="*/ 2147483647 h 340"/>
              <a:gd name="T74" fmla="*/ 2147483647 w 654"/>
              <a:gd name="T75" fmla="*/ 2147483647 h 340"/>
              <a:gd name="T76" fmla="*/ 2147483647 w 654"/>
              <a:gd name="T77" fmla="*/ 2147483647 h 340"/>
              <a:gd name="T78" fmla="*/ 2147483647 w 654"/>
              <a:gd name="T79" fmla="*/ 2147483647 h 340"/>
              <a:gd name="T80" fmla="*/ 2147483647 w 654"/>
              <a:gd name="T81" fmla="*/ 2147483647 h 340"/>
              <a:gd name="T82" fmla="*/ 2147483647 w 654"/>
              <a:gd name="T83" fmla="*/ 2147483647 h 340"/>
              <a:gd name="T84" fmla="*/ 2147483647 w 654"/>
              <a:gd name="T85" fmla="*/ 2147483647 h 340"/>
              <a:gd name="T86" fmla="*/ 2147483647 w 654"/>
              <a:gd name="T87" fmla="*/ 2147483647 h 340"/>
              <a:gd name="T88" fmla="*/ 2147483647 w 654"/>
              <a:gd name="T89" fmla="*/ 2147483647 h 340"/>
              <a:gd name="T90" fmla="*/ 2147483647 w 654"/>
              <a:gd name="T91" fmla="*/ 2147483647 h 340"/>
              <a:gd name="T92" fmla="*/ 2147483647 w 654"/>
              <a:gd name="T93" fmla="*/ 2147483647 h 340"/>
              <a:gd name="T94" fmla="*/ 2147483647 w 654"/>
              <a:gd name="T95" fmla="*/ 2147483647 h 340"/>
              <a:gd name="T96" fmla="*/ 2147483647 w 654"/>
              <a:gd name="T97" fmla="*/ 2147483647 h 340"/>
              <a:gd name="T98" fmla="*/ 2147483647 w 654"/>
              <a:gd name="T99" fmla="*/ 2147483647 h 340"/>
              <a:gd name="T100" fmla="*/ 0 w 654"/>
              <a:gd name="T101" fmla="*/ 2147483647 h 340"/>
              <a:gd name="T102" fmla="*/ 2147483647 w 654"/>
              <a:gd name="T103" fmla="*/ 2147483647 h 340"/>
              <a:gd name="T104" fmla="*/ 2147483647 w 654"/>
              <a:gd name="T105" fmla="*/ 2147483647 h 340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0" t="0" r="r" b="b"/>
            <a:pathLst>
              <a:path w="654" h="340">
                <a:moveTo>
                  <a:pt x="28" y="276"/>
                </a:moveTo>
                <a:lnTo>
                  <a:pt x="38" y="292"/>
                </a:lnTo>
                <a:lnTo>
                  <a:pt x="54" y="296"/>
                </a:lnTo>
                <a:lnTo>
                  <a:pt x="72" y="274"/>
                </a:lnTo>
                <a:lnTo>
                  <a:pt x="82" y="280"/>
                </a:lnTo>
                <a:lnTo>
                  <a:pt x="82" y="294"/>
                </a:lnTo>
                <a:lnTo>
                  <a:pt x="98" y="290"/>
                </a:lnTo>
                <a:lnTo>
                  <a:pt x="112" y="304"/>
                </a:lnTo>
                <a:lnTo>
                  <a:pt x="136" y="302"/>
                </a:lnTo>
                <a:lnTo>
                  <a:pt x="136" y="284"/>
                </a:lnTo>
                <a:lnTo>
                  <a:pt x="148" y="276"/>
                </a:lnTo>
                <a:lnTo>
                  <a:pt x="200" y="272"/>
                </a:lnTo>
                <a:lnTo>
                  <a:pt x="234" y="258"/>
                </a:lnTo>
                <a:lnTo>
                  <a:pt x="238" y="266"/>
                </a:lnTo>
                <a:lnTo>
                  <a:pt x="226" y="270"/>
                </a:lnTo>
                <a:lnTo>
                  <a:pt x="228" y="282"/>
                </a:lnTo>
                <a:lnTo>
                  <a:pt x="244" y="286"/>
                </a:lnTo>
                <a:lnTo>
                  <a:pt x="244" y="300"/>
                </a:lnTo>
                <a:lnTo>
                  <a:pt x="262" y="314"/>
                </a:lnTo>
                <a:lnTo>
                  <a:pt x="284" y="320"/>
                </a:lnTo>
                <a:lnTo>
                  <a:pt x="332" y="324"/>
                </a:lnTo>
                <a:lnTo>
                  <a:pt x="374" y="328"/>
                </a:lnTo>
                <a:lnTo>
                  <a:pt x="406" y="332"/>
                </a:lnTo>
                <a:lnTo>
                  <a:pt x="414" y="336"/>
                </a:lnTo>
                <a:lnTo>
                  <a:pt x="448" y="340"/>
                </a:lnTo>
                <a:lnTo>
                  <a:pt x="478" y="310"/>
                </a:lnTo>
                <a:lnTo>
                  <a:pt x="534" y="302"/>
                </a:lnTo>
                <a:lnTo>
                  <a:pt x="542" y="292"/>
                </a:lnTo>
                <a:lnTo>
                  <a:pt x="558" y="288"/>
                </a:lnTo>
                <a:lnTo>
                  <a:pt x="572" y="292"/>
                </a:lnTo>
                <a:lnTo>
                  <a:pt x="574" y="272"/>
                </a:lnTo>
                <a:lnTo>
                  <a:pt x="584" y="262"/>
                </a:lnTo>
                <a:lnTo>
                  <a:pt x="598" y="248"/>
                </a:lnTo>
                <a:lnTo>
                  <a:pt x="610" y="246"/>
                </a:lnTo>
                <a:lnTo>
                  <a:pt x="616" y="230"/>
                </a:lnTo>
                <a:lnTo>
                  <a:pt x="608" y="224"/>
                </a:lnTo>
                <a:lnTo>
                  <a:pt x="608" y="194"/>
                </a:lnTo>
                <a:lnTo>
                  <a:pt x="620" y="190"/>
                </a:lnTo>
                <a:lnTo>
                  <a:pt x="624" y="176"/>
                </a:lnTo>
                <a:lnTo>
                  <a:pt x="618" y="166"/>
                </a:lnTo>
                <a:lnTo>
                  <a:pt x="600" y="162"/>
                </a:lnTo>
                <a:lnTo>
                  <a:pt x="610" y="150"/>
                </a:lnTo>
                <a:lnTo>
                  <a:pt x="624" y="150"/>
                </a:lnTo>
                <a:lnTo>
                  <a:pt x="632" y="156"/>
                </a:lnTo>
                <a:lnTo>
                  <a:pt x="652" y="150"/>
                </a:lnTo>
                <a:lnTo>
                  <a:pt x="654" y="100"/>
                </a:lnTo>
                <a:lnTo>
                  <a:pt x="642" y="88"/>
                </a:lnTo>
                <a:lnTo>
                  <a:pt x="628" y="68"/>
                </a:lnTo>
                <a:lnTo>
                  <a:pt x="628" y="50"/>
                </a:lnTo>
                <a:lnTo>
                  <a:pt x="636" y="28"/>
                </a:lnTo>
                <a:lnTo>
                  <a:pt x="616" y="24"/>
                </a:lnTo>
                <a:lnTo>
                  <a:pt x="596" y="14"/>
                </a:lnTo>
                <a:lnTo>
                  <a:pt x="582" y="26"/>
                </a:lnTo>
                <a:lnTo>
                  <a:pt x="556" y="26"/>
                </a:lnTo>
                <a:lnTo>
                  <a:pt x="542" y="14"/>
                </a:lnTo>
                <a:lnTo>
                  <a:pt x="522" y="16"/>
                </a:lnTo>
                <a:lnTo>
                  <a:pt x="506" y="6"/>
                </a:lnTo>
                <a:lnTo>
                  <a:pt x="476" y="0"/>
                </a:lnTo>
                <a:lnTo>
                  <a:pt x="464" y="0"/>
                </a:lnTo>
                <a:lnTo>
                  <a:pt x="462" y="30"/>
                </a:lnTo>
                <a:lnTo>
                  <a:pt x="450" y="30"/>
                </a:lnTo>
                <a:lnTo>
                  <a:pt x="444" y="42"/>
                </a:lnTo>
                <a:lnTo>
                  <a:pt x="440" y="58"/>
                </a:lnTo>
                <a:lnTo>
                  <a:pt x="422" y="50"/>
                </a:lnTo>
                <a:lnTo>
                  <a:pt x="410" y="60"/>
                </a:lnTo>
                <a:lnTo>
                  <a:pt x="386" y="56"/>
                </a:lnTo>
                <a:lnTo>
                  <a:pt x="384" y="44"/>
                </a:lnTo>
                <a:lnTo>
                  <a:pt x="366" y="36"/>
                </a:lnTo>
                <a:lnTo>
                  <a:pt x="364" y="62"/>
                </a:lnTo>
                <a:lnTo>
                  <a:pt x="334" y="62"/>
                </a:lnTo>
                <a:lnTo>
                  <a:pt x="336" y="86"/>
                </a:lnTo>
                <a:lnTo>
                  <a:pt x="328" y="98"/>
                </a:lnTo>
                <a:lnTo>
                  <a:pt x="308" y="100"/>
                </a:lnTo>
                <a:lnTo>
                  <a:pt x="278" y="124"/>
                </a:lnTo>
                <a:lnTo>
                  <a:pt x="302" y="158"/>
                </a:lnTo>
                <a:lnTo>
                  <a:pt x="298" y="176"/>
                </a:lnTo>
                <a:lnTo>
                  <a:pt x="306" y="176"/>
                </a:lnTo>
                <a:lnTo>
                  <a:pt x="312" y="184"/>
                </a:lnTo>
                <a:lnTo>
                  <a:pt x="310" y="194"/>
                </a:lnTo>
                <a:lnTo>
                  <a:pt x="300" y="208"/>
                </a:lnTo>
                <a:lnTo>
                  <a:pt x="286" y="198"/>
                </a:lnTo>
                <a:lnTo>
                  <a:pt x="286" y="188"/>
                </a:lnTo>
                <a:lnTo>
                  <a:pt x="276" y="180"/>
                </a:lnTo>
                <a:lnTo>
                  <a:pt x="258" y="190"/>
                </a:lnTo>
                <a:lnTo>
                  <a:pt x="256" y="182"/>
                </a:lnTo>
                <a:lnTo>
                  <a:pt x="232" y="180"/>
                </a:lnTo>
                <a:lnTo>
                  <a:pt x="230" y="194"/>
                </a:lnTo>
                <a:lnTo>
                  <a:pt x="184" y="196"/>
                </a:lnTo>
                <a:lnTo>
                  <a:pt x="164" y="210"/>
                </a:lnTo>
                <a:lnTo>
                  <a:pt x="136" y="224"/>
                </a:lnTo>
                <a:lnTo>
                  <a:pt x="116" y="204"/>
                </a:lnTo>
                <a:lnTo>
                  <a:pt x="80" y="202"/>
                </a:lnTo>
                <a:lnTo>
                  <a:pt x="78" y="224"/>
                </a:lnTo>
                <a:lnTo>
                  <a:pt x="60" y="238"/>
                </a:lnTo>
                <a:lnTo>
                  <a:pt x="56" y="230"/>
                </a:lnTo>
                <a:lnTo>
                  <a:pt x="48" y="226"/>
                </a:lnTo>
                <a:lnTo>
                  <a:pt x="46" y="214"/>
                </a:lnTo>
                <a:lnTo>
                  <a:pt x="22" y="200"/>
                </a:lnTo>
                <a:lnTo>
                  <a:pt x="12" y="214"/>
                </a:lnTo>
                <a:lnTo>
                  <a:pt x="10" y="216"/>
                </a:lnTo>
                <a:lnTo>
                  <a:pt x="4" y="228"/>
                </a:lnTo>
                <a:lnTo>
                  <a:pt x="0" y="236"/>
                </a:lnTo>
                <a:lnTo>
                  <a:pt x="10" y="238"/>
                </a:lnTo>
                <a:lnTo>
                  <a:pt x="14" y="252"/>
                </a:lnTo>
                <a:lnTo>
                  <a:pt x="10" y="268"/>
                </a:lnTo>
                <a:lnTo>
                  <a:pt x="28" y="27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79" name="Freeform 24"/>
          <p:cNvSpPr>
            <a:spLocks/>
          </p:cNvSpPr>
          <p:nvPr/>
        </p:nvSpPr>
        <p:spPr bwMode="auto">
          <a:xfrm>
            <a:off x="5422900" y="3827463"/>
            <a:ext cx="731838" cy="411162"/>
          </a:xfrm>
          <a:custGeom>
            <a:avLst/>
            <a:gdLst>
              <a:gd name="T0" fmla="*/ 2147483647 w 566"/>
              <a:gd name="T1" fmla="*/ 0 h 318"/>
              <a:gd name="T2" fmla="*/ 2147483647 w 566"/>
              <a:gd name="T3" fmla="*/ 2147483647 h 318"/>
              <a:gd name="T4" fmla="*/ 2147483647 w 566"/>
              <a:gd name="T5" fmla="*/ 2147483647 h 318"/>
              <a:gd name="T6" fmla="*/ 2147483647 w 566"/>
              <a:gd name="T7" fmla="*/ 2147483647 h 318"/>
              <a:gd name="T8" fmla="*/ 2147483647 w 566"/>
              <a:gd name="T9" fmla="*/ 2147483647 h 318"/>
              <a:gd name="T10" fmla="*/ 2147483647 w 566"/>
              <a:gd name="T11" fmla="*/ 2147483647 h 318"/>
              <a:gd name="T12" fmla="*/ 2147483647 w 566"/>
              <a:gd name="T13" fmla="*/ 2147483647 h 318"/>
              <a:gd name="T14" fmla="*/ 2147483647 w 566"/>
              <a:gd name="T15" fmla="*/ 2147483647 h 318"/>
              <a:gd name="T16" fmla="*/ 2147483647 w 566"/>
              <a:gd name="T17" fmla="*/ 2147483647 h 318"/>
              <a:gd name="T18" fmla="*/ 2147483647 w 566"/>
              <a:gd name="T19" fmla="*/ 2147483647 h 318"/>
              <a:gd name="T20" fmla="*/ 2147483647 w 566"/>
              <a:gd name="T21" fmla="*/ 2147483647 h 318"/>
              <a:gd name="T22" fmla="*/ 2147483647 w 566"/>
              <a:gd name="T23" fmla="*/ 2147483647 h 318"/>
              <a:gd name="T24" fmla="*/ 2147483647 w 566"/>
              <a:gd name="T25" fmla="*/ 2147483647 h 318"/>
              <a:gd name="T26" fmla="*/ 2147483647 w 566"/>
              <a:gd name="T27" fmla="*/ 2147483647 h 318"/>
              <a:gd name="T28" fmla="*/ 2147483647 w 566"/>
              <a:gd name="T29" fmla="*/ 2147483647 h 318"/>
              <a:gd name="T30" fmla="*/ 2147483647 w 566"/>
              <a:gd name="T31" fmla="*/ 2147483647 h 318"/>
              <a:gd name="T32" fmla="*/ 2147483647 w 566"/>
              <a:gd name="T33" fmla="*/ 2147483647 h 318"/>
              <a:gd name="T34" fmla="*/ 2147483647 w 566"/>
              <a:gd name="T35" fmla="*/ 2147483647 h 318"/>
              <a:gd name="T36" fmla="*/ 2147483647 w 566"/>
              <a:gd name="T37" fmla="*/ 2147483647 h 318"/>
              <a:gd name="T38" fmla="*/ 2147483647 w 566"/>
              <a:gd name="T39" fmla="*/ 2147483647 h 318"/>
              <a:gd name="T40" fmla="*/ 2147483647 w 566"/>
              <a:gd name="T41" fmla="*/ 2147483647 h 318"/>
              <a:gd name="T42" fmla="*/ 2147483647 w 566"/>
              <a:gd name="T43" fmla="*/ 2147483647 h 318"/>
              <a:gd name="T44" fmla="*/ 2147483647 w 566"/>
              <a:gd name="T45" fmla="*/ 2147483647 h 318"/>
              <a:gd name="T46" fmla="*/ 2147483647 w 566"/>
              <a:gd name="T47" fmla="*/ 2147483647 h 318"/>
              <a:gd name="T48" fmla="*/ 2147483647 w 566"/>
              <a:gd name="T49" fmla="*/ 2147483647 h 318"/>
              <a:gd name="T50" fmla="*/ 2147483647 w 566"/>
              <a:gd name="T51" fmla="*/ 2147483647 h 318"/>
              <a:gd name="T52" fmla="*/ 2147483647 w 566"/>
              <a:gd name="T53" fmla="*/ 2147483647 h 318"/>
              <a:gd name="T54" fmla="*/ 2147483647 w 566"/>
              <a:gd name="T55" fmla="*/ 2147483647 h 318"/>
              <a:gd name="T56" fmla="*/ 2147483647 w 566"/>
              <a:gd name="T57" fmla="*/ 2147483647 h 318"/>
              <a:gd name="T58" fmla="*/ 2147483647 w 566"/>
              <a:gd name="T59" fmla="*/ 2147483647 h 318"/>
              <a:gd name="T60" fmla="*/ 2147483647 w 566"/>
              <a:gd name="T61" fmla="*/ 2147483647 h 318"/>
              <a:gd name="T62" fmla="*/ 2147483647 w 566"/>
              <a:gd name="T63" fmla="*/ 2147483647 h 318"/>
              <a:gd name="T64" fmla="*/ 2147483647 w 566"/>
              <a:gd name="T65" fmla="*/ 2147483647 h 318"/>
              <a:gd name="T66" fmla="*/ 2147483647 w 566"/>
              <a:gd name="T67" fmla="*/ 2147483647 h 318"/>
              <a:gd name="T68" fmla="*/ 2147483647 w 566"/>
              <a:gd name="T69" fmla="*/ 2147483647 h 318"/>
              <a:gd name="T70" fmla="*/ 2147483647 w 566"/>
              <a:gd name="T71" fmla="*/ 2147483647 h 318"/>
              <a:gd name="T72" fmla="*/ 2147483647 w 566"/>
              <a:gd name="T73" fmla="*/ 2147483647 h 318"/>
              <a:gd name="T74" fmla="*/ 2147483647 w 566"/>
              <a:gd name="T75" fmla="*/ 2147483647 h 318"/>
              <a:gd name="T76" fmla="*/ 2147483647 w 566"/>
              <a:gd name="T77" fmla="*/ 2147483647 h 318"/>
              <a:gd name="T78" fmla="*/ 2147483647 w 566"/>
              <a:gd name="T79" fmla="*/ 2147483647 h 318"/>
              <a:gd name="T80" fmla="*/ 2147483647 w 566"/>
              <a:gd name="T81" fmla="*/ 2147483647 h 318"/>
              <a:gd name="T82" fmla="*/ 0 w 566"/>
              <a:gd name="T83" fmla="*/ 2147483647 h 318"/>
              <a:gd name="T84" fmla="*/ 2147483647 w 566"/>
              <a:gd name="T85" fmla="*/ 2147483647 h 318"/>
              <a:gd name="T86" fmla="*/ 2147483647 w 566"/>
              <a:gd name="T87" fmla="*/ 2147483647 h 318"/>
              <a:gd name="T88" fmla="*/ 2147483647 w 566"/>
              <a:gd name="T89" fmla="*/ 2147483647 h 318"/>
              <a:gd name="T90" fmla="*/ 2147483647 w 566"/>
              <a:gd name="T91" fmla="*/ 2147483647 h 318"/>
              <a:gd name="T92" fmla="*/ 2147483647 w 566"/>
              <a:gd name="T93" fmla="*/ 2147483647 h 318"/>
              <a:gd name="T94" fmla="*/ 2147483647 w 566"/>
              <a:gd name="T95" fmla="*/ 2147483647 h 318"/>
              <a:gd name="T96" fmla="*/ 2147483647 w 566"/>
              <a:gd name="T97" fmla="*/ 2147483647 h 318"/>
              <a:gd name="T98" fmla="*/ 2147483647 w 566"/>
              <a:gd name="T99" fmla="*/ 0 h 318"/>
              <a:gd name="T100" fmla="*/ 2147483647 w 566"/>
              <a:gd name="T101" fmla="*/ 2147483647 h 318"/>
              <a:gd name="T102" fmla="*/ 2147483647 w 566"/>
              <a:gd name="T103" fmla="*/ 2147483647 h 318"/>
              <a:gd name="T104" fmla="*/ 2147483647 w 566"/>
              <a:gd name="T105" fmla="*/ 0 h 318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0" t="0" r="r" b="b"/>
            <a:pathLst>
              <a:path w="566" h="318">
                <a:moveTo>
                  <a:pt x="226" y="0"/>
                </a:moveTo>
                <a:lnTo>
                  <a:pt x="248" y="0"/>
                </a:lnTo>
                <a:lnTo>
                  <a:pt x="256" y="6"/>
                </a:lnTo>
                <a:lnTo>
                  <a:pt x="256" y="16"/>
                </a:lnTo>
                <a:lnTo>
                  <a:pt x="270" y="26"/>
                </a:lnTo>
                <a:lnTo>
                  <a:pt x="302" y="32"/>
                </a:lnTo>
                <a:lnTo>
                  <a:pt x="316" y="38"/>
                </a:lnTo>
                <a:lnTo>
                  <a:pt x="320" y="42"/>
                </a:lnTo>
                <a:lnTo>
                  <a:pt x="334" y="38"/>
                </a:lnTo>
                <a:lnTo>
                  <a:pt x="346" y="36"/>
                </a:lnTo>
                <a:lnTo>
                  <a:pt x="354" y="46"/>
                </a:lnTo>
                <a:lnTo>
                  <a:pt x="336" y="68"/>
                </a:lnTo>
                <a:lnTo>
                  <a:pt x="352" y="78"/>
                </a:lnTo>
                <a:lnTo>
                  <a:pt x="364" y="88"/>
                </a:lnTo>
                <a:lnTo>
                  <a:pt x="366" y="96"/>
                </a:lnTo>
                <a:lnTo>
                  <a:pt x="376" y="106"/>
                </a:lnTo>
                <a:lnTo>
                  <a:pt x="406" y="82"/>
                </a:lnTo>
                <a:lnTo>
                  <a:pt x="396" y="72"/>
                </a:lnTo>
                <a:lnTo>
                  <a:pt x="396" y="62"/>
                </a:lnTo>
                <a:lnTo>
                  <a:pt x="406" y="60"/>
                </a:lnTo>
                <a:lnTo>
                  <a:pt x="426" y="72"/>
                </a:lnTo>
                <a:lnTo>
                  <a:pt x="436" y="78"/>
                </a:lnTo>
                <a:lnTo>
                  <a:pt x="456" y="78"/>
                </a:lnTo>
                <a:lnTo>
                  <a:pt x="466" y="70"/>
                </a:lnTo>
                <a:lnTo>
                  <a:pt x="466" y="86"/>
                </a:lnTo>
                <a:lnTo>
                  <a:pt x="458" y="90"/>
                </a:lnTo>
                <a:lnTo>
                  <a:pt x="458" y="96"/>
                </a:lnTo>
                <a:lnTo>
                  <a:pt x="466" y="98"/>
                </a:lnTo>
                <a:lnTo>
                  <a:pt x="474" y="112"/>
                </a:lnTo>
                <a:lnTo>
                  <a:pt x="492" y="102"/>
                </a:lnTo>
                <a:lnTo>
                  <a:pt x="512" y="108"/>
                </a:lnTo>
                <a:lnTo>
                  <a:pt x="530" y="112"/>
                </a:lnTo>
                <a:lnTo>
                  <a:pt x="542" y="120"/>
                </a:lnTo>
                <a:lnTo>
                  <a:pt x="542" y="128"/>
                </a:lnTo>
                <a:lnTo>
                  <a:pt x="552" y="142"/>
                </a:lnTo>
                <a:lnTo>
                  <a:pt x="564" y="144"/>
                </a:lnTo>
                <a:lnTo>
                  <a:pt x="566" y="162"/>
                </a:lnTo>
                <a:lnTo>
                  <a:pt x="552" y="166"/>
                </a:lnTo>
                <a:lnTo>
                  <a:pt x="532" y="178"/>
                </a:lnTo>
                <a:lnTo>
                  <a:pt x="532" y="192"/>
                </a:lnTo>
                <a:lnTo>
                  <a:pt x="514" y="200"/>
                </a:lnTo>
                <a:lnTo>
                  <a:pt x="512" y="228"/>
                </a:lnTo>
                <a:lnTo>
                  <a:pt x="500" y="230"/>
                </a:lnTo>
                <a:lnTo>
                  <a:pt x="496" y="246"/>
                </a:lnTo>
                <a:lnTo>
                  <a:pt x="468" y="264"/>
                </a:lnTo>
                <a:lnTo>
                  <a:pt x="438" y="262"/>
                </a:lnTo>
                <a:lnTo>
                  <a:pt x="422" y="286"/>
                </a:lnTo>
                <a:lnTo>
                  <a:pt x="402" y="282"/>
                </a:lnTo>
                <a:lnTo>
                  <a:pt x="382" y="272"/>
                </a:lnTo>
                <a:lnTo>
                  <a:pt x="368" y="284"/>
                </a:lnTo>
                <a:lnTo>
                  <a:pt x="342" y="284"/>
                </a:lnTo>
                <a:lnTo>
                  <a:pt x="328" y="272"/>
                </a:lnTo>
                <a:lnTo>
                  <a:pt x="308" y="274"/>
                </a:lnTo>
                <a:lnTo>
                  <a:pt x="292" y="262"/>
                </a:lnTo>
                <a:lnTo>
                  <a:pt x="262" y="258"/>
                </a:lnTo>
                <a:lnTo>
                  <a:pt x="250" y="258"/>
                </a:lnTo>
                <a:lnTo>
                  <a:pt x="248" y="288"/>
                </a:lnTo>
                <a:lnTo>
                  <a:pt x="236" y="288"/>
                </a:lnTo>
                <a:lnTo>
                  <a:pt x="230" y="300"/>
                </a:lnTo>
                <a:lnTo>
                  <a:pt x="226" y="316"/>
                </a:lnTo>
                <a:lnTo>
                  <a:pt x="208" y="308"/>
                </a:lnTo>
                <a:lnTo>
                  <a:pt x="196" y="318"/>
                </a:lnTo>
                <a:lnTo>
                  <a:pt x="172" y="314"/>
                </a:lnTo>
                <a:lnTo>
                  <a:pt x="170" y="302"/>
                </a:lnTo>
                <a:lnTo>
                  <a:pt x="152" y="294"/>
                </a:lnTo>
                <a:lnTo>
                  <a:pt x="146" y="282"/>
                </a:lnTo>
                <a:lnTo>
                  <a:pt x="132" y="272"/>
                </a:lnTo>
                <a:lnTo>
                  <a:pt x="112" y="270"/>
                </a:lnTo>
                <a:lnTo>
                  <a:pt x="114" y="262"/>
                </a:lnTo>
                <a:lnTo>
                  <a:pt x="104" y="256"/>
                </a:lnTo>
                <a:lnTo>
                  <a:pt x="98" y="254"/>
                </a:lnTo>
                <a:lnTo>
                  <a:pt x="92" y="244"/>
                </a:lnTo>
                <a:lnTo>
                  <a:pt x="76" y="228"/>
                </a:lnTo>
                <a:lnTo>
                  <a:pt x="62" y="228"/>
                </a:lnTo>
                <a:lnTo>
                  <a:pt x="42" y="202"/>
                </a:lnTo>
                <a:lnTo>
                  <a:pt x="38" y="186"/>
                </a:lnTo>
                <a:lnTo>
                  <a:pt x="28" y="176"/>
                </a:lnTo>
                <a:lnTo>
                  <a:pt x="34" y="164"/>
                </a:lnTo>
                <a:lnTo>
                  <a:pt x="32" y="148"/>
                </a:lnTo>
                <a:lnTo>
                  <a:pt x="20" y="142"/>
                </a:lnTo>
                <a:lnTo>
                  <a:pt x="16" y="140"/>
                </a:lnTo>
                <a:lnTo>
                  <a:pt x="6" y="128"/>
                </a:lnTo>
                <a:lnTo>
                  <a:pt x="4" y="116"/>
                </a:lnTo>
                <a:lnTo>
                  <a:pt x="0" y="104"/>
                </a:lnTo>
                <a:lnTo>
                  <a:pt x="10" y="104"/>
                </a:lnTo>
                <a:lnTo>
                  <a:pt x="18" y="118"/>
                </a:lnTo>
                <a:lnTo>
                  <a:pt x="26" y="100"/>
                </a:lnTo>
                <a:lnTo>
                  <a:pt x="36" y="90"/>
                </a:lnTo>
                <a:lnTo>
                  <a:pt x="50" y="84"/>
                </a:lnTo>
                <a:lnTo>
                  <a:pt x="70" y="86"/>
                </a:lnTo>
                <a:lnTo>
                  <a:pt x="94" y="60"/>
                </a:lnTo>
                <a:lnTo>
                  <a:pt x="110" y="60"/>
                </a:lnTo>
                <a:lnTo>
                  <a:pt x="122" y="44"/>
                </a:lnTo>
                <a:lnTo>
                  <a:pt x="140" y="44"/>
                </a:lnTo>
                <a:lnTo>
                  <a:pt x="146" y="34"/>
                </a:lnTo>
                <a:lnTo>
                  <a:pt x="162" y="32"/>
                </a:lnTo>
                <a:lnTo>
                  <a:pt x="176" y="22"/>
                </a:lnTo>
                <a:lnTo>
                  <a:pt x="182" y="16"/>
                </a:lnTo>
                <a:lnTo>
                  <a:pt x="172" y="4"/>
                </a:lnTo>
                <a:lnTo>
                  <a:pt x="190" y="0"/>
                </a:lnTo>
                <a:lnTo>
                  <a:pt x="196" y="6"/>
                </a:lnTo>
                <a:lnTo>
                  <a:pt x="202" y="20"/>
                </a:lnTo>
                <a:lnTo>
                  <a:pt x="208" y="28"/>
                </a:lnTo>
                <a:lnTo>
                  <a:pt x="216" y="26"/>
                </a:lnTo>
                <a:lnTo>
                  <a:pt x="224" y="12"/>
                </a:lnTo>
                <a:lnTo>
                  <a:pt x="226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80" name="Freeform 25"/>
          <p:cNvSpPr>
            <a:spLocks/>
          </p:cNvSpPr>
          <p:nvPr/>
        </p:nvSpPr>
        <p:spPr bwMode="auto">
          <a:xfrm>
            <a:off x="6540500" y="3224213"/>
            <a:ext cx="1225550" cy="1301750"/>
          </a:xfrm>
          <a:custGeom>
            <a:avLst/>
            <a:gdLst>
              <a:gd name="T0" fmla="*/ 2147483647 w 946"/>
              <a:gd name="T1" fmla="*/ 2147483647 h 1005"/>
              <a:gd name="T2" fmla="*/ 2147483647 w 946"/>
              <a:gd name="T3" fmla="*/ 2147483647 h 1005"/>
              <a:gd name="T4" fmla="*/ 2147483647 w 946"/>
              <a:gd name="T5" fmla="*/ 2147483647 h 1005"/>
              <a:gd name="T6" fmla="*/ 2147483647 w 946"/>
              <a:gd name="T7" fmla="*/ 2147483647 h 1005"/>
              <a:gd name="T8" fmla="*/ 2147483647 w 946"/>
              <a:gd name="T9" fmla="*/ 2147483647 h 1005"/>
              <a:gd name="T10" fmla="*/ 2147483647 w 946"/>
              <a:gd name="T11" fmla="*/ 2147483647 h 1005"/>
              <a:gd name="T12" fmla="*/ 2147483647 w 946"/>
              <a:gd name="T13" fmla="*/ 2147483647 h 1005"/>
              <a:gd name="T14" fmla="*/ 2147483647 w 946"/>
              <a:gd name="T15" fmla="*/ 2147483647 h 1005"/>
              <a:gd name="T16" fmla="*/ 2147483647 w 946"/>
              <a:gd name="T17" fmla="*/ 2147483647 h 1005"/>
              <a:gd name="T18" fmla="*/ 2147483647 w 946"/>
              <a:gd name="T19" fmla="*/ 2147483647 h 1005"/>
              <a:gd name="T20" fmla="*/ 2147483647 w 946"/>
              <a:gd name="T21" fmla="*/ 2147483647 h 1005"/>
              <a:gd name="T22" fmla="*/ 2147483647 w 946"/>
              <a:gd name="T23" fmla="*/ 2147483647 h 1005"/>
              <a:gd name="T24" fmla="*/ 2147483647 w 946"/>
              <a:gd name="T25" fmla="*/ 2147483647 h 1005"/>
              <a:gd name="T26" fmla="*/ 2147483647 w 946"/>
              <a:gd name="T27" fmla="*/ 2147483647 h 1005"/>
              <a:gd name="T28" fmla="*/ 2147483647 w 946"/>
              <a:gd name="T29" fmla="*/ 2147483647 h 1005"/>
              <a:gd name="T30" fmla="*/ 2147483647 w 946"/>
              <a:gd name="T31" fmla="*/ 2147483647 h 1005"/>
              <a:gd name="T32" fmla="*/ 2147483647 w 946"/>
              <a:gd name="T33" fmla="*/ 2147483647 h 1005"/>
              <a:gd name="T34" fmla="*/ 2147483647 w 946"/>
              <a:gd name="T35" fmla="*/ 2147483647 h 1005"/>
              <a:gd name="T36" fmla="*/ 2147483647 w 946"/>
              <a:gd name="T37" fmla="*/ 2147483647 h 1005"/>
              <a:gd name="T38" fmla="*/ 2147483647 w 946"/>
              <a:gd name="T39" fmla="*/ 2147483647 h 1005"/>
              <a:gd name="T40" fmla="*/ 2147483647 w 946"/>
              <a:gd name="T41" fmla="*/ 2147483647 h 1005"/>
              <a:gd name="T42" fmla="*/ 2147483647 w 946"/>
              <a:gd name="T43" fmla="*/ 2147483647 h 1005"/>
              <a:gd name="T44" fmla="*/ 2147483647 w 946"/>
              <a:gd name="T45" fmla="*/ 2147483647 h 1005"/>
              <a:gd name="T46" fmla="*/ 2147483647 w 946"/>
              <a:gd name="T47" fmla="*/ 2147483647 h 1005"/>
              <a:gd name="T48" fmla="*/ 2147483647 w 946"/>
              <a:gd name="T49" fmla="*/ 2147483647 h 1005"/>
              <a:gd name="T50" fmla="*/ 2147483647 w 946"/>
              <a:gd name="T51" fmla="*/ 2147483647 h 1005"/>
              <a:gd name="T52" fmla="*/ 2147483647 w 946"/>
              <a:gd name="T53" fmla="*/ 2147483647 h 1005"/>
              <a:gd name="T54" fmla="*/ 2147483647 w 946"/>
              <a:gd name="T55" fmla="*/ 2147483647 h 1005"/>
              <a:gd name="T56" fmla="*/ 2147483647 w 946"/>
              <a:gd name="T57" fmla="*/ 2147483647 h 1005"/>
              <a:gd name="T58" fmla="*/ 2147483647 w 946"/>
              <a:gd name="T59" fmla="*/ 2147483647 h 1005"/>
              <a:gd name="T60" fmla="*/ 2147483647 w 946"/>
              <a:gd name="T61" fmla="*/ 2147483647 h 1005"/>
              <a:gd name="T62" fmla="*/ 2147483647 w 946"/>
              <a:gd name="T63" fmla="*/ 2147483647 h 1005"/>
              <a:gd name="T64" fmla="*/ 2147483647 w 946"/>
              <a:gd name="T65" fmla="*/ 2147483647 h 1005"/>
              <a:gd name="T66" fmla="*/ 2147483647 w 946"/>
              <a:gd name="T67" fmla="*/ 2147483647 h 1005"/>
              <a:gd name="T68" fmla="*/ 2147483647 w 946"/>
              <a:gd name="T69" fmla="*/ 2147483647 h 1005"/>
              <a:gd name="T70" fmla="*/ 2147483647 w 946"/>
              <a:gd name="T71" fmla="*/ 2147483647 h 1005"/>
              <a:gd name="T72" fmla="*/ 2147483647 w 946"/>
              <a:gd name="T73" fmla="*/ 2147483647 h 1005"/>
              <a:gd name="T74" fmla="*/ 2147483647 w 946"/>
              <a:gd name="T75" fmla="*/ 2147483647 h 1005"/>
              <a:gd name="T76" fmla="*/ 2147483647 w 946"/>
              <a:gd name="T77" fmla="*/ 2147483647 h 1005"/>
              <a:gd name="T78" fmla="*/ 2147483647 w 946"/>
              <a:gd name="T79" fmla="*/ 2147483647 h 1005"/>
              <a:gd name="T80" fmla="*/ 2147483647 w 946"/>
              <a:gd name="T81" fmla="*/ 2147483647 h 1005"/>
              <a:gd name="T82" fmla="*/ 2147483647 w 946"/>
              <a:gd name="T83" fmla="*/ 2147483647 h 1005"/>
              <a:gd name="T84" fmla="*/ 2147483647 w 946"/>
              <a:gd name="T85" fmla="*/ 2147483647 h 1005"/>
              <a:gd name="T86" fmla="*/ 2147483647 w 946"/>
              <a:gd name="T87" fmla="*/ 2147483647 h 1005"/>
              <a:gd name="T88" fmla="*/ 2147483647 w 946"/>
              <a:gd name="T89" fmla="*/ 2147483647 h 1005"/>
              <a:gd name="T90" fmla="*/ 2147483647 w 946"/>
              <a:gd name="T91" fmla="*/ 2147483647 h 1005"/>
              <a:gd name="T92" fmla="*/ 2147483647 w 946"/>
              <a:gd name="T93" fmla="*/ 2147483647 h 1005"/>
              <a:gd name="T94" fmla="*/ 2147483647 w 946"/>
              <a:gd name="T95" fmla="*/ 2147483647 h 1005"/>
              <a:gd name="T96" fmla="*/ 2147483647 w 946"/>
              <a:gd name="T97" fmla="*/ 2147483647 h 1005"/>
              <a:gd name="T98" fmla="*/ 2147483647 w 946"/>
              <a:gd name="T99" fmla="*/ 2147483647 h 1005"/>
              <a:gd name="T100" fmla="*/ 2147483647 w 946"/>
              <a:gd name="T101" fmla="*/ 2147483647 h 1005"/>
              <a:gd name="T102" fmla="*/ 2147483647 w 946"/>
              <a:gd name="T103" fmla="*/ 2147483647 h 1005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946" h="1005">
                <a:moveTo>
                  <a:pt x="44" y="309"/>
                </a:moveTo>
                <a:lnTo>
                  <a:pt x="56" y="293"/>
                </a:lnTo>
                <a:lnTo>
                  <a:pt x="68" y="291"/>
                </a:lnTo>
                <a:lnTo>
                  <a:pt x="78" y="297"/>
                </a:lnTo>
                <a:lnTo>
                  <a:pt x="98" y="277"/>
                </a:lnTo>
                <a:lnTo>
                  <a:pt x="100" y="257"/>
                </a:lnTo>
                <a:lnTo>
                  <a:pt x="138" y="247"/>
                </a:lnTo>
                <a:lnTo>
                  <a:pt x="160" y="229"/>
                </a:lnTo>
                <a:lnTo>
                  <a:pt x="216" y="223"/>
                </a:lnTo>
                <a:lnTo>
                  <a:pt x="264" y="227"/>
                </a:lnTo>
                <a:lnTo>
                  <a:pt x="320" y="219"/>
                </a:lnTo>
                <a:lnTo>
                  <a:pt x="336" y="235"/>
                </a:lnTo>
                <a:lnTo>
                  <a:pt x="354" y="231"/>
                </a:lnTo>
                <a:lnTo>
                  <a:pt x="368" y="231"/>
                </a:lnTo>
                <a:lnTo>
                  <a:pt x="370" y="245"/>
                </a:lnTo>
                <a:lnTo>
                  <a:pt x="382" y="245"/>
                </a:lnTo>
                <a:lnTo>
                  <a:pt x="382" y="229"/>
                </a:lnTo>
                <a:lnTo>
                  <a:pt x="402" y="227"/>
                </a:lnTo>
                <a:lnTo>
                  <a:pt x="410" y="213"/>
                </a:lnTo>
                <a:lnTo>
                  <a:pt x="424" y="225"/>
                </a:lnTo>
                <a:lnTo>
                  <a:pt x="436" y="215"/>
                </a:lnTo>
                <a:lnTo>
                  <a:pt x="448" y="229"/>
                </a:lnTo>
                <a:lnTo>
                  <a:pt x="458" y="227"/>
                </a:lnTo>
                <a:lnTo>
                  <a:pt x="458" y="217"/>
                </a:lnTo>
                <a:lnTo>
                  <a:pt x="480" y="197"/>
                </a:lnTo>
                <a:lnTo>
                  <a:pt x="494" y="215"/>
                </a:lnTo>
                <a:lnTo>
                  <a:pt x="506" y="227"/>
                </a:lnTo>
                <a:lnTo>
                  <a:pt x="518" y="215"/>
                </a:lnTo>
                <a:lnTo>
                  <a:pt x="526" y="203"/>
                </a:lnTo>
                <a:lnTo>
                  <a:pt x="540" y="209"/>
                </a:lnTo>
                <a:lnTo>
                  <a:pt x="560" y="193"/>
                </a:lnTo>
                <a:lnTo>
                  <a:pt x="572" y="193"/>
                </a:lnTo>
                <a:lnTo>
                  <a:pt x="582" y="205"/>
                </a:lnTo>
                <a:lnTo>
                  <a:pt x="596" y="211"/>
                </a:lnTo>
                <a:lnTo>
                  <a:pt x="608" y="203"/>
                </a:lnTo>
                <a:lnTo>
                  <a:pt x="592" y="181"/>
                </a:lnTo>
                <a:lnTo>
                  <a:pt x="592" y="153"/>
                </a:lnTo>
                <a:lnTo>
                  <a:pt x="598" y="123"/>
                </a:lnTo>
                <a:lnTo>
                  <a:pt x="606" y="100"/>
                </a:lnTo>
                <a:lnTo>
                  <a:pt x="626" y="98"/>
                </a:lnTo>
                <a:lnTo>
                  <a:pt x="642" y="86"/>
                </a:lnTo>
                <a:lnTo>
                  <a:pt x="670" y="78"/>
                </a:lnTo>
                <a:lnTo>
                  <a:pt x="684" y="82"/>
                </a:lnTo>
                <a:lnTo>
                  <a:pt x="704" y="72"/>
                </a:lnTo>
                <a:lnTo>
                  <a:pt x="706" y="38"/>
                </a:lnTo>
                <a:lnTo>
                  <a:pt x="744" y="34"/>
                </a:lnTo>
                <a:lnTo>
                  <a:pt x="764" y="12"/>
                </a:lnTo>
                <a:lnTo>
                  <a:pt x="782" y="6"/>
                </a:lnTo>
                <a:lnTo>
                  <a:pt x="794" y="8"/>
                </a:lnTo>
                <a:lnTo>
                  <a:pt x="808" y="0"/>
                </a:lnTo>
                <a:lnTo>
                  <a:pt x="840" y="16"/>
                </a:lnTo>
                <a:lnTo>
                  <a:pt x="848" y="38"/>
                </a:lnTo>
                <a:lnTo>
                  <a:pt x="866" y="42"/>
                </a:lnTo>
                <a:lnTo>
                  <a:pt x="884" y="60"/>
                </a:lnTo>
                <a:lnTo>
                  <a:pt x="862" y="74"/>
                </a:lnTo>
                <a:lnTo>
                  <a:pt x="878" y="92"/>
                </a:lnTo>
                <a:lnTo>
                  <a:pt x="880" y="106"/>
                </a:lnTo>
                <a:lnTo>
                  <a:pt x="888" y="108"/>
                </a:lnTo>
                <a:lnTo>
                  <a:pt x="888" y="121"/>
                </a:lnTo>
                <a:lnTo>
                  <a:pt x="898" y="123"/>
                </a:lnTo>
                <a:lnTo>
                  <a:pt x="920" y="114"/>
                </a:lnTo>
                <a:lnTo>
                  <a:pt x="926" y="119"/>
                </a:lnTo>
                <a:lnTo>
                  <a:pt x="934" y="119"/>
                </a:lnTo>
                <a:lnTo>
                  <a:pt x="946" y="108"/>
                </a:lnTo>
                <a:lnTo>
                  <a:pt x="946" y="741"/>
                </a:lnTo>
                <a:lnTo>
                  <a:pt x="936" y="743"/>
                </a:lnTo>
                <a:lnTo>
                  <a:pt x="924" y="749"/>
                </a:lnTo>
                <a:lnTo>
                  <a:pt x="910" y="749"/>
                </a:lnTo>
                <a:lnTo>
                  <a:pt x="890" y="743"/>
                </a:lnTo>
                <a:lnTo>
                  <a:pt x="886" y="727"/>
                </a:lnTo>
                <a:lnTo>
                  <a:pt x="884" y="713"/>
                </a:lnTo>
                <a:lnTo>
                  <a:pt x="872" y="705"/>
                </a:lnTo>
                <a:lnTo>
                  <a:pt x="866" y="695"/>
                </a:lnTo>
                <a:lnTo>
                  <a:pt x="854" y="685"/>
                </a:lnTo>
                <a:lnTo>
                  <a:pt x="860" y="695"/>
                </a:lnTo>
                <a:lnTo>
                  <a:pt x="866" y="705"/>
                </a:lnTo>
                <a:lnTo>
                  <a:pt x="876" y="713"/>
                </a:lnTo>
                <a:lnTo>
                  <a:pt x="878" y="723"/>
                </a:lnTo>
                <a:lnTo>
                  <a:pt x="882" y="739"/>
                </a:lnTo>
                <a:lnTo>
                  <a:pt x="886" y="749"/>
                </a:lnTo>
                <a:lnTo>
                  <a:pt x="880" y="753"/>
                </a:lnTo>
                <a:lnTo>
                  <a:pt x="868" y="757"/>
                </a:lnTo>
                <a:lnTo>
                  <a:pt x="854" y="761"/>
                </a:lnTo>
                <a:lnTo>
                  <a:pt x="848" y="753"/>
                </a:lnTo>
                <a:lnTo>
                  <a:pt x="844" y="749"/>
                </a:lnTo>
                <a:lnTo>
                  <a:pt x="844" y="759"/>
                </a:lnTo>
                <a:lnTo>
                  <a:pt x="840" y="771"/>
                </a:lnTo>
                <a:lnTo>
                  <a:pt x="830" y="771"/>
                </a:lnTo>
                <a:lnTo>
                  <a:pt x="814" y="775"/>
                </a:lnTo>
                <a:lnTo>
                  <a:pt x="796" y="787"/>
                </a:lnTo>
                <a:lnTo>
                  <a:pt x="794" y="809"/>
                </a:lnTo>
                <a:lnTo>
                  <a:pt x="792" y="827"/>
                </a:lnTo>
                <a:lnTo>
                  <a:pt x="788" y="847"/>
                </a:lnTo>
                <a:lnTo>
                  <a:pt x="782" y="849"/>
                </a:lnTo>
                <a:lnTo>
                  <a:pt x="772" y="837"/>
                </a:lnTo>
                <a:lnTo>
                  <a:pt x="760" y="827"/>
                </a:lnTo>
                <a:lnTo>
                  <a:pt x="746" y="827"/>
                </a:lnTo>
                <a:lnTo>
                  <a:pt x="742" y="829"/>
                </a:lnTo>
                <a:lnTo>
                  <a:pt x="744" y="835"/>
                </a:lnTo>
                <a:lnTo>
                  <a:pt x="754" y="841"/>
                </a:lnTo>
                <a:lnTo>
                  <a:pt x="768" y="847"/>
                </a:lnTo>
                <a:lnTo>
                  <a:pt x="780" y="857"/>
                </a:lnTo>
                <a:lnTo>
                  <a:pt x="780" y="865"/>
                </a:lnTo>
                <a:lnTo>
                  <a:pt x="774" y="871"/>
                </a:lnTo>
                <a:lnTo>
                  <a:pt x="772" y="889"/>
                </a:lnTo>
                <a:lnTo>
                  <a:pt x="766" y="895"/>
                </a:lnTo>
                <a:lnTo>
                  <a:pt x="758" y="899"/>
                </a:lnTo>
                <a:lnTo>
                  <a:pt x="740" y="919"/>
                </a:lnTo>
                <a:lnTo>
                  <a:pt x="742" y="925"/>
                </a:lnTo>
                <a:lnTo>
                  <a:pt x="732" y="929"/>
                </a:lnTo>
                <a:lnTo>
                  <a:pt x="726" y="917"/>
                </a:lnTo>
                <a:lnTo>
                  <a:pt x="720" y="917"/>
                </a:lnTo>
                <a:lnTo>
                  <a:pt x="722" y="929"/>
                </a:lnTo>
                <a:lnTo>
                  <a:pt x="728" y="941"/>
                </a:lnTo>
                <a:lnTo>
                  <a:pt x="736" y="949"/>
                </a:lnTo>
                <a:lnTo>
                  <a:pt x="742" y="953"/>
                </a:lnTo>
                <a:lnTo>
                  <a:pt x="746" y="963"/>
                </a:lnTo>
                <a:lnTo>
                  <a:pt x="746" y="973"/>
                </a:lnTo>
                <a:lnTo>
                  <a:pt x="742" y="983"/>
                </a:lnTo>
                <a:lnTo>
                  <a:pt x="726" y="965"/>
                </a:lnTo>
                <a:lnTo>
                  <a:pt x="704" y="965"/>
                </a:lnTo>
                <a:lnTo>
                  <a:pt x="688" y="981"/>
                </a:lnTo>
                <a:lnTo>
                  <a:pt x="658" y="1005"/>
                </a:lnTo>
                <a:lnTo>
                  <a:pt x="634" y="1003"/>
                </a:lnTo>
                <a:lnTo>
                  <a:pt x="608" y="985"/>
                </a:lnTo>
                <a:lnTo>
                  <a:pt x="612" y="975"/>
                </a:lnTo>
                <a:lnTo>
                  <a:pt x="632" y="975"/>
                </a:lnTo>
                <a:lnTo>
                  <a:pt x="628" y="949"/>
                </a:lnTo>
                <a:lnTo>
                  <a:pt x="644" y="929"/>
                </a:lnTo>
                <a:lnTo>
                  <a:pt x="640" y="911"/>
                </a:lnTo>
                <a:lnTo>
                  <a:pt x="654" y="901"/>
                </a:lnTo>
                <a:lnTo>
                  <a:pt x="652" y="885"/>
                </a:lnTo>
                <a:lnTo>
                  <a:pt x="654" y="875"/>
                </a:lnTo>
                <a:lnTo>
                  <a:pt x="634" y="849"/>
                </a:lnTo>
                <a:lnTo>
                  <a:pt x="656" y="829"/>
                </a:lnTo>
                <a:lnTo>
                  <a:pt x="666" y="845"/>
                </a:lnTo>
                <a:lnTo>
                  <a:pt x="688" y="831"/>
                </a:lnTo>
                <a:lnTo>
                  <a:pt x="702" y="837"/>
                </a:lnTo>
                <a:lnTo>
                  <a:pt x="708" y="827"/>
                </a:lnTo>
                <a:lnTo>
                  <a:pt x="718" y="839"/>
                </a:lnTo>
                <a:lnTo>
                  <a:pt x="728" y="829"/>
                </a:lnTo>
                <a:lnTo>
                  <a:pt x="740" y="829"/>
                </a:lnTo>
                <a:lnTo>
                  <a:pt x="742" y="825"/>
                </a:lnTo>
                <a:lnTo>
                  <a:pt x="720" y="813"/>
                </a:lnTo>
                <a:lnTo>
                  <a:pt x="722" y="803"/>
                </a:lnTo>
                <a:lnTo>
                  <a:pt x="712" y="779"/>
                </a:lnTo>
                <a:lnTo>
                  <a:pt x="692" y="777"/>
                </a:lnTo>
                <a:lnTo>
                  <a:pt x="666" y="765"/>
                </a:lnTo>
                <a:lnTo>
                  <a:pt x="640" y="749"/>
                </a:lnTo>
                <a:lnTo>
                  <a:pt x="622" y="719"/>
                </a:lnTo>
                <a:lnTo>
                  <a:pt x="616" y="669"/>
                </a:lnTo>
                <a:lnTo>
                  <a:pt x="604" y="651"/>
                </a:lnTo>
                <a:lnTo>
                  <a:pt x="590" y="663"/>
                </a:lnTo>
                <a:lnTo>
                  <a:pt x="574" y="643"/>
                </a:lnTo>
                <a:lnTo>
                  <a:pt x="550" y="643"/>
                </a:lnTo>
                <a:lnTo>
                  <a:pt x="542" y="653"/>
                </a:lnTo>
                <a:lnTo>
                  <a:pt x="532" y="637"/>
                </a:lnTo>
                <a:lnTo>
                  <a:pt x="516" y="645"/>
                </a:lnTo>
                <a:lnTo>
                  <a:pt x="480" y="625"/>
                </a:lnTo>
                <a:lnTo>
                  <a:pt x="454" y="625"/>
                </a:lnTo>
                <a:lnTo>
                  <a:pt x="430" y="645"/>
                </a:lnTo>
                <a:lnTo>
                  <a:pt x="400" y="649"/>
                </a:lnTo>
                <a:lnTo>
                  <a:pt x="402" y="661"/>
                </a:lnTo>
                <a:lnTo>
                  <a:pt x="386" y="661"/>
                </a:lnTo>
                <a:lnTo>
                  <a:pt x="384" y="671"/>
                </a:lnTo>
                <a:lnTo>
                  <a:pt x="362" y="685"/>
                </a:lnTo>
                <a:lnTo>
                  <a:pt x="352" y="713"/>
                </a:lnTo>
                <a:lnTo>
                  <a:pt x="278" y="739"/>
                </a:lnTo>
                <a:lnTo>
                  <a:pt x="268" y="769"/>
                </a:lnTo>
                <a:lnTo>
                  <a:pt x="254" y="773"/>
                </a:lnTo>
                <a:lnTo>
                  <a:pt x="224" y="747"/>
                </a:lnTo>
                <a:lnTo>
                  <a:pt x="200" y="747"/>
                </a:lnTo>
                <a:lnTo>
                  <a:pt x="196" y="759"/>
                </a:lnTo>
                <a:lnTo>
                  <a:pt x="116" y="759"/>
                </a:lnTo>
                <a:lnTo>
                  <a:pt x="104" y="749"/>
                </a:lnTo>
                <a:lnTo>
                  <a:pt x="94" y="751"/>
                </a:lnTo>
                <a:lnTo>
                  <a:pt x="92" y="765"/>
                </a:lnTo>
                <a:lnTo>
                  <a:pt x="78" y="771"/>
                </a:lnTo>
                <a:lnTo>
                  <a:pt x="68" y="757"/>
                </a:lnTo>
                <a:lnTo>
                  <a:pt x="50" y="761"/>
                </a:lnTo>
                <a:lnTo>
                  <a:pt x="40" y="745"/>
                </a:lnTo>
                <a:lnTo>
                  <a:pt x="24" y="747"/>
                </a:lnTo>
                <a:lnTo>
                  <a:pt x="22" y="739"/>
                </a:lnTo>
                <a:lnTo>
                  <a:pt x="4" y="727"/>
                </a:lnTo>
                <a:lnTo>
                  <a:pt x="0" y="705"/>
                </a:lnTo>
                <a:lnTo>
                  <a:pt x="12" y="685"/>
                </a:lnTo>
                <a:lnTo>
                  <a:pt x="14" y="655"/>
                </a:lnTo>
                <a:lnTo>
                  <a:pt x="20" y="639"/>
                </a:lnTo>
                <a:lnTo>
                  <a:pt x="46" y="639"/>
                </a:lnTo>
                <a:lnTo>
                  <a:pt x="48" y="631"/>
                </a:lnTo>
                <a:lnTo>
                  <a:pt x="36" y="623"/>
                </a:lnTo>
                <a:lnTo>
                  <a:pt x="32" y="603"/>
                </a:lnTo>
                <a:lnTo>
                  <a:pt x="24" y="585"/>
                </a:lnTo>
                <a:lnTo>
                  <a:pt x="22" y="571"/>
                </a:lnTo>
                <a:lnTo>
                  <a:pt x="56" y="505"/>
                </a:lnTo>
                <a:lnTo>
                  <a:pt x="78" y="473"/>
                </a:lnTo>
                <a:lnTo>
                  <a:pt x="88" y="455"/>
                </a:lnTo>
                <a:lnTo>
                  <a:pt x="104" y="451"/>
                </a:lnTo>
                <a:lnTo>
                  <a:pt x="114" y="435"/>
                </a:lnTo>
                <a:lnTo>
                  <a:pt x="112" y="415"/>
                </a:lnTo>
                <a:lnTo>
                  <a:pt x="98" y="403"/>
                </a:lnTo>
                <a:lnTo>
                  <a:pt x="98" y="395"/>
                </a:lnTo>
                <a:lnTo>
                  <a:pt x="108" y="393"/>
                </a:lnTo>
                <a:lnTo>
                  <a:pt x="108" y="387"/>
                </a:lnTo>
                <a:lnTo>
                  <a:pt x="80" y="363"/>
                </a:lnTo>
                <a:lnTo>
                  <a:pt x="80" y="355"/>
                </a:lnTo>
                <a:lnTo>
                  <a:pt x="60" y="339"/>
                </a:lnTo>
                <a:lnTo>
                  <a:pt x="60" y="325"/>
                </a:lnTo>
                <a:lnTo>
                  <a:pt x="52" y="309"/>
                </a:lnTo>
                <a:lnTo>
                  <a:pt x="44" y="309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81" name="Freeform 26"/>
          <p:cNvSpPr>
            <a:spLocks/>
          </p:cNvSpPr>
          <p:nvPr/>
        </p:nvSpPr>
        <p:spPr bwMode="auto">
          <a:xfrm>
            <a:off x="6519863" y="2771775"/>
            <a:ext cx="914400" cy="852488"/>
          </a:xfrm>
          <a:custGeom>
            <a:avLst/>
            <a:gdLst>
              <a:gd name="T0" fmla="*/ 2147483647 w 706"/>
              <a:gd name="T1" fmla="*/ 2147483647 h 659"/>
              <a:gd name="T2" fmla="*/ 2147483647 w 706"/>
              <a:gd name="T3" fmla="*/ 2147483647 h 659"/>
              <a:gd name="T4" fmla="*/ 2147483647 w 706"/>
              <a:gd name="T5" fmla="*/ 2147483647 h 659"/>
              <a:gd name="T6" fmla="*/ 2147483647 w 706"/>
              <a:gd name="T7" fmla="*/ 2147483647 h 659"/>
              <a:gd name="T8" fmla="*/ 2147483647 w 706"/>
              <a:gd name="T9" fmla="*/ 2147483647 h 659"/>
              <a:gd name="T10" fmla="*/ 2147483647 w 706"/>
              <a:gd name="T11" fmla="*/ 2147483647 h 659"/>
              <a:gd name="T12" fmla="*/ 2147483647 w 706"/>
              <a:gd name="T13" fmla="*/ 2147483647 h 659"/>
              <a:gd name="T14" fmla="*/ 2147483647 w 706"/>
              <a:gd name="T15" fmla="*/ 2147483647 h 659"/>
              <a:gd name="T16" fmla="*/ 2147483647 w 706"/>
              <a:gd name="T17" fmla="*/ 2147483647 h 659"/>
              <a:gd name="T18" fmla="*/ 2147483647 w 706"/>
              <a:gd name="T19" fmla="*/ 2147483647 h 659"/>
              <a:gd name="T20" fmla="*/ 2147483647 w 706"/>
              <a:gd name="T21" fmla="*/ 2147483647 h 659"/>
              <a:gd name="T22" fmla="*/ 2147483647 w 706"/>
              <a:gd name="T23" fmla="*/ 2147483647 h 659"/>
              <a:gd name="T24" fmla="*/ 2147483647 w 706"/>
              <a:gd name="T25" fmla="*/ 2147483647 h 659"/>
              <a:gd name="T26" fmla="*/ 2147483647 w 706"/>
              <a:gd name="T27" fmla="*/ 2147483647 h 659"/>
              <a:gd name="T28" fmla="*/ 2147483647 w 706"/>
              <a:gd name="T29" fmla="*/ 2147483647 h 659"/>
              <a:gd name="T30" fmla="*/ 2147483647 w 706"/>
              <a:gd name="T31" fmla="*/ 2147483647 h 659"/>
              <a:gd name="T32" fmla="*/ 2147483647 w 706"/>
              <a:gd name="T33" fmla="*/ 2147483647 h 659"/>
              <a:gd name="T34" fmla="*/ 2147483647 w 706"/>
              <a:gd name="T35" fmla="*/ 2147483647 h 659"/>
              <a:gd name="T36" fmla="*/ 2147483647 w 706"/>
              <a:gd name="T37" fmla="*/ 2147483647 h 659"/>
              <a:gd name="T38" fmla="*/ 2147483647 w 706"/>
              <a:gd name="T39" fmla="*/ 2147483647 h 659"/>
              <a:gd name="T40" fmla="*/ 2147483647 w 706"/>
              <a:gd name="T41" fmla="*/ 2147483647 h 659"/>
              <a:gd name="T42" fmla="*/ 2147483647 w 706"/>
              <a:gd name="T43" fmla="*/ 2147483647 h 659"/>
              <a:gd name="T44" fmla="*/ 2147483647 w 706"/>
              <a:gd name="T45" fmla="*/ 2147483647 h 659"/>
              <a:gd name="T46" fmla="*/ 2147483647 w 706"/>
              <a:gd name="T47" fmla="*/ 2147483647 h 659"/>
              <a:gd name="T48" fmla="*/ 2147483647 w 706"/>
              <a:gd name="T49" fmla="*/ 2147483647 h 659"/>
              <a:gd name="T50" fmla="*/ 2147483647 w 706"/>
              <a:gd name="T51" fmla="*/ 2147483647 h 659"/>
              <a:gd name="T52" fmla="*/ 2147483647 w 706"/>
              <a:gd name="T53" fmla="*/ 2147483647 h 659"/>
              <a:gd name="T54" fmla="*/ 2147483647 w 706"/>
              <a:gd name="T55" fmla="*/ 2147483647 h 659"/>
              <a:gd name="T56" fmla="*/ 2147483647 w 706"/>
              <a:gd name="T57" fmla="*/ 2147483647 h 659"/>
              <a:gd name="T58" fmla="*/ 2147483647 w 706"/>
              <a:gd name="T59" fmla="*/ 2147483647 h 659"/>
              <a:gd name="T60" fmla="*/ 2147483647 w 706"/>
              <a:gd name="T61" fmla="*/ 2147483647 h 659"/>
              <a:gd name="T62" fmla="*/ 2147483647 w 706"/>
              <a:gd name="T63" fmla="*/ 2147483647 h 659"/>
              <a:gd name="T64" fmla="*/ 2147483647 w 706"/>
              <a:gd name="T65" fmla="*/ 2147483647 h 659"/>
              <a:gd name="T66" fmla="*/ 2147483647 w 706"/>
              <a:gd name="T67" fmla="*/ 2147483647 h 659"/>
              <a:gd name="T68" fmla="*/ 2147483647 w 706"/>
              <a:gd name="T69" fmla="*/ 2147483647 h 659"/>
              <a:gd name="T70" fmla="*/ 2147483647 w 706"/>
              <a:gd name="T71" fmla="*/ 2147483647 h 659"/>
              <a:gd name="T72" fmla="*/ 2147483647 w 706"/>
              <a:gd name="T73" fmla="*/ 2147483647 h 659"/>
              <a:gd name="T74" fmla="*/ 2147483647 w 706"/>
              <a:gd name="T75" fmla="*/ 2147483647 h 659"/>
              <a:gd name="T76" fmla="*/ 2147483647 w 706"/>
              <a:gd name="T77" fmla="*/ 2147483647 h 659"/>
              <a:gd name="T78" fmla="*/ 2147483647 w 706"/>
              <a:gd name="T79" fmla="*/ 2147483647 h 659"/>
              <a:gd name="T80" fmla="*/ 2147483647 w 706"/>
              <a:gd name="T81" fmla="*/ 2147483647 h 659"/>
              <a:gd name="T82" fmla="*/ 2147483647 w 706"/>
              <a:gd name="T83" fmla="*/ 2147483647 h 659"/>
              <a:gd name="T84" fmla="*/ 2147483647 w 706"/>
              <a:gd name="T85" fmla="*/ 2147483647 h 659"/>
              <a:gd name="T86" fmla="*/ 2147483647 w 706"/>
              <a:gd name="T87" fmla="*/ 2147483647 h 659"/>
              <a:gd name="T88" fmla="*/ 2147483647 w 706"/>
              <a:gd name="T89" fmla="*/ 2147483647 h 659"/>
              <a:gd name="T90" fmla="*/ 2147483647 w 706"/>
              <a:gd name="T91" fmla="*/ 2147483647 h 659"/>
              <a:gd name="T92" fmla="*/ 2147483647 w 706"/>
              <a:gd name="T93" fmla="*/ 2147483647 h 659"/>
              <a:gd name="T94" fmla="*/ 2147483647 w 706"/>
              <a:gd name="T95" fmla="*/ 2147483647 h 659"/>
              <a:gd name="T96" fmla="*/ 2147483647 w 706"/>
              <a:gd name="T97" fmla="*/ 2147483647 h 659"/>
              <a:gd name="T98" fmla="*/ 2147483647 w 706"/>
              <a:gd name="T99" fmla="*/ 2147483647 h 659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0" t="0" r="r" b="b"/>
            <a:pathLst>
              <a:path w="706" h="659">
                <a:moveTo>
                  <a:pt x="0" y="358"/>
                </a:moveTo>
                <a:lnTo>
                  <a:pt x="12" y="358"/>
                </a:lnTo>
                <a:lnTo>
                  <a:pt x="38" y="344"/>
                </a:lnTo>
                <a:lnTo>
                  <a:pt x="52" y="340"/>
                </a:lnTo>
                <a:lnTo>
                  <a:pt x="66" y="350"/>
                </a:lnTo>
                <a:lnTo>
                  <a:pt x="84" y="330"/>
                </a:lnTo>
                <a:lnTo>
                  <a:pt x="98" y="330"/>
                </a:lnTo>
                <a:lnTo>
                  <a:pt x="100" y="322"/>
                </a:lnTo>
                <a:lnTo>
                  <a:pt x="92" y="312"/>
                </a:lnTo>
                <a:lnTo>
                  <a:pt x="100" y="306"/>
                </a:lnTo>
                <a:lnTo>
                  <a:pt x="110" y="306"/>
                </a:lnTo>
                <a:lnTo>
                  <a:pt x="124" y="290"/>
                </a:lnTo>
                <a:lnTo>
                  <a:pt x="132" y="286"/>
                </a:lnTo>
                <a:lnTo>
                  <a:pt x="136" y="280"/>
                </a:lnTo>
                <a:lnTo>
                  <a:pt x="144" y="282"/>
                </a:lnTo>
                <a:lnTo>
                  <a:pt x="146" y="296"/>
                </a:lnTo>
                <a:lnTo>
                  <a:pt x="160" y="292"/>
                </a:lnTo>
                <a:lnTo>
                  <a:pt x="164" y="282"/>
                </a:lnTo>
                <a:lnTo>
                  <a:pt x="160" y="272"/>
                </a:lnTo>
                <a:lnTo>
                  <a:pt x="144" y="270"/>
                </a:lnTo>
                <a:lnTo>
                  <a:pt x="146" y="248"/>
                </a:lnTo>
                <a:lnTo>
                  <a:pt x="152" y="238"/>
                </a:lnTo>
                <a:lnTo>
                  <a:pt x="144" y="224"/>
                </a:lnTo>
                <a:lnTo>
                  <a:pt x="146" y="202"/>
                </a:lnTo>
                <a:lnTo>
                  <a:pt x="154" y="188"/>
                </a:lnTo>
                <a:lnTo>
                  <a:pt x="172" y="180"/>
                </a:lnTo>
                <a:lnTo>
                  <a:pt x="170" y="162"/>
                </a:lnTo>
                <a:lnTo>
                  <a:pt x="182" y="152"/>
                </a:lnTo>
                <a:lnTo>
                  <a:pt x="196" y="156"/>
                </a:lnTo>
                <a:lnTo>
                  <a:pt x="206" y="130"/>
                </a:lnTo>
                <a:lnTo>
                  <a:pt x="178" y="128"/>
                </a:lnTo>
                <a:lnTo>
                  <a:pt x="180" y="86"/>
                </a:lnTo>
                <a:lnTo>
                  <a:pt x="198" y="78"/>
                </a:lnTo>
                <a:lnTo>
                  <a:pt x="198" y="68"/>
                </a:lnTo>
                <a:lnTo>
                  <a:pt x="208" y="58"/>
                </a:lnTo>
                <a:lnTo>
                  <a:pt x="222" y="62"/>
                </a:lnTo>
                <a:lnTo>
                  <a:pt x="248" y="58"/>
                </a:lnTo>
                <a:lnTo>
                  <a:pt x="250" y="30"/>
                </a:lnTo>
                <a:lnTo>
                  <a:pt x="266" y="2"/>
                </a:lnTo>
                <a:lnTo>
                  <a:pt x="276" y="0"/>
                </a:lnTo>
                <a:lnTo>
                  <a:pt x="284" y="6"/>
                </a:lnTo>
                <a:lnTo>
                  <a:pt x="294" y="8"/>
                </a:lnTo>
                <a:lnTo>
                  <a:pt x="296" y="2"/>
                </a:lnTo>
                <a:lnTo>
                  <a:pt x="312" y="2"/>
                </a:lnTo>
                <a:lnTo>
                  <a:pt x="322" y="16"/>
                </a:lnTo>
                <a:lnTo>
                  <a:pt x="342" y="0"/>
                </a:lnTo>
                <a:lnTo>
                  <a:pt x="368" y="0"/>
                </a:lnTo>
                <a:lnTo>
                  <a:pt x="374" y="8"/>
                </a:lnTo>
                <a:lnTo>
                  <a:pt x="370" y="20"/>
                </a:lnTo>
                <a:lnTo>
                  <a:pt x="386" y="34"/>
                </a:lnTo>
                <a:lnTo>
                  <a:pt x="398" y="16"/>
                </a:lnTo>
                <a:lnTo>
                  <a:pt x="414" y="2"/>
                </a:lnTo>
                <a:lnTo>
                  <a:pt x="446" y="0"/>
                </a:lnTo>
                <a:lnTo>
                  <a:pt x="464" y="10"/>
                </a:lnTo>
                <a:lnTo>
                  <a:pt x="476" y="20"/>
                </a:lnTo>
                <a:lnTo>
                  <a:pt x="488" y="16"/>
                </a:lnTo>
                <a:lnTo>
                  <a:pt x="498" y="40"/>
                </a:lnTo>
                <a:lnTo>
                  <a:pt x="492" y="54"/>
                </a:lnTo>
                <a:lnTo>
                  <a:pt x="514" y="76"/>
                </a:lnTo>
                <a:lnTo>
                  <a:pt x="510" y="96"/>
                </a:lnTo>
                <a:lnTo>
                  <a:pt x="508" y="114"/>
                </a:lnTo>
                <a:lnTo>
                  <a:pt x="526" y="124"/>
                </a:lnTo>
                <a:lnTo>
                  <a:pt x="542" y="132"/>
                </a:lnTo>
                <a:lnTo>
                  <a:pt x="540" y="146"/>
                </a:lnTo>
                <a:lnTo>
                  <a:pt x="556" y="156"/>
                </a:lnTo>
                <a:lnTo>
                  <a:pt x="568" y="174"/>
                </a:lnTo>
                <a:lnTo>
                  <a:pt x="590" y="184"/>
                </a:lnTo>
                <a:lnTo>
                  <a:pt x="614" y="186"/>
                </a:lnTo>
                <a:lnTo>
                  <a:pt x="618" y="200"/>
                </a:lnTo>
                <a:lnTo>
                  <a:pt x="618" y="220"/>
                </a:lnTo>
                <a:lnTo>
                  <a:pt x="632" y="216"/>
                </a:lnTo>
                <a:lnTo>
                  <a:pt x="642" y="210"/>
                </a:lnTo>
                <a:lnTo>
                  <a:pt x="662" y="210"/>
                </a:lnTo>
                <a:lnTo>
                  <a:pt x="672" y="216"/>
                </a:lnTo>
                <a:lnTo>
                  <a:pt x="676" y="232"/>
                </a:lnTo>
                <a:lnTo>
                  <a:pt x="706" y="246"/>
                </a:lnTo>
                <a:lnTo>
                  <a:pt x="704" y="258"/>
                </a:lnTo>
                <a:lnTo>
                  <a:pt x="690" y="262"/>
                </a:lnTo>
                <a:lnTo>
                  <a:pt x="690" y="278"/>
                </a:lnTo>
                <a:lnTo>
                  <a:pt x="674" y="300"/>
                </a:lnTo>
                <a:lnTo>
                  <a:pt x="666" y="302"/>
                </a:lnTo>
                <a:lnTo>
                  <a:pt x="658" y="304"/>
                </a:lnTo>
                <a:lnTo>
                  <a:pt x="654" y="302"/>
                </a:lnTo>
                <a:lnTo>
                  <a:pt x="640" y="294"/>
                </a:lnTo>
                <a:lnTo>
                  <a:pt x="626" y="296"/>
                </a:lnTo>
                <a:lnTo>
                  <a:pt x="618" y="298"/>
                </a:lnTo>
                <a:lnTo>
                  <a:pt x="614" y="300"/>
                </a:lnTo>
                <a:lnTo>
                  <a:pt x="612" y="326"/>
                </a:lnTo>
                <a:lnTo>
                  <a:pt x="626" y="342"/>
                </a:lnTo>
                <a:lnTo>
                  <a:pt x="642" y="348"/>
                </a:lnTo>
                <a:lnTo>
                  <a:pt x="642" y="368"/>
                </a:lnTo>
                <a:lnTo>
                  <a:pt x="652" y="376"/>
                </a:lnTo>
                <a:lnTo>
                  <a:pt x="656" y="398"/>
                </a:lnTo>
                <a:lnTo>
                  <a:pt x="666" y="412"/>
                </a:lnTo>
                <a:lnTo>
                  <a:pt x="686" y="428"/>
                </a:lnTo>
                <a:lnTo>
                  <a:pt x="658" y="436"/>
                </a:lnTo>
                <a:lnTo>
                  <a:pt x="642" y="448"/>
                </a:lnTo>
                <a:lnTo>
                  <a:pt x="622" y="450"/>
                </a:lnTo>
                <a:lnTo>
                  <a:pt x="614" y="473"/>
                </a:lnTo>
                <a:lnTo>
                  <a:pt x="608" y="499"/>
                </a:lnTo>
                <a:lnTo>
                  <a:pt x="608" y="531"/>
                </a:lnTo>
                <a:lnTo>
                  <a:pt x="624" y="553"/>
                </a:lnTo>
                <a:lnTo>
                  <a:pt x="612" y="561"/>
                </a:lnTo>
                <a:lnTo>
                  <a:pt x="598" y="555"/>
                </a:lnTo>
                <a:lnTo>
                  <a:pt x="588" y="543"/>
                </a:lnTo>
                <a:lnTo>
                  <a:pt x="576" y="543"/>
                </a:lnTo>
                <a:lnTo>
                  <a:pt x="556" y="559"/>
                </a:lnTo>
                <a:lnTo>
                  <a:pt x="542" y="553"/>
                </a:lnTo>
                <a:lnTo>
                  <a:pt x="534" y="565"/>
                </a:lnTo>
                <a:lnTo>
                  <a:pt x="522" y="577"/>
                </a:lnTo>
                <a:lnTo>
                  <a:pt x="508" y="563"/>
                </a:lnTo>
                <a:lnTo>
                  <a:pt x="496" y="547"/>
                </a:lnTo>
                <a:lnTo>
                  <a:pt x="474" y="567"/>
                </a:lnTo>
                <a:lnTo>
                  <a:pt x="474" y="577"/>
                </a:lnTo>
                <a:lnTo>
                  <a:pt x="464" y="579"/>
                </a:lnTo>
                <a:lnTo>
                  <a:pt x="452" y="565"/>
                </a:lnTo>
                <a:lnTo>
                  <a:pt x="440" y="575"/>
                </a:lnTo>
                <a:lnTo>
                  <a:pt x="426" y="563"/>
                </a:lnTo>
                <a:lnTo>
                  <a:pt x="418" y="577"/>
                </a:lnTo>
                <a:lnTo>
                  <a:pt x="398" y="579"/>
                </a:lnTo>
                <a:lnTo>
                  <a:pt x="398" y="595"/>
                </a:lnTo>
                <a:lnTo>
                  <a:pt x="386" y="595"/>
                </a:lnTo>
                <a:lnTo>
                  <a:pt x="384" y="581"/>
                </a:lnTo>
                <a:lnTo>
                  <a:pt x="368" y="581"/>
                </a:lnTo>
                <a:lnTo>
                  <a:pt x="352" y="585"/>
                </a:lnTo>
                <a:lnTo>
                  <a:pt x="336" y="569"/>
                </a:lnTo>
                <a:lnTo>
                  <a:pt x="284" y="577"/>
                </a:lnTo>
                <a:lnTo>
                  <a:pt x="242" y="573"/>
                </a:lnTo>
                <a:lnTo>
                  <a:pt x="228" y="573"/>
                </a:lnTo>
                <a:lnTo>
                  <a:pt x="176" y="579"/>
                </a:lnTo>
                <a:lnTo>
                  <a:pt x="154" y="597"/>
                </a:lnTo>
                <a:lnTo>
                  <a:pt x="116" y="607"/>
                </a:lnTo>
                <a:lnTo>
                  <a:pt x="114" y="627"/>
                </a:lnTo>
                <a:lnTo>
                  <a:pt x="94" y="647"/>
                </a:lnTo>
                <a:lnTo>
                  <a:pt x="84" y="641"/>
                </a:lnTo>
                <a:lnTo>
                  <a:pt x="72" y="643"/>
                </a:lnTo>
                <a:lnTo>
                  <a:pt x="60" y="659"/>
                </a:lnTo>
                <a:lnTo>
                  <a:pt x="56" y="645"/>
                </a:lnTo>
                <a:lnTo>
                  <a:pt x="56" y="635"/>
                </a:lnTo>
                <a:lnTo>
                  <a:pt x="62" y="631"/>
                </a:lnTo>
                <a:lnTo>
                  <a:pt x="60" y="599"/>
                </a:lnTo>
                <a:lnTo>
                  <a:pt x="52" y="587"/>
                </a:lnTo>
                <a:lnTo>
                  <a:pt x="36" y="577"/>
                </a:lnTo>
                <a:lnTo>
                  <a:pt x="18" y="577"/>
                </a:lnTo>
                <a:lnTo>
                  <a:pt x="18" y="561"/>
                </a:lnTo>
                <a:lnTo>
                  <a:pt x="24" y="537"/>
                </a:lnTo>
                <a:lnTo>
                  <a:pt x="38" y="527"/>
                </a:lnTo>
                <a:lnTo>
                  <a:pt x="64" y="505"/>
                </a:lnTo>
                <a:lnTo>
                  <a:pt x="48" y="450"/>
                </a:lnTo>
                <a:lnTo>
                  <a:pt x="38" y="434"/>
                </a:lnTo>
                <a:lnTo>
                  <a:pt x="28" y="416"/>
                </a:lnTo>
                <a:lnTo>
                  <a:pt x="0" y="35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82" name="Freeform 27"/>
          <p:cNvSpPr>
            <a:spLocks/>
          </p:cNvSpPr>
          <p:nvPr/>
        </p:nvSpPr>
        <p:spPr bwMode="auto">
          <a:xfrm>
            <a:off x="6126163" y="3043238"/>
            <a:ext cx="314325" cy="166687"/>
          </a:xfrm>
          <a:custGeom>
            <a:avLst/>
            <a:gdLst>
              <a:gd name="T0" fmla="*/ 0 w 242"/>
              <a:gd name="T1" fmla="*/ 2147483647 h 128"/>
              <a:gd name="T2" fmla="*/ 2147483647 w 242"/>
              <a:gd name="T3" fmla="*/ 2147483647 h 128"/>
              <a:gd name="T4" fmla="*/ 2147483647 w 242"/>
              <a:gd name="T5" fmla="*/ 2147483647 h 128"/>
              <a:gd name="T6" fmla="*/ 2147483647 w 242"/>
              <a:gd name="T7" fmla="*/ 2147483647 h 128"/>
              <a:gd name="T8" fmla="*/ 2147483647 w 242"/>
              <a:gd name="T9" fmla="*/ 2147483647 h 128"/>
              <a:gd name="T10" fmla="*/ 2147483647 w 242"/>
              <a:gd name="T11" fmla="*/ 2147483647 h 128"/>
              <a:gd name="T12" fmla="*/ 2147483647 w 242"/>
              <a:gd name="T13" fmla="*/ 2147483647 h 128"/>
              <a:gd name="T14" fmla="*/ 2147483647 w 242"/>
              <a:gd name="T15" fmla="*/ 2147483647 h 128"/>
              <a:gd name="T16" fmla="*/ 2147483647 w 242"/>
              <a:gd name="T17" fmla="*/ 2147483647 h 128"/>
              <a:gd name="T18" fmla="*/ 2147483647 w 242"/>
              <a:gd name="T19" fmla="*/ 2147483647 h 128"/>
              <a:gd name="T20" fmla="*/ 2147483647 w 242"/>
              <a:gd name="T21" fmla="*/ 2147483647 h 128"/>
              <a:gd name="T22" fmla="*/ 2147483647 w 242"/>
              <a:gd name="T23" fmla="*/ 2147483647 h 128"/>
              <a:gd name="T24" fmla="*/ 2147483647 w 242"/>
              <a:gd name="T25" fmla="*/ 2147483647 h 128"/>
              <a:gd name="T26" fmla="*/ 2147483647 w 242"/>
              <a:gd name="T27" fmla="*/ 2147483647 h 128"/>
              <a:gd name="T28" fmla="*/ 2147483647 w 242"/>
              <a:gd name="T29" fmla="*/ 2147483647 h 128"/>
              <a:gd name="T30" fmla="*/ 2147483647 w 242"/>
              <a:gd name="T31" fmla="*/ 2147483647 h 128"/>
              <a:gd name="T32" fmla="*/ 2147483647 w 242"/>
              <a:gd name="T33" fmla="*/ 2147483647 h 128"/>
              <a:gd name="T34" fmla="*/ 2147483647 w 242"/>
              <a:gd name="T35" fmla="*/ 2147483647 h 128"/>
              <a:gd name="T36" fmla="*/ 2147483647 w 242"/>
              <a:gd name="T37" fmla="*/ 0 h 128"/>
              <a:gd name="T38" fmla="*/ 2147483647 w 242"/>
              <a:gd name="T39" fmla="*/ 2147483647 h 128"/>
              <a:gd name="T40" fmla="*/ 2147483647 w 242"/>
              <a:gd name="T41" fmla="*/ 2147483647 h 128"/>
              <a:gd name="T42" fmla="*/ 2147483647 w 242"/>
              <a:gd name="T43" fmla="*/ 2147483647 h 128"/>
              <a:gd name="T44" fmla="*/ 2147483647 w 242"/>
              <a:gd name="T45" fmla="*/ 2147483647 h 128"/>
              <a:gd name="T46" fmla="*/ 2147483647 w 242"/>
              <a:gd name="T47" fmla="*/ 2147483647 h 128"/>
              <a:gd name="T48" fmla="*/ 2147483647 w 242"/>
              <a:gd name="T49" fmla="*/ 2147483647 h 128"/>
              <a:gd name="T50" fmla="*/ 2147483647 w 242"/>
              <a:gd name="T51" fmla="*/ 2147483647 h 128"/>
              <a:gd name="T52" fmla="*/ 2147483647 w 242"/>
              <a:gd name="T53" fmla="*/ 2147483647 h 128"/>
              <a:gd name="T54" fmla="*/ 2147483647 w 242"/>
              <a:gd name="T55" fmla="*/ 2147483647 h 128"/>
              <a:gd name="T56" fmla="*/ 2147483647 w 242"/>
              <a:gd name="T57" fmla="*/ 2147483647 h 128"/>
              <a:gd name="T58" fmla="*/ 2147483647 w 242"/>
              <a:gd name="T59" fmla="*/ 2147483647 h 128"/>
              <a:gd name="T60" fmla="*/ 2147483647 w 242"/>
              <a:gd name="T61" fmla="*/ 2147483647 h 128"/>
              <a:gd name="T62" fmla="*/ 2147483647 w 242"/>
              <a:gd name="T63" fmla="*/ 2147483647 h 128"/>
              <a:gd name="T64" fmla="*/ 2147483647 w 242"/>
              <a:gd name="T65" fmla="*/ 2147483647 h 128"/>
              <a:gd name="T66" fmla="*/ 2147483647 w 242"/>
              <a:gd name="T67" fmla="*/ 2147483647 h 128"/>
              <a:gd name="T68" fmla="*/ 2147483647 w 242"/>
              <a:gd name="T69" fmla="*/ 2147483647 h 128"/>
              <a:gd name="T70" fmla="*/ 2147483647 w 242"/>
              <a:gd name="T71" fmla="*/ 2147483647 h 128"/>
              <a:gd name="T72" fmla="*/ 2147483647 w 242"/>
              <a:gd name="T73" fmla="*/ 2147483647 h 128"/>
              <a:gd name="T74" fmla="*/ 2147483647 w 242"/>
              <a:gd name="T75" fmla="*/ 2147483647 h 128"/>
              <a:gd name="T76" fmla="*/ 2147483647 w 242"/>
              <a:gd name="T77" fmla="*/ 2147483647 h 128"/>
              <a:gd name="T78" fmla="*/ 2147483647 w 242"/>
              <a:gd name="T79" fmla="*/ 2147483647 h 128"/>
              <a:gd name="T80" fmla="*/ 2147483647 w 242"/>
              <a:gd name="T81" fmla="*/ 2147483647 h 128"/>
              <a:gd name="T82" fmla="*/ 2147483647 w 242"/>
              <a:gd name="T83" fmla="*/ 2147483647 h 128"/>
              <a:gd name="T84" fmla="*/ 2147483647 w 242"/>
              <a:gd name="T85" fmla="*/ 2147483647 h 128"/>
              <a:gd name="T86" fmla="*/ 2147483647 w 242"/>
              <a:gd name="T87" fmla="*/ 2147483647 h 128"/>
              <a:gd name="T88" fmla="*/ 2147483647 w 242"/>
              <a:gd name="T89" fmla="*/ 2147483647 h 128"/>
              <a:gd name="T90" fmla="*/ 2147483647 w 242"/>
              <a:gd name="T91" fmla="*/ 2147483647 h 128"/>
              <a:gd name="T92" fmla="*/ 2147483647 w 242"/>
              <a:gd name="T93" fmla="*/ 2147483647 h 128"/>
              <a:gd name="T94" fmla="*/ 0 w 242"/>
              <a:gd name="T95" fmla="*/ 2147483647 h 128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0" t="0" r="r" b="b"/>
            <a:pathLst>
              <a:path w="242" h="128">
                <a:moveTo>
                  <a:pt x="0" y="126"/>
                </a:moveTo>
                <a:lnTo>
                  <a:pt x="12" y="110"/>
                </a:lnTo>
                <a:lnTo>
                  <a:pt x="20" y="94"/>
                </a:lnTo>
                <a:lnTo>
                  <a:pt x="22" y="84"/>
                </a:lnTo>
                <a:lnTo>
                  <a:pt x="18" y="72"/>
                </a:lnTo>
                <a:lnTo>
                  <a:pt x="14" y="64"/>
                </a:lnTo>
                <a:lnTo>
                  <a:pt x="20" y="54"/>
                </a:lnTo>
                <a:lnTo>
                  <a:pt x="34" y="52"/>
                </a:lnTo>
                <a:lnTo>
                  <a:pt x="48" y="52"/>
                </a:lnTo>
                <a:lnTo>
                  <a:pt x="62" y="48"/>
                </a:lnTo>
                <a:lnTo>
                  <a:pt x="70" y="52"/>
                </a:lnTo>
                <a:lnTo>
                  <a:pt x="82" y="54"/>
                </a:lnTo>
                <a:lnTo>
                  <a:pt x="102" y="52"/>
                </a:lnTo>
                <a:lnTo>
                  <a:pt x="112" y="46"/>
                </a:lnTo>
                <a:lnTo>
                  <a:pt x="108" y="34"/>
                </a:lnTo>
                <a:lnTo>
                  <a:pt x="102" y="20"/>
                </a:lnTo>
                <a:lnTo>
                  <a:pt x="104" y="10"/>
                </a:lnTo>
                <a:lnTo>
                  <a:pt x="104" y="2"/>
                </a:lnTo>
                <a:lnTo>
                  <a:pt x="112" y="0"/>
                </a:lnTo>
                <a:lnTo>
                  <a:pt x="126" y="6"/>
                </a:lnTo>
                <a:lnTo>
                  <a:pt x="154" y="18"/>
                </a:lnTo>
                <a:lnTo>
                  <a:pt x="172" y="24"/>
                </a:lnTo>
                <a:lnTo>
                  <a:pt x="186" y="18"/>
                </a:lnTo>
                <a:lnTo>
                  <a:pt x="208" y="18"/>
                </a:lnTo>
                <a:lnTo>
                  <a:pt x="216" y="22"/>
                </a:lnTo>
                <a:lnTo>
                  <a:pt x="228" y="32"/>
                </a:lnTo>
                <a:lnTo>
                  <a:pt x="238" y="42"/>
                </a:lnTo>
                <a:lnTo>
                  <a:pt x="232" y="56"/>
                </a:lnTo>
                <a:lnTo>
                  <a:pt x="232" y="72"/>
                </a:lnTo>
                <a:lnTo>
                  <a:pt x="230" y="86"/>
                </a:lnTo>
                <a:lnTo>
                  <a:pt x="242" y="96"/>
                </a:lnTo>
                <a:lnTo>
                  <a:pt x="226" y="108"/>
                </a:lnTo>
                <a:lnTo>
                  <a:pt x="176" y="120"/>
                </a:lnTo>
                <a:lnTo>
                  <a:pt x="140" y="126"/>
                </a:lnTo>
                <a:lnTo>
                  <a:pt x="86" y="126"/>
                </a:lnTo>
                <a:lnTo>
                  <a:pt x="38" y="126"/>
                </a:lnTo>
                <a:lnTo>
                  <a:pt x="16" y="128"/>
                </a:lnTo>
                <a:lnTo>
                  <a:pt x="26" y="116"/>
                </a:lnTo>
                <a:lnTo>
                  <a:pt x="42" y="106"/>
                </a:lnTo>
                <a:lnTo>
                  <a:pt x="58" y="94"/>
                </a:lnTo>
                <a:lnTo>
                  <a:pt x="54" y="86"/>
                </a:lnTo>
                <a:lnTo>
                  <a:pt x="42" y="88"/>
                </a:lnTo>
                <a:lnTo>
                  <a:pt x="28" y="88"/>
                </a:lnTo>
                <a:lnTo>
                  <a:pt x="22" y="98"/>
                </a:lnTo>
                <a:lnTo>
                  <a:pt x="16" y="108"/>
                </a:lnTo>
                <a:lnTo>
                  <a:pt x="10" y="116"/>
                </a:lnTo>
                <a:lnTo>
                  <a:pt x="2" y="128"/>
                </a:lnTo>
                <a:lnTo>
                  <a:pt x="0" y="12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83" name="Freeform 28"/>
          <p:cNvSpPr>
            <a:spLocks/>
          </p:cNvSpPr>
          <p:nvPr/>
        </p:nvSpPr>
        <p:spPr bwMode="auto">
          <a:xfrm>
            <a:off x="7102475" y="6240463"/>
            <a:ext cx="396875" cy="111125"/>
          </a:xfrm>
          <a:custGeom>
            <a:avLst/>
            <a:gdLst>
              <a:gd name="T0" fmla="*/ 2147483647 w 306"/>
              <a:gd name="T1" fmla="*/ 2147483647 h 86"/>
              <a:gd name="T2" fmla="*/ 2147483647 w 306"/>
              <a:gd name="T3" fmla="*/ 2147483647 h 86"/>
              <a:gd name="T4" fmla="*/ 2147483647 w 306"/>
              <a:gd name="T5" fmla="*/ 2147483647 h 86"/>
              <a:gd name="T6" fmla="*/ 2147483647 w 306"/>
              <a:gd name="T7" fmla="*/ 2147483647 h 86"/>
              <a:gd name="T8" fmla="*/ 2147483647 w 306"/>
              <a:gd name="T9" fmla="*/ 2147483647 h 86"/>
              <a:gd name="T10" fmla="*/ 2147483647 w 306"/>
              <a:gd name="T11" fmla="*/ 2147483647 h 86"/>
              <a:gd name="T12" fmla="*/ 2147483647 w 306"/>
              <a:gd name="T13" fmla="*/ 2147483647 h 86"/>
              <a:gd name="T14" fmla="*/ 2147483647 w 306"/>
              <a:gd name="T15" fmla="*/ 2147483647 h 86"/>
              <a:gd name="T16" fmla="*/ 2147483647 w 306"/>
              <a:gd name="T17" fmla="*/ 2147483647 h 86"/>
              <a:gd name="T18" fmla="*/ 2147483647 w 306"/>
              <a:gd name="T19" fmla="*/ 2147483647 h 86"/>
              <a:gd name="T20" fmla="*/ 2147483647 w 306"/>
              <a:gd name="T21" fmla="*/ 2147483647 h 86"/>
              <a:gd name="T22" fmla="*/ 2147483647 w 306"/>
              <a:gd name="T23" fmla="*/ 2147483647 h 86"/>
              <a:gd name="T24" fmla="*/ 2147483647 w 306"/>
              <a:gd name="T25" fmla="*/ 2147483647 h 86"/>
              <a:gd name="T26" fmla="*/ 2147483647 w 306"/>
              <a:gd name="T27" fmla="*/ 2147483647 h 86"/>
              <a:gd name="T28" fmla="*/ 2147483647 w 306"/>
              <a:gd name="T29" fmla="*/ 2147483647 h 86"/>
              <a:gd name="T30" fmla="*/ 2147483647 w 306"/>
              <a:gd name="T31" fmla="*/ 2147483647 h 86"/>
              <a:gd name="T32" fmla="*/ 2147483647 w 306"/>
              <a:gd name="T33" fmla="*/ 2147483647 h 86"/>
              <a:gd name="T34" fmla="*/ 2147483647 w 306"/>
              <a:gd name="T35" fmla="*/ 2147483647 h 86"/>
              <a:gd name="T36" fmla="*/ 2147483647 w 306"/>
              <a:gd name="T37" fmla="*/ 2147483647 h 86"/>
              <a:gd name="T38" fmla="*/ 2147483647 w 306"/>
              <a:gd name="T39" fmla="*/ 2147483647 h 86"/>
              <a:gd name="T40" fmla="*/ 2147483647 w 306"/>
              <a:gd name="T41" fmla="*/ 2147483647 h 86"/>
              <a:gd name="T42" fmla="*/ 2147483647 w 306"/>
              <a:gd name="T43" fmla="*/ 2147483647 h 86"/>
              <a:gd name="T44" fmla="*/ 2147483647 w 306"/>
              <a:gd name="T45" fmla="*/ 2147483647 h 86"/>
              <a:gd name="T46" fmla="*/ 2147483647 w 306"/>
              <a:gd name="T47" fmla="*/ 2147483647 h 86"/>
              <a:gd name="T48" fmla="*/ 2147483647 w 306"/>
              <a:gd name="T49" fmla="*/ 2147483647 h 86"/>
              <a:gd name="T50" fmla="*/ 2147483647 w 306"/>
              <a:gd name="T51" fmla="*/ 2147483647 h 86"/>
              <a:gd name="T52" fmla="*/ 2147483647 w 306"/>
              <a:gd name="T53" fmla="*/ 2147483647 h 86"/>
              <a:gd name="T54" fmla="*/ 2147483647 w 306"/>
              <a:gd name="T55" fmla="*/ 2147483647 h 86"/>
              <a:gd name="T56" fmla="*/ 2147483647 w 306"/>
              <a:gd name="T57" fmla="*/ 2147483647 h 86"/>
              <a:gd name="T58" fmla="*/ 2147483647 w 306"/>
              <a:gd name="T59" fmla="*/ 2147483647 h 86"/>
              <a:gd name="T60" fmla="*/ 2147483647 w 306"/>
              <a:gd name="T61" fmla="*/ 2147483647 h 86"/>
              <a:gd name="T62" fmla="*/ 2147483647 w 306"/>
              <a:gd name="T63" fmla="*/ 2147483647 h 86"/>
              <a:gd name="T64" fmla="*/ 2147483647 w 306"/>
              <a:gd name="T65" fmla="*/ 2147483647 h 86"/>
              <a:gd name="T66" fmla="*/ 2147483647 w 306"/>
              <a:gd name="T67" fmla="*/ 2147483647 h 86"/>
              <a:gd name="T68" fmla="*/ 2147483647 w 306"/>
              <a:gd name="T69" fmla="*/ 2147483647 h 86"/>
              <a:gd name="T70" fmla="*/ 2147483647 w 306"/>
              <a:gd name="T71" fmla="*/ 2147483647 h 86"/>
              <a:gd name="T72" fmla="*/ 2147483647 w 306"/>
              <a:gd name="T73" fmla="*/ 2147483647 h 86"/>
              <a:gd name="T74" fmla="*/ 2147483647 w 306"/>
              <a:gd name="T75" fmla="*/ 2147483647 h 86"/>
              <a:gd name="T76" fmla="*/ 2147483647 w 306"/>
              <a:gd name="T77" fmla="*/ 2147483647 h 86"/>
              <a:gd name="T78" fmla="*/ 2147483647 w 306"/>
              <a:gd name="T79" fmla="*/ 2147483647 h 86"/>
              <a:gd name="T80" fmla="*/ 2147483647 w 306"/>
              <a:gd name="T81" fmla="*/ 2147483647 h 86"/>
              <a:gd name="T82" fmla="*/ 2147483647 w 306"/>
              <a:gd name="T83" fmla="*/ 2147483647 h 86"/>
              <a:gd name="T84" fmla="*/ 2147483647 w 306"/>
              <a:gd name="T85" fmla="*/ 2147483647 h 8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306" h="86">
                <a:moveTo>
                  <a:pt x="2" y="26"/>
                </a:moveTo>
                <a:lnTo>
                  <a:pt x="8" y="34"/>
                </a:lnTo>
                <a:lnTo>
                  <a:pt x="20" y="32"/>
                </a:lnTo>
                <a:lnTo>
                  <a:pt x="18" y="24"/>
                </a:lnTo>
                <a:lnTo>
                  <a:pt x="14" y="20"/>
                </a:lnTo>
                <a:lnTo>
                  <a:pt x="14" y="10"/>
                </a:lnTo>
                <a:lnTo>
                  <a:pt x="20" y="12"/>
                </a:lnTo>
                <a:lnTo>
                  <a:pt x="24" y="20"/>
                </a:lnTo>
                <a:lnTo>
                  <a:pt x="32" y="26"/>
                </a:lnTo>
                <a:lnTo>
                  <a:pt x="40" y="26"/>
                </a:lnTo>
                <a:lnTo>
                  <a:pt x="50" y="24"/>
                </a:lnTo>
                <a:lnTo>
                  <a:pt x="56" y="20"/>
                </a:lnTo>
                <a:lnTo>
                  <a:pt x="58" y="12"/>
                </a:lnTo>
                <a:lnTo>
                  <a:pt x="66" y="12"/>
                </a:lnTo>
                <a:lnTo>
                  <a:pt x="70" y="18"/>
                </a:lnTo>
                <a:lnTo>
                  <a:pt x="66" y="26"/>
                </a:lnTo>
                <a:lnTo>
                  <a:pt x="70" y="30"/>
                </a:lnTo>
                <a:lnTo>
                  <a:pt x="78" y="28"/>
                </a:lnTo>
                <a:lnTo>
                  <a:pt x="84" y="38"/>
                </a:lnTo>
                <a:lnTo>
                  <a:pt x="90" y="40"/>
                </a:lnTo>
                <a:lnTo>
                  <a:pt x="104" y="34"/>
                </a:lnTo>
                <a:lnTo>
                  <a:pt x="114" y="30"/>
                </a:lnTo>
                <a:lnTo>
                  <a:pt x="124" y="24"/>
                </a:lnTo>
                <a:lnTo>
                  <a:pt x="144" y="22"/>
                </a:lnTo>
                <a:lnTo>
                  <a:pt x="154" y="18"/>
                </a:lnTo>
                <a:lnTo>
                  <a:pt x="166" y="16"/>
                </a:lnTo>
                <a:lnTo>
                  <a:pt x="172" y="20"/>
                </a:lnTo>
                <a:lnTo>
                  <a:pt x="182" y="22"/>
                </a:lnTo>
                <a:lnTo>
                  <a:pt x="194" y="22"/>
                </a:lnTo>
                <a:lnTo>
                  <a:pt x="200" y="18"/>
                </a:lnTo>
                <a:lnTo>
                  <a:pt x="202" y="18"/>
                </a:lnTo>
                <a:lnTo>
                  <a:pt x="206" y="20"/>
                </a:lnTo>
                <a:lnTo>
                  <a:pt x="216" y="18"/>
                </a:lnTo>
                <a:lnTo>
                  <a:pt x="228" y="12"/>
                </a:lnTo>
                <a:lnTo>
                  <a:pt x="234" y="10"/>
                </a:lnTo>
                <a:lnTo>
                  <a:pt x="238" y="10"/>
                </a:lnTo>
                <a:lnTo>
                  <a:pt x="240" y="20"/>
                </a:lnTo>
                <a:lnTo>
                  <a:pt x="242" y="30"/>
                </a:lnTo>
                <a:lnTo>
                  <a:pt x="250" y="38"/>
                </a:lnTo>
                <a:lnTo>
                  <a:pt x="258" y="32"/>
                </a:lnTo>
                <a:lnTo>
                  <a:pt x="264" y="22"/>
                </a:lnTo>
                <a:lnTo>
                  <a:pt x="272" y="20"/>
                </a:lnTo>
                <a:lnTo>
                  <a:pt x="282" y="18"/>
                </a:lnTo>
                <a:lnTo>
                  <a:pt x="292" y="14"/>
                </a:lnTo>
                <a:lnTo>
                  <a:pt x="294" y="8"/>
                </a:lnTo>
                <a:lnTo>
                  <a:pt x="296" y="4"/>
                </a:lnTo>
                <a:lnTo>
                  <a:pt x="300" y="0"/>
                </a:lnTo>
                <a:lnTo>
                  <a:pt x="302" y="8"/>
                </a:lnTo>
                <a:lnTo>
                  <a:pt x="304" y="16"/>
                </a:lnTo>
                <a:lnTo>
                  <a:pt x="306" y="28"/>
                </a:lnTo>
                <a:lnTo>
                  <a:pt x="300" y="42"/>
                </a:lnTo>
                <a:lnTo>
                  <a:pt x="290" y="44"/>
                </a:lnTo>
                <a:lnTo>
                  <a:pt x="270" y="46"/>
                </a:lnTo>
                <a:lnTo>
                  <a:pt x="264" y="48"/>
                </a:lnTo>
                <a:lnTo>
                  <a:pt x="258" y="52"/>
                </a:lnTo>
                <a:lnTo>
                  <a:pt x="244" y="56"/>
                </a:lnTo>
                <a:lnTo>
                  <a:pt x="232" y="56"/>
                </a:lnTo>
                <a:lnTo>
                  <a:pt x="226" y="62"/>
                </a:lnTo>
                <a:lnTo>
                  <a:pt x="216" y="64"/>
                </a:lnTo>
                <a:lnTo>
                  <a:pt x="208" y="64"/>
                </a:lnTo>
                <a:lnTo>
                  <a:pt x="200" y="70"/>
                </a:lnTo>
                <a:lnTo>
                  <a:pt x="188" y="76"/>
                </a:lnTo>
                <a:lnTo>
                  <a:pt x="176" y="80"/>
                </a:lnTo>
                <a:lnTo>
                  <a:pt x="164" y="84"/>
                </a:lnTo>
                <a:lnTo>
                  <a:pt x="148" y="86"/>
                </a:lnTo>
                <a:lnTo>
                  <a:pt x="144" y="82"/>
                </a:lnTo>
                <a:lnTo>
                  <a:pt x="142" y="80"/>
                </a:lnTo>
                <a:lnTo>
                  <a:pt x="144" y="72"/>
                </a:lnTo>
                <a:lnTo>
                  <a:pt x="136" y="66"/>
                </a:lnTo>
                <a:lnTo>
                  <a:pt x="132" y="68"/>
                </a:lnTo>
                <a:lnTo>
                  <a:pt x="122" y="70"/>
                </a:lnTo>
                <a:lnTo>
                  <a:pt x="114" y="66"/>
                </a:lnTo>
                <a:lnTo>
                  <a:pt x="98" y="62"/>
                </a:lnTo>
                <a:lnTo>
                  <a:pt x="86" y="62"/>
                </a:lnTo>
                <a:lnTo>
                  <a:pt x="72" y="64"/>
                </a:lnTo>
                <a:lnTo>
                  <a:pt x="62" y="64"/>
                </a:lnTo>
                <a:lnTo>
                  <a:pt x="52" y="62"/>
                </a:lnTo>
                <a:lnTo>
                  <a:pt x="42" y="64"/>
                </a:lnTo>
                <a:lnTo>
                  <a:pt x="32" y="66"/>
                </a:lnTo>
                <a:lnTo>
                  <a:pt x="26" y="68"/>
                </a:lnTo>
                <a:lnTo>
                  <a:pt x="14" y="70"/>
                </a:lnTo>
                <a:lnTo>
                  <a:pt x="4" y="66"/>
                </a:lnTo>
                <a:lnTo>
                  <a:pt x="2" y="52"/>
                </a:lnTo>
                <a:lnTo>
                  <a:pt x="2" y="44"/>
                </a:lnTo>
                <a:lnTo>
                  <a:pt x="0" y="34"/>
                </a:lnTo>
                <a:lnTo>
                  <a:pt x="2" y="2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84" name="Freeform 29"/>
          <p:cNvSpPr>
            <a:spLocks/>
          </p:cNvSpPr>
          <p:nvPr/>
        </p:nvSpPr>
        <p:spPr bwMode="auto">
          <a:xfrm>
            <a:off x="6530975" y="5170488"/>
            <a:ext cx="771525" cy="985837"/>
          </a:xfrm>
          <a:custGeom>
            <a:avLst/>
            <a:gdLst>
              <a:gd name="T0" fmla="*/ 2147483647 w 596"/>
              <a:gd name="T1" fmla="*/ 2147483647 h 762"/>
              <a:gd name="T2" fmla="*/ 2147483647 w 596"/>
              <a:gd name="T3" fmla="*/ 2147483647 h 762"/>
              <a:gd name="T4" fmla="*/ 2147483647 w 596"/>
              <a:gd name="T5" fmla="*/ 2147483647 h 762"/>
              <a:gd name="T6" fmla="*/ 2147483647 w 596"/>
              <a:gd name="T7" fmla="*/ 2147483647 h 762"/>
              <a:gd name="T8" fmla="*/ 2147483647 w 596"/>
              <a:gd name="T9" fmla="*/ 2147483647 h 762"/>
              <a:gd name="T10" fmla="*/ 2147483647 w 596"/>
              <a:gd name="T11" fmla="*/ 2147483647 h 762"/>
              <a:gd name="T12" fmla="*/ 2147483647 w 596"/>
              <a:gd name="T13" fmla="*/ 2147483647 h 762"/>
              <a:gd name="T14" fmla="*/ 2147483647 w 596"/>
              <a:gd name="T15" fmla="*/ 2147483647 h 762"/>
              <a:gd name="T16" fmla="*/ 2147483647 w 596"/>
              <a:gd name="T17" fmla="*/ 2147483647 h 762"/>
              <a:gd name="T18" fmla="*/ 2147483647 w 596"/>
              <a:gd name="T19" fmla="*/ 2147483647 h 762"/>
              <a:gd name="T20" fmla="*/ 2147483647 w 596"/>
              <a:gd name="T21" fmla="*/ 2147483647 h 762"/>
              <a:gd name="T22" fmla="*/ 2147483647 w 596"/>
              <a:gd name="T23" fmla="*/ 2147483647 h 762"/>
              <a:gd name="T24" fmla="*/ 2147483647 w 596"/>
              <a:gd name="T25" fmla="*/ 2147483647 h 762"/>
              <a:gd name="T26" fmla="*/ 2147483647 w 596"/>
              <a:gd name="T27" fmla="*/ 2147483647 h 762"/>
              <a:gd name="T28" fmla="*/ 2147483647 w 596"/>
              <a:gd name="T29" fmla="*/ 2147483647 h 762"/>
              <a:gd name="T30" fmla="*/ 2147483647 w 596"/>
              <a:gd name="T31" fmla="*/ 2147483647 h 762"/>
              <a:gd name="T32" fmla="*/ 2147483647 w 596"/>
              <a:gd name="T33" fmla="*/ 2147483647 h 762"/>
              <a:gd name="T34" fmla="*/ 2147483647 w 596"/>
              <a:gd name="T35" fmla="*/ 2147483647 h 762"/>
              <a:gd name="T36" fmla="*/ 2147483647 w 596"/>
              <a:gd name="T37" fmla="*/ 2147483647 h 762"/>
              <a:gd name="T38" fmla="*/ 2147483647 w 596"/>
              <a:gd name="T39" fmla="*/ 2147483647 h 762"/>
              <a:gd name="T40" fmla="*/ 2147483647 w 596"/>
              <a:gd name="T41" fmla="*/ 2147483647 h 762"/>
              <a:gd name="T42" fmla="*/ 2147483647 w 596"/>
              <a:gd name="T43" fmla="*/ 2147483647 h 762"/>
              <a:gd name="T44" fmla="*/ 2147483647 w 596"/>
              <a:gd name="T45" fmla="*/ 2147483647 h 762"/>
              <a:gd name="T46" fmla="*/ 2147483647 w 596"/>
              <a:gd name="T47" fmla="*/ 2147483647 h 762"/>
              <a:gd name="T48" fmla="*/ 2147483647 w 596"/>
              <a:gd name="T49" fmla="*/ 2147483647 h 762"/>
              <a:gd name="T50" fmla="*/ 2147483647 w 596"/>
              <a:gd name="T51" fmla="*/ 2147483647 h 762"/>
              <a:gd name="T52" fmla="*/ 2147483647 w 596"/>
              <a:gd name="T53" fmla="*/ 2147483647 h 762"/>
              <a:gd name="T54" fmla="*/ 2147483647 w 596"/>
              <a:gd name="T55" fmla="*/ 2147483647 h 762"/>
              <a:gd name="T56" fmla="*/ 2147483647 w 596"/>
              <a:gd name="T57" fmla="*/ 2147483647 h 762"/>
              <a:gd name="T58" fmla="*/ 2147483647 w 596"/>
              <a:gd name="T59" fmla="*/ 2147483647 h 762"/>
              <a:gd name="T60" fmla="*/ 2147483647 w 596"/>
              <a:gd name="T61" fmla="*/ 2147483647 h 762"/>
              <a:gd name="T62" fmla="*/ 2147483647 w 596"/>
              <a:gd name="T63" fmla="*/ 2147483647 h 762"/>
              <a:gd name="T64" fmla="*/ 2147483647 w 596"/>
              <a:gd name="T65" fmla="*/ 2147483647 h 762"/>
              <a:gd name="T66" fmla="*/ 2147483647 w 596"/>
              <a:gd name="T67" fmla="*/ 2147483647 h 762"/>
              <a:gd name="T68" fmla="*/ 2147483647 w 596"/>
              <a:gd name="T69" fmla="*/ 2147483647 h 762"/>
              <a:gd name="T70" fmla="*/ 2147483647 w 596"/>
              <a:gd name="T71" fmla="*/ 2147483647 h 762"/>
              <a:gd name="T72" fmla="*/ 2147483647 w 596"/>
              <a:gd name="T73" fmla="*/ 2147483647 h 762"/>
              <a:gd name="T74" fmla="*/ 2147483647 w 596"/>
              <a:gd name="T75" fmla="*/ 2147483647 h 762"/>
              <a:gd name="T76" fmla="*/ 2147483647 w 596"/>
              <a:gd name="T77" fmla="*/ 2147483647 h 762"/>
              <a:gd name="T78" fmla="*/ 2147483647 w 596"/>
              <a:gd name="T79" fmla="*/ 2147483647 h 762"/>
              <a:gd name="T80" fmla="*/ 2147483647 w 596"/>
              <a:gd name="T81" fmla="*/ 2147483647 h 762"/>
              <a:gd name="T82" fmla="*/ 2147483647 w 596"/>
              <a:gd name="T83" fmla="*/ 2147483647 h 762"/>
              <a:gd name="T84" fmla="*/ 2147483647 w 596"/>
              <a:gd name="T85" fmla="*/ 2147483647 h 762"/>
              <a:gd name="T86" fmla="*/ 2147483647 w 596"/>
              <a:gd name="T87" fmla="*/ 2147483647 h 762"/>
              <a:gd name="T88" fmla="*/ 2147483647 w 596"/>
              <a:gd name="T89" fmla="*/ 2147483647 h 762"/>
              <a:gd name="T90" fmla="*/ 2147483647 w 596"/>
              <a:gd name="T91" fmla="*/ 2147483647 h 762"/>
              <a:gd name="T92" fmla="*/ 2147483647 w 596"/>
              <a:gd name="T93" fmla="*/ 2147483647 h 762"/>
              <a:gd name="T94" fmla="*/ 2147483647 w 596"/>
              <a:gd name="T95" fmla="*/ 2147483647 h 762"/>
              <a:gd name="T96" fmla="*/ 2147483647 w 596"/>
              <a:gd name="T97" fmla="*/ 2147483647 h 762"/>
              <a:gd name="T98" fmla="*/ 2147483647 w 596"/>
              <a:gd name="T99" fmla="*/ 2147483647 h 762"/>
              <a:gd name="T100" fmla="*/ 2147483647 w 596"/>
              <a:gd name="T101" fmla="*/ 2147483647 h 762"/>
              <a:gd name="T102" fmla="*/ 2147483647 w 596"/>
              <a:gd name="T103" fmla="*/ 2147483647 h 762"/>
              <a:gd name="T104" fmla="*/ 2147483647 w 596"/>
              <a:gd name="T105" fmla="*/ 2147483647 h 762"/>
              <a:gd name="T106" fmla="*/ 2147483647 w 596"/>
              <a:gd name="T107" fmla="*/ 2147483647 h 762"/>
              <a:gd name="T108" fmla="*/ 2147483647 w 596"/>
              <a:gd name="T109" fmla="*/ 2147483647 h 762"/>
              <a:gd name="T110" fmla="*/ 2147483647 w 596"/>
              <a:gd name="T111" fmla="*/ 2147483647 h 762"/>
              <a:gd name="T112" fmla="*/ 2147483647 w 596"/>
              <a:gd name="T113" fmla="*/ 2147483647 h 762"/>
              <a:gd name="T114" fmla="*/ 2147483647 w 596"/>
              <a:gd name="T115" fmla="*/ 2147483647 h 762"/>
              <a:gd name="T116" fmla="*/ 2147483647 w 596"/>
              <a:gd name="T117" fmla="*/ 2147483647 h 762"/>
              <a:gd name="T118" fmla="*/ 2147483647 w 596"/>
              <a:gd name="T119" fmla="*/ 2147483647 h 762"/>
              <a:gd name="T120" fmla="*/ 2147483647 w 596"/>
              <a:gd name="T121" fmla="*/ 2147483647 h 762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596" h="762">
                <a:moveTo>
                  <a:pt x="240" y="116"/>
                </a:moveTo>
                <a:lnTo>
                  <a:pt x="264" y="114"/>
                </a:lnTo>
                <a:lnTo>
                  <a:pt x="274" y="104"/>
                </a:lnTo>
                <a:lnTo>
                  <a:pt x="306" y="100"/>
                </a:lnTo>
                <a:lnTo>
                  <a:pt x="342" y="80"/>
                </a:lnTo>
                <a:lnTo>
                  <a:pt x="356" y="64"/>
                </a:lnTo>
                <a:lnTo>
                  <a:pt x="376" y="66"/>
                </a:lnTo>
                <a:lnTo>
                  <a:pt x="384" y="58"/>
                </a:lnTo>
                <a:lnTo>
                  <a:pt x="420" y="82"/>
                </a:lnTo>
                <a:lnTo>
                  <a:pt x="422" y="72"/>
                </a:lnTo>
                <a:lnTo>
                  <a:pt x="448" y="72"/>
                </a:lnTo>
                <a:lnTo>
                  <a:pt x="468" y="86"/>
                </a:lnTo>
                <a:lnTo>
                  <a:pt x="500" y="66"/>
                </a:lnTo>
                <a:lnTo>
                  <a:pt x="530" y="60"/>
                </a:lnTo>
                <a:lnTo>
                  <a:pt x="552" y="46"/>
                </a:lnTo>
                <a:lnTo>
                  <a:pt x="548" y="26"/>
                </a:lnTo>
                <a:lnTo>
                  <a:pt x="530" y="10"/>
                </a:lnTo>
                <a:lnTo>
                  <a:pt x="540" y="0"/>
                </a:lnTo>
                <a:lnTo>
                  <a:pt x="556" y="4"/>
                </a:lnTo>
                <a:lnTo>
                  <a:pt x="580" y="6"/>
                </a:lnTo>
                <a:lnTo>
                  <a:pt x="596" y="36"/>
                </a:lnTo>
                <a:lnTo>
                  <a:pt x="572" y="62"/>
                </a:lnTo>
                <a:lnTo>
                  <a:pt x="572" y="80"/>
                </a:lnTo>
                <a:lnTo>
                  <a:pt x="580" y="100"/>
                </a:lnTo>
                <a:lnTo>
                  <a:pt x="568" y="114"/>
                </a:lnTo>
                <a:lnTo>
                  <a:pt x="558" y="136"/>
                </a:lnTo>
                <a:lnTo>
                  <a:pt x="552" y="122"/>
                </a:lnTo>
                <a:lnTo>
                  <a:pt x="528" y="122"/>
                </a:lnTo>
                <a:lnTo>
                  <a:pt x="526" y="128"/>
                </a:lnTo>
                <a:lnTo>
                  <a:pt x="488" y="128"/>
                </a:lnTo>
                <a:lnTo>
                  <a:pt x="484" y="124"/>
                </a:lnTo>
                <a:lnTo>
                  <a:pt x="468" y="126"/>
                </a:lnTo>
                <a:lnTo>
                  <a:pt x="458" y="118"/>
                </a:lnTo>
                <a:lnTo>
                  <a:pt x="430" y="144"/>
                </a:lnTo>
                <a:lnTo>
                  <a:pt x="414" y="144"/>
                </a:lnTo>
                <a:lnTo>
                  <a:pt x="396" y="138"/>
                </a:lnTo>
                <a:lnTo>
                  <a:pt x="388" y="150"/>
                </a:lnTo>
                <a:lnTo>
                  <a:pt x="376" y="170"/>
                </a:lnTo>
                <a:lnTo>
                  <a:pt x="364" y="174"/>
                </a:lnTo>
                <a:lnTo>
                  <a:pt x="352" y="176"/>
                </a:lnTo>
                <a:lnTo>
                  <a:pt x="344" y="168"/>
                </a:lnTo>
                <a:lnTo>
                  <a:pt x="334" y="174"/>
                </a:lnTo>
                <a:lnTo>
                  <a:pt x="330" y="184"/>
                </a:lnTo>
                <a:lnTo>
                  <a:pt x="338" y="192"/>
                </a:lnTo>
                <a:lnTo>
                  <a:pt x="346" y="200"/>
                </a:lnTo>
                <a:lnTo>
                  <a:pt x="348" y="212"/>
                </a:lnTo>
                <a:lnTo>
                  <a:pt x="360" y="220"/>
                </a:lnTo>
                <a:lnTo>
                  <a:pt x="374" y="220"/>
                </a:lnTo>
                <a:lnTo>
                  <a:pt x="388" y="224"/>
                </a:lnTo>
                <a:lnTo>
                  <a:pt x="400" y="230"/>
                </a:lnTo>
                <a:lnTo>
                  <a:pt x="408" y="238"/>
                </a:lnTo>
                <a:lnTo>
                  <a:pt x="410" y="244"/>
                </a:lnTo>
                <a:lnTo>
                  <a:pt x="406" y="250"/>
                </a:lnTo>
                <a:lnTo>
                  <a:pt x="394" y="240"/>
                </a:lnTo>
                <a:lnTo>
                  <a:pt x="384" y="230"/>
                </a:lnTo>
                <a:lnTo>
                  <a:pt x="368" y="230"/>
                </a:lnTo>
                <a:lnTo>
                  <a:pt x="360" y="226"/>
                </a:lnTo>
                <a:lnTo>
                  <a:pt x="352" y="224"/>
                </a:lnTo>
                <a:lnTo>
                  <a:pt x="346" y="228"/>
                </a:lnTo>
                <a:lnTo>
                  <a:pt x="340" y="238"/>
                </a:lnTo>
                <a:lnTo>
                  <a:pt x="344" y="244"/>
                </a:lnTo>
                <a:lnTo>
                  <a:pt x="356" y="250"/>
                </a:lnTo>
                <a:lnTo>
                  <a:pt x="370" y="254"/>
                </a:lnTo>
                <a:lnTo>
                  <a:pt x="376" y="264"/>
                </a:lnTo>
                <a:lnTo>
                  <a:pt x="378" y="272"/>
                </a:lnTo>
                <a:lnTo>
                  <a:pt x="372" y="278"/>
                </a:lnTo>
                <a:lnTo>
                  <a:pt x="356" y="274"/>
                </a:lnTo>
                <a:lnTo>
                  <a:pt x="354" y="266"/>
                </a:lnTo>
                <a:lnTo>
                  <a:pt x="346" y="256"/>
                </a:lnTo>
                <a:lnTo>
                  <a:pt x="336" y="250"/>
                </a:lnTo>
                <a:lnTo>
                  <a:pt x="324" y="246"/>
                </a:lnTo>
                <a:lnTo>
                  <a:pt x="310" y="246"/>
                </a:lnTo>
                <a:lnTo>
                  <a:pt x="306" y="256"/>
                </a:lnTo>
                <a:lnTo>
                  <a:pt x="310" y="262"/>
                </a:lnTo>
                <a:lnTo>
                  <a:pt x="322" y="270"/>
                </a:lnTo>
                <a:lnTo>
                  <a:pt x="330" y="278"/>
                </a:lnTo>
                <a:lnTo>
                  <a:pt x="332" y="280"/>
                </a:lnTo>
                <a:lnTo>
                  <a:pt x="346" y="280"/>
                </a:lnTo>
                <a:lnTo>
                  <a:pt x="344" y="288"/>
                </a:lnTo>
                <a:lnTo>
                  <a:pt x="332" y="286"/>
                </a:lnTo>
                <a:lnTo>
                  <a:pt x="326" y="284"/>
                </a:lnTo>
                <a:lnTo>
                  <a:pt x="316" y="284"/>
                </a:lnTo>
                <a:lnTo>
                  <a:pt x="308" y="276"/>
                </a:lnTo>
                <a:lnTo>
                  <a:pt x="304" y="266"/>
                </a:lnTo>
                <a:lnTo>
                  <a:pt x="302" y="256"/>
                </a:lnTo>
                <a:lnTo>
                  <a:pt x="292" y="252"/>
                </a:lnTo>
                <a:lnTo>
                  <a:pt x="276" y="248"/>
                </a:lnTo>
                <a:lnTo>
                  <a:pt x="264" y="240"/>
                </a:lnTo>
                <a:lnTo>
                  <a:pt x="250" y="232"/>
                </a:lnTo>
                <a:lnTo>
                  <a:pt x="258" y="220"/>
                </a:lnTo>
                <a:lnTo>
                  <a:pt x="256" y="206"/>
                </a:lnTo>
                <a:lnTo>
                  <a:pt x="242" y="220"/>
                </a:lnTo>
                <a:lnTo>
                  <a:pt x="226" y="236"/>
                </a:lnTo>
                <a:lnTo>
                  <a:pt x="234" y="252"/>
                </a:lnTo>
                <a:lnTo>
                  <a:pt x="228" y="270"/>
                </a:lnTo>
                <a:lnTo>
                  <a:pt x="236" y="296"/>
                </a:lnTo>
                <a:lnTo>
                  <a:pt x="254" y="308"/>
                </a:lnTo>
                <a:lnTo>
                  <a:pt x="276" y="328"/>
                </a:lnTo>
                <a:lnTo>
                  <a:pt x="276" y="340"/>
                </a:lnTo>
                <a:lnTo>
                  <a:pt x="300" y="350"/>
                </a:lnTo>
                <a:lnTo>
                  <a:pt x="310" y="360"/>
                </a:lnTo>
                <a:lnTo>
                  <a:pt x="326" y="376"/>
                </a:lnTo>
                <a:lnTo>
                  <a:pt x="332" y="384"/>
                </a:lnTo>
                <a:lnTo>
                  <a:pt x="328" y="394"/>
                </a:lnTo>
                <a:lnTo>
                  <a:pt x="318" y="394"/>
                </a:lnTo>
                <a:lnTo>
                  <a:pt x="314" y="384"/>
                </a:lnTo>
                <a:lnTo>
                  <a:pt x="306" y="376"/>
                </a:lnTo>
                <a:lnTo>
                  <a:pt x="292" y="372"/>
                </a:lnTo>
                <a:lnTo>
                  <a:pt x="284" y="374"/>
                </a:lnTo>
                <a:lnTo>
                  <a:pt x="290" y="386"/>
                </a:lnTo>
                <a:lnTo>
                  <a:pt x="306" y="402"/>
                </a:lnTo>
                <a:lnTo>
                  <a:pt x="324" y="404"/>
                </a:lnTo>
                <a:lnTo>
                  <a:pt x="336" y="410"/>
                </a:lnTo>
                <a:lnTo>
                  <a:pt x="350" y="422"/>
                </a:lnTo>
                <a:lnTo>
                  <a:pt x="368" y="436"/>
                </a:lnTo>
                <a:lnTo>
                  <a:pt x="380" y="434"/>
                </a:lnTo>
                <a:lnTo>
                  <a:pt x="392" y="440"/>
                </a:lnTo>
                <a:lnTo>
                  <a:pt x="412" y="438"/>
                </a:lnTo>
                <a:lnTo>
                  <a:pt x="422" y="440"/>
                </a:lnTo>
                <a:lnTo>
                  <a:pt x="428" y="450"/>
                </a:lnTo>
                <a:lnTo>
                  <a:pt x="434" y="454"/>
                </a:lnTo>
                <a:lnTo>
                  <a:pt x="436" y="472"/>
                </a:lnTo>
                <a:lnTo>
                  <a:pt x="446" y="484"/>
                </a:lnTo>
                <a:lnTo>
                  <a:pt x="454" y="496"/>
                </a:lnTo>
                <a:lnTo>
                  <a:pt x="464" y="498"/>
                </a:lnTo>
                <a:lnTo>
                  <a:pt x="480" y="500"/>
                </a:lnTo>
                <a:lnTo>
                  <a:pt x="486" y="504"/>
                </a:lnTo>
                <a:lnTo>
                  <a:pt x="486" y="516"/>
                </a:lnTo>
                <a:lnTo>
                  <a:pt x="480" y="522"/>
                </a:lnTo>
                <a:lnTo>
                  <a:pt x="472" y="518"/>
                </a:lnTo>
                <a:lnTo>
                  <a:pt x="466" y="522"/>
                </a:lnTo>
                <a:lnTo>
                  <a:pt x="458" y="516"/>
                </a:lnTo>
                <a:lnTo>
                  <a:pt x="456" y="510"/>
                </a:lnTo>
                <a:lnTo>
                  <a:pt x="444" y="508"/>
                </a:lnTo>
                <a:lnTo>
                  <a:pt x="442" y="500"/>
                </a:lnTo>
                <a:lnTo>
                  <a:pt x="436" y="492"/>
                </a:lnTo>
                <a:lnTo>
                  <a:pt x="426" y="482"/>
                </a:lnTo>
                <a:lnTo>
                  <a:pt x="418" y="476"/>
                </a:lnTo>
                <a:lnTo>
                  <a:pt x="408" y="480"/>
                </a:lnTo>
                <a:lnTo>
                  <a:pt x="392" y="482"/>
                </a:lnTo>
                <a:lnTo>
                  <a:pt x="380" y="480"/>
                </a:lnTo>
                <a:lnTo>
                  <a:pt x="378" y="476"/>
                </a:lnTo>
                <a:lnTo>
                  <a:pt x="374" y="468"/>
                </a:lnTo>
                <a:lnTo>
                  <a:pt x="372" y="462"/>
                </a:lnTo>
                <a:lnTo>
                  <a:pt x="364" y="460"/>
                </a:lnTo>
                <a:lnTo>
                  <a:pt x="348" y="446"/>
                </a:lnTo>
                <a:lnTo>
                  <a:pt x="332" y="436"/>
                </a:lnTo>
                <a:lnTo>
                  <a:pt x="322" y="434"/>
                </a:lnTo>
                <a:lnTo>
                  <a:pt x="312" y="434"/>
                </a:lnTo>
                <a:lnTo>
                  <a:pt x="312" y="428"/>
                </a:lnTo>
                <a:lnTo>
                  <a:pt x="304" y="426"/>
                </a:lnTo>
                <a:lnTo>
                  <a:pt x="302" y="432"/>
                </a:lnTo>
                <a:lnTo>
                  <a:pt x="302" y="440"/>
                </a:lnTo>
                <a:lnTo>
                  <a:pt x="292" y="442"/>
                </a:lnTo>
                <a:lnTo>
                  <a:pt x="290" y="434"/>
                </a:lnTo>
                <a:lnTo>
                  <a:pt x="284" y="430"/>
                </a:lnTo>
                <a:lnTo>
                  <a:pt x="284" y="438"/>
                </a:lnTo>
                <a:lnTo>
                  <a:pt x="274" y="436"/>
                </a:lnTo>
                <a:lnTo>
                  <a:pt x="260" y="438"/>
                </a:lnTo>
                <a:lnTo>
                  <a:pt x="264" y="444"/>
                </a:lnTo>
                <a:lnTo>
                  <a:pt x="278" y="444"/>
                </a:lnTo>
                <a:lnTo>
                  <a:pt x="284" y="448"/>
                </a:lnTo>
                <a:lnTo>
                  <a:pt x="308" y="448"/>
                </a:lnTo>
                <a:lnTo>
                  <a:pt x="314" y="454"/>
                </a:lnTo>
                <a:lnTo>
                  <a:pt x="320" y="460"/>
                </a:lnTo>
                <a:lnTo>
                  <a:pt x="326" y="458"/>
                </a:lnTo>
                <a:lnTo>
                  <a:pt x="330" y="454"/>
                </a:lnTo>
                <a:lnTo>
                  <a:pt x="338" y="456"/>
                </a:lnTo>
                <a:lnTo>
                  <a:pt x="342" y="460"/>
                </a:lnTo>
                <a:lnTo>
                  <a:pt x="344" y="470"/>
                </a:lnTo>
                <a:lnTo>
                  <a:pt x="350" y="472"/>
                </a:lnTo>
                <a:lnTo>
                  <a:pt x="358" y="470"/>
                </a:lnTo>
                <a:lnTo>
                  <a:pt x="370" y="472"/>
                </a:lnTo>
                <a:lnTo>
                  <a:pt x="372" y="476"/>
                </a:lnTo>
                <a:lnTo>
                  <a:pt x="376" y="482"/>
                </a:lnTo>
                <a:lnTo>
                  <a:pt x="382" y="486"/>
                </a:lnTo>
                <a:lnTo>
                  <a:pt x="394" y="488"/>
                </a:lnTo>
                <a:lnTo>
                  <a:pt x="408" y="492"/>
                </a:lnTo>
                <a:lnTo>
                  <a:pt x="418" y="494"/>
                </a:lnTo>
                <a:lnTo>
                  <a:pt x="428" y="500"/>
                </a:lnTo>
                <a:lnTo>
                  <a:pt x="428" y="506"/>
                </a:lnTo>
                <a:lnTo>
                  <a:pt x="426" y="514"/>
                </a:lnTo>
                <a:lnTo>
                  <a:pt x="430" y="526"/>
                </a:lnTo>
                <a:lnTo>
                  <a:pt x="430" y="538"/>
                </a:lnTo>
                <a:lnTo>
                  <a:pt x="440" y="544"/>
                </a:lnTo>
                <a:lnTo>
                  <a:pt x="442" y="554"/>
                </a:lnTo>
                <a:lnTo>
                  <a:pt x="446" y="562"/>
                </a:lnTo>
                <a:lnTo>
                  <a:pt x="440" y="564"/>
                </a:lnTo>
                <a:lnTo>
                  <a:pt x="440" y="572"/>
                </a:lnTo>
                <a:lnTo>
                  <a:pt x="430" y="568"/>
                </a:lnTo>
                <a:lnTo>
                  <a:pt x="422" y="558"/>
                </a:lnTo>
                <a:lnTo>
                  <a:pt x="412" y="556"/>
                </a:lnTo>
                <a:lnTo>
                  <a:pt x="406" y="550"/>
                </a:lnTo>
                <a:lnTo>
                  <a:pt x="402" y="542"/>
                </a:lnTo>
                <a:lnTo>
                  <a:pt x="392" y="540"/>
                </a:lnTo>
                <a:lnTo>
                  <a:pt x="384" y="542"/>
                </a:lnTo>
                <a:lnTo>
                  <a:pt x="380" y="546"/>
                </a:lnTo>
                <a:lnTo>
                  <a:pt x="376" y="552"/>
                </a:lnTo>
                <a:lnTo>
                  <a:pt x="368" y="550"/>
                </a:lnTo>
                <a:lnTo>
                  <a:pt x="368" y="544"/>
                </a:lnTo>
                <a:lnTo>
                  <a:pt x="372" y="538"/>
                </a:lnTo>
                <a:lnTo>
                  <a:pt x="370" y="536"/>
                </a:lnTo>
                <a:lnTo>
                  <a:pt x="366" y="540"/>
                </a:lnTo>
                <a:lnTo>
                  <a:pt x="362" y="544"/>
                </a:lnTo>
                <a:lnTo>
                  <a:pt x="354" y="544"/>
                </a:lnTo>
                <a:lnTo>
                  <a:pt x="346" y="548"/>
                </a:lnTo>
                <a:lnTo>
                  <a:pt x="342" y="554"/>
                </a:lnTo>
                <a:lnTo>
                  <a:pt x="334" y="556"/>
                </a:lnTo>
                <a:lnTo>
                  <a:pt x="328" y="560"/>
                </a:lnTo>
                <a:lnTo>
                  <a:pt x="330" y="566"/>
                </a:lnTo>
                <a:lnTo>
                  <a:pt x="338" y="568"/>
                </a:lnTo>
                <a:lnTo>
                  <a:pt x="346" y="570"/>
                </a:lnTo>
                <a:lnTo>
                  <a:pt x="346" y="574"/>
                </a:lnTo>
                <a:lnTo>
                  <a:pt x="348" y="586"/>
                </a:lnTo>
                <a:lnTo>
                  <a:pt x="352" y="592"/>
                </a:lnTo>
                <a:lnTo>
                  <a:pt x="356" y="596"/>
                </a:lnTo>
                <a:lnTo>
                  <a:pt x="366" y="600"/>
                </a:lnTo>
                <a:lnTo>
                  <a:pt x="372" y="598"/>
                </a:lnTo>
                <a:lnTo>
                  <a:pt x="370" y="592"/>
                </a:lnTo>
                <a:lnTo>
                  <a:pt x="370" y="586"/>
                </a:lnTo>
                <a:lnTo>
                  <a:pt x="376" y="584"/>
                </a:lnTo>
                <a:lnTo>
                  <a:pt x="376" y="592"/>
                </a:lnTo>
                <a:lnTo>
                  <a:pt x="378" y="596"/>
                </a:lnTo>
                <a:lnTo>
                  <a:pt x="386" y="598"/>
                </a:lnTo>
                <a:lnTo>
                  <a:pt x="388" y="604"/>
                </a:lnTo>
                <a:lnTo>
                  <a:pt x="392" y="612"/>
                </a:lnTo>
                <a:lnTo>
                  <a:pt x="386" y="616"/>
                </a:lnTo>
                <a:lnTo>
                  <a:pt x="376" y="616"/>
                </a:lnTo>
                <a:lnTo>
                  <a:pt x="366" y="622"/>
                </a:lnTo>
                <a:lnTo>
                  <a:pt x="364" y="628"/>
                </a:lnTo>
                <a:lnTo>
                  <a:pt x="360" y="632"/>
                </a:lnTo>
                <a:lnTo>
                  <a:pt x="358" y="640"/>
                </a:lnTo>
                <a:lnTo>
                  <a:pt x="352" y="634"/>
                </a:lnTo>
                <a:lnTo>
                  <a:pt x="350" y="626"/>
                </a:lnTo>
                <a:lnTo>
                  <a:pt x="352" y="618"/>
                </a:lnTo>
                <a:lnTo>
                  <a:pt x="344" y="614"/>
                </a:lnTo>
                <a:lnTo>
                  <a:pt x="334" y="610"/>
                </a:lnTo>
                <a:lnTo>
                  <a:pt x="322" y="610"/>
                </a:lnTo>
                <a:lnTo>
                  <a:pt x="312" y="606"/>
                </a:lnTo>
                <a:lnTo>
                  <a:pt x="310" y="610"/>
                </a:lnTo>
                <a:lnTo>
                  <a:pt x="310" y="624"/>
                </a:lnTo>
                <a:lnTo>
                  <a:pt x="322" y="636"/>
                </a:lnTo>
                <a:lnTo>
                  <a:pt x="332" y="650"/>
                </a:lnTo>
                <a:lnTo>
                  <a:pt x="338" y="662"/>
                </a:lnTo>
                <a:lnTo>
                  <a:pt x="346" y="670"/>
                </a:lnTo>
                <a:lnTo>
                  <a:pt x="352" y="684"/>
                </a:lnTo>
                <a:lnTo>
                  <a:pt x="356" y="694"/>
                </a:lnTo>
                <a:lnTo>
                  <a:pt x="362" y="700"/>
                </a:lnTo>
                <a:lnTo>
                  <a:pt x="362" y="706"/>
                </a:lnTo>
                <a:lnTo>
                  <a:pt x="358" y="712"/>
                </a:lnTo>
                <a:lnTo>
                  <a:pt x="358" y="720"/>
                </a:lnTo>
                <a:lnTo>
                  <a:pt x="362" y="726"/>
                </a:lnTo>
                <a:lnTo>
                  <a:pt x="368" y="732"/>
                </a:lnTo>
                <a:lnTo>
                  <a:pt x="374" y="736"/>
                </a:lnTo>
                <a:lnTo>
                  <a:pt x="378" y="740"/>
                </a:lnTo>
                <a:lnTo>
                  <a:pt x="380" y="746"/>
                </a:lnTo>
                <a:lnTo>
                  <a:pt x="372" y="750"/>
                </a:lnTo>
                <a:lnTo>
                  <a:pt x="366" y="744"/>
                </a:lnTo>
                <a:lnTo>
                  <a:pt x="362" y="740"/>
                </a:lnTo>
                <a:lnTo>
                  <a:pt x="356" y="740"/>
                </a:lnTo>
                <a:lnTo>
                  <a:pt x="352" y="732"/>
                </a:lnTo>
                <a:lnTo>
                  <a:pt x="346" y="730"/>
                </a:lnTo>
                <a:lnTo>
                  <a:pt x="340" y="724"/>
                </a:lnTo>
                <a:lnTo>
                  <a:pt x="334" y="724"/>
                </a:lnTo>
                <a:lnTo>
                  <a:pt x="334" y="718"/>
                </a:lnTo>
                <a:lnTo>
                  <a:pt x="334" y="710"/>
                </a:lnTo>
                <a:lnTo>
                  <a:pt x="324" y="710"/>
                </a:lnTo>
                <a:lnTo>
                  <a:pt x="310" y="712"/>
                </a:lnTo>
                <a:lnTo>
                  <a:pt x="308" y="718"/>
                </a:lnTo>
                <a:lnTo>
                  <a:pt x="306" y="726"/>
                </a:lnTo>
                <a:lnTo>
                  <a:pt x="304" y="736"/>
                </a:lnTo>
                <a:lnTo>
                  <a:pt x="304" y="748"/>
                </a:lnTo>
                <a:lnTo>
                  <a:pt x="308" y="752"/>
                </a:lnTo>
                <a:lnTo>
                  <a:pt x="310" y="756"/>
                </a:lnTo>
                <a:lnTo>
                  <a:pt x="308" y="762"/>
                </a:lnTo>
                <a:lnTo>
                  <a:pt x="302" y="760"/>
                </a:lnTo>
                <a:lnTo>
                  <a:pt x="298" y="756"/>
                </a:lnTo>
                <a:lnTo>
                  <a:pt x="290" y="754"/>
                </a:lnTo>
                <a:lnTo>
                  <a:pt x="294" y="744"/>
                </a:lnTo>
                <a:lnTo>
                  <a:pt x="292" y="736"/>
                </a:lnTo>
                <a:lnTo>
                  <a:pt x="288" y="730"/>
                </a:lnTo>
                <a:lnTo>
                  <a:pt x="282" y="720"/>
                </a:lnTo>
                <a:lnTo>
                  <a:pt x="278" y="716"/>
                </a:lnTo>
                <a:lnTo>
                  <a:pt x="274" y="708"/>
                </a:lnTo>
                <a:lnTo>
                  <a:pt x="268" y="706"/>
                </a:lnTo>
                <a:lnTo>
                  <a:pt x="262" y="706"/>
                </a:lnTo>
                <a:lnTo>
                  <a:pt x="260" y="702"/>
                </a:lnTo>
                <a:lnTo>
                  <a:pt x="258" y="696"/>
                </a:lnTo>
                <a:lnTo>
                  <a:pt x="252" y="692"/>
                </a:lnTo>
                <a:lnTo>
                  <a:pt x="244" y="694"/>
                </a:lnTo>
                <a:lnTo>
                  <a:pt x="238" y="698"/>
                </a:lnTo>
                <a:lnTo>
                  <a:pt x="236" y="706"/>
                </a:lnTo>
                <a:lnTo>
                  <a:pt x="238" y="712"/>
                </a:lnTo>
                <a:lnTo>
                  <a:pt x="240" y="716"/>
                </a:lnTo>
                <a:lnTo>
                  <a:pt x="242" y="724"/>
                </a:lnTo>
                <a:lnTo>
                  <a:pt x="238" y="732"/>
                </a:lnTo>
                <a:lnTo>
                  <a:pt x="232" y="728"/>
                </a:lnTo>
                <a:lnTo>
                  <a:pt x="228" y="726"/>
                </a:lnTo>
                <a:lnTo>
                  <a:pt x="222" y="726"/>
                </a:lnTo>
                <a:lnTo>
                  <a:pt x="218" y="730"/>
                </a:lnTo>
                <a:lnTo>
                  <a:pt x="216" y="722"/>
                </a:lnTo>
                <a:lnTo>
                  <a:pt x="212" y="712"/>
                </a:lnTo>
                <a:lnTo>
                  <a:pt x="212" y="706"/>
                </a:lnTo>
                <a:lnTo>
                  <a:pt x="204" y="698"/>
                </a:lnTo>
                <a:lnTo>
                  <a:pt x="196" y="690"/>
                </a:lnTo>
                <a:lnTo>
                  <a:pt x="196" y="680"/>
                </a:lnTo>
                <a:lnTo>
                  <a:pt x="200" y="668"/>
                </a:lnTo>
                <a:lnTo>
                  <a:pt x="206" y="660"/>
                </a:lnTo>
                <a:lnTo>
                  <a:pt x="196" y="642"/>
                </a:lnTo>
                <a:lnTo>
                  <a:pt x="186" y="632"/>
                </a:lnTo>
                <a:lnTo>
                  <a:pt x="178" y="626"/>
                </a:lnTo>
                <a:lnTo>
                  <a:pt x="168" y="622"/>
                </a:lnTo>
                <a:lnTo>
                  <a:pt x="158" y="614"/>
                </a:lnTo>
                <a:lnTo>
                  <a:pt x="150" y="602"/>
                </a:lnTo>
                <a:lnTo>
                  <a:pt x="138" y="600"/>
                </a:lnTo>
                <a:lnTo>
                  <a:pt x="132" y="596"/>
                </a:lnTo>
                <a:lnTo>
                  <a:pt x="134" y="588"/>
                </a:lnTo>
                <a:lnTo>
                  <a:pt x="150" y="578"/>
                </a:lnTo>
                <a:lnTo>
                  <a:pt x="150" y="564"/>
                </a:lnTo>
                <a:lnTo>
                  <a:pt x="152" y="550"/>
                </a:lnTo>
                <a:lnTo>
                  <a:pt x="160" y="546"/>
                </a:lnTo>
                <a:lnTo>
                  <a:pt x="170" y="552"/>
                </a:lnTo>
                <a:lnTo>
                  <a:pt x="182" y="548"/>
                </a:lnTo>
                <a:lnTo>
                  <a:pt x="190" y="538"/>
                </a:lnTo>
                <a:lnTo>
                  <a:pt x="194" y="528"/>
                </a:lnTo>
                <a:lnTo>
                  <a:pt x="202" y="524"/>
                </a:lnTo>
                <a:lnTo>
                  <a:pt x="212" y="522"/>
                </a:lnTo>
                <a:lnTo>
                  <a:pt x="222" y="530"/>
                </a:lnTo>
                <a:lnTo>
                  <a:pt x="240" y="538"/>
                </a:lnTo>
                <a:lnTo>
                  <a:pt x="258" y="534"/>
                </a:lnTo>
                <a:lnTo>
                  <a:pt x="276" y="540"/>
                </a:lnTo>
                <a:lnTo>
                  <a:pt x="288" y="546"/>
                </a:lnTo>
                <a:lnTo>
                  <a:pt x="298" y="550"/>
                </a:lnTo>
                <a:lnTo>
                  <a:pt x="306" y="556"/>
                </a:lnTo>
                <a:lnTo>
                  <a:pt x="314" y="556"/>
                </a:lnTo>
                <a:lnTo>
                  <a:pt x="320" y="550"/>
                </a:lnTo>
                <a:lnTo>
                  <a:pt x="312" y="542"/>
                </a:lnTo>
                <a:lnTo>
                  <a:pt x="318" y="538"/>
                </a:lnTo>
                <a:lnTo>
                  <a:pt x="330" y="536"/>
                </a:lnTo>
                <a:lnTo>
                  <a:pt x="340" y="530"/>
                </a:lnTo>
                <a:lnTo>
                  <a:pt x="344" y="522"/>
                </a:lnTo>
                <a:lnTo>
                  <a:pt x="336" y="520"/>
                </a:lnTo>
                <a:lnTo>
                  <a:pt x="330" y="518"/>
                </a:lnTo>
                <a:lnTo>
                  <a:pt x="322" y="522"/>
                </a:lnTo>
                <a:lnTo>
                  <a:pt x="314" y="522"/>
                </a:lnTo>
                <a:lnTo>
                  <a:pt x="304" y="520"/>
                </a:lnTo>
                <a:lnTo>
                  <a:pt x="298" y="514"/>
                </a:lnTo>
                <a:lnTo>
                  <a:pt x="286" y="514"/>
                </a:lnTo>
                <a:lnTo>
                  <a:pt x="276" y="516"/>
                </a:lnTo>
                <a:lnTo>
                  <a:pt x="272" y="510"/>
                </a:lnTo>
                <a:lnTo>
                  <a:pt x="268" y="504"/>
                </a:lnTo>
                <a:lnTo>
                  <a:pt x="256" y="508"/>
                </a:lnTo>
                <a:lnTo>
                  <a:pt x="252" y="512"/>
                </a:lnTo>
                <a:lnTo>
                  <a:pt x="242" y="514"/>
                </a:lnTo>
                <a:lnTo>
                  <a:pt x="234" y="512"/>
                </a:lnTo>
                <a:lnTo>
                  <a:pt x="220" y="512"/>
                </a:lnTo>
                <a:lnTo>
                  <a:pt x="206" y="514"/>
                </a:lnTo>
                <a:lnTo>
                  <a:pt x="198" y="518"/>
                </a:lnTo>
                <a:lnTo>
                  <a:pt x="190" y="520"/>
                </a:lnTo>
                <a:lnTo>
                  <a:pt x="184" y="524"/>
                </a:lnTo>
                <a:lnTo>
                  <a:pt x="174" y="526"/>
                </a:lnTo>
                <a:lnTo>
                  <a:pt x="166" y="532"/>
                </a:lnTo>
                <a:lnTo>
                  <a:pt x="152" y="526"/>
                </a:lnTo>
                <a:lnTo>
                  <a:pt x="146" y="520"/>
                </a:lnTo>
                <a:lnTo>
                  <a:pt x="142" y="526"/>
                </a:lnTo>
                <a:lnTo>
                  <a:pt x="138" y="534"/>
                </a:lnTo>
                <a:lnTo>
                  <a:pt x="126" y="534"/>
                </a:lnTo>
                <a:lnTo>
                  <a:pt x="120" y="526"/>
                </a:lnTo>
                <a:lnTo>
                  <a:pt x="116" y="516"/>
                </a:lnTo>
                <a:lnTo>
                  <a:pt x="108" y="512"/>
                </a:lnTo>
                <a:lnTo>
                  <a:pt x="108" y="502"/>
                </a:lnTo>
                <a:lnTo>
                  <a:pt x="94" y="494"/>
                </a:lnTo>
                <a:lnTo>
                  <a:pt x="90" y="484"/>
                </a:lnTo>
                <a:lnTo>
                  <a:pt x="82" y="484"/>
                </a:lnTo>
                <a:lnTo>
                  <a:pt x="76" y="488"/>
                </a:lnTo>
                <a:lnTo>
                  <a:pt x="78" y="496"/>
                </a:lnTo>
                <a:lnTo>
                  <a:pt x="78" y="504"/>
                </a:lnTo>
                <a:lnTo>
                  <a:pt x="72" y="506"/>
                </a:lnTo>
                <a:lnTo>
                  <a:pt x="64" y="508"/>
                </a:lnTo>
                <a:lnTo>
                  <a:pt x="60" y="502"/>
                </a:lnTo>
                <a:lnTo>
                  <a:pt x="60" y="490"/>
                </a:lnTo>
                <a:lnTo>
                  <a:pt x="64" y="482"/>
                </a:lnTo>
                <a:lnTo>
                  <a:pt x="70" y="476"/>
                </a:lnTo>
                <a:lnTo>
                  <a:pt x="74" y="470"/>
                </a:lnTo>
                <a:lnTo>
                  <a:pt x="80" y="460"/>
                </a:lnTo>
                <a:lnTo>
                  <a:pt x="92" y="460"/>
                </a:lnTo>
                <a:lnTo>
                  <a:pt x="100" y="460"/>
                </a:lnTo>
                <a:lnTo>
                  <a:pt x="108" y="464"/>
                </a:lnTo>
                <a:lnTo>
                  <a:pt x="112" y="456"/>
                </a:lnTo>
                <a:lnTo>
                  <a:pt x="112" y="448"/>
                </a:lnTo>
                <a:lnTo>
                  <a:pt x="106" y="444"/>
                </a:lnTo>
                <a:lnTo>
                  <a:pt x="96" y="450"/>
                </a:lnTo>
                <a:lnTo>
                  <a:pt x="92" y="448"/>
                </a:lnTo>
                <a:lnTo>
                  <a:pt x="84" y="446"/>
                </a:lnTo>
                <a:lnTo>
                  <a:pt x="78" y="448"/>
                </a:lnTo>
                <a:lnTo>
                  <a:pt x="76" y="454"/>
                </a:lnTo>
                <a:lnTo>
                  <a:pt x="70" y="458"/>
                </a:lnTo>
                <a:lnTo>
                  <a:pt x="64" y="446"/>
                </a:lnTo>
                <a:lnTo>
                  <a:pt x="44" y="434"/>
                </a:lnTo>
                <a:lnTo>
                  <a:pt x="32" y="422"/>
                </a:lnTo>
                <a:lnTo>
                  <a:pt x="20" y="418"/>
                </a:lnTo>
                <a:lnTo>
                  <a:pt x="10" y="398"/>
                </a:lnTo>
                <a:lnTo>
                  <a:pt x="2" y="392"/>
                </a:lnTo>
                <a:lnTo>
                  <a:pt x="0" y="376"/>
                </a:lnTo>
                <a:lnTo>
                  <a:pt x="14" y="368"/>
                </a:lnTo>
                <a:lnTo>
                  <a:pt x="14" y="358"/>
                </a:lnTo>
                <a:lnTo>
                  <a:pt x="22" y="358"/>
                </a:lnTo>
                <a:lnTo>
                  <a:pt x="22" y="348"/>
                </a:lnTo>
                <a:lnTo>
                  <a:pt x="12" y="334"/>
                </a:lnTo>
                <a:lnTo>
                  <a:pt x="24" y="316"/>
                </a:lnTo>
                <a:lnTo>
                  <a:pt x="38" y="316"/>
                </a:lnTo>
                <a:lnTo>
                  <a:pt x="44" y="308"/>
                </a:lnTo>
                <a:lnTo>
                  <a:pt x="44" y="288"/>
                </a:lnTo>
                <a:lnTo>
                  <a:pt x="52" y="262"/>
                </a:lnTo>
                <a:lnTo>
                  <a:pt x="64" y="260"/>
                </a:lnTo>
                <a:lnTo>
                  <a:pt x="72" y="234"/>
                </a:lnTo>
                <a:lnTo>
                  <a:pt x="62" y="226"/>
                </a:lnTo>
                <a:lnTo>
                  <a:pt x="60" y="212"/>
                </a:lnTo>
                <a:lnTo>
                  <a:pt x="88" y="204"/>
                </a:lnTo>
                <a:lnTo>
                  <a:pt x="102" y="196"/>
                </a:lnTo>
                <a:lnTo>
                  <a:pt x="120" y="200"/>
                </a:lnTo>
                <a:lnTo>
                  <a:pt x="132" y="186"/>
                </a:lnTo>
                <a:lnTo>
                  <a:pt x="154" y="156"/>
                </a:lnTo>
                <a:lnTo>
                  <a:pt x="166" y="156"/>
                </a:lnTo>
                <a:lnTo>
                  <a:pt x="182" y="150"/>
                </a:lnTo>
                <a:lnTo>
                  <a:pt x="202" y="150"/>
                </a:lnTo>
                <a:lnTo>
                  <a:pt x="226" y="140"/>
                </a:lnTo>
                <a:lnTo>
                  <a:pt x="224" y="118"/>
                </a:lnTo>
                <a:lnTo>
                  <a:pt x="240" y="11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85" name="Freeform 30"/>
          <p:cNvSpPr>
            <a:spLocks/>
          </p:cNvSpPr>
          <p:nvPr/>
        </p:nvSpPr>
        <p:spPr bwMode="auto">
          <a:xfrm>
            <a:off x="6589713" y="5851525"/>
            <a:ext cx="65087" cy="66675"/>
          </a:xfrm>
          <a:custGeom>
            <a:avLst/>
            <a:gdLst>
              <a:gd name="T0" fmla="*/ 2147483647 w 50"/>
              <a:gd name="T1" fmla="*/ 2147483647 h 52"/>
              <a:gd name="T2" fmla="*/ 2147483647 w 50"/>
              <a:gd name="T3" fmla="*/ 2147483647 h 52"/>
              <a:gd name="T4" fmla="*/ 2147483647 w 50"/>
              <a:gd name="T5" fmla="*/ 2147483647 h 52"/>
              <a:gd name="T6" fmla="*/ 2147483647 w 50"/>
              <a:gd name="T7" fmla="*/ 2147483647 h 52"/>
              <a:gd name="T8" fmla="*/ 2147483647 w 50"/>
              <a:gd name="T9" fmla="*/ 2147483647 h 52"/>
              <a:gd name="T10" fmla="*/ 2147483647 w 50"/>
              <a:gd name="T11" fmla="*/ 2147483647 h 52"/>
              <a:gd name="T12" fmla="*/ 2147483647 w 50"/>
              <a:gd name="T13" fmla="*/ 2147483647 h 52"/>
              <a:gd name="T14" fmla="*/ 2147483647 w 50"/>
              <a:gd name="T15" fmla="*/ 2147483647 h 52"/>
              <a:gd name="T16" fmla="*/ 2147483647 w 50"/>
              <a:gd name="T17" fmla="*/ 2147483647 h 52"/>
              <a:gd name="T18" fmla="*/ 2147483647 w 50"/>
              <a:gd name="T19" fmla="*/ 2147483647 h 52"/>
              <a:gd name="T20" fmla="*/ 2147483647 w 50"/>
              <a:gd name="T21" fmla="*/ 2147483647 h 52"/>
              <a:gd name="T22" fmla="*/ 2147483647 w 50"/>
              <a:gd name="T23" fmla="*/ 2147483647 h 52"/>
              <a:gd name="T24" fmla="*/ 2147483647 w 50"/>
              <a:gd name="T25" fmla="*/ 2147483647 h 52"/>
              <a:gd name="T26" fmla="*/ 2147483647 w 50"/>
              <a:gd name="T27" fmla="*/ 2147483647 h 52"/>
              <a:gd name="T28" fmla="*/ 2147483647 w 50"/>
              <a:gd name="T29" fmla="*/ 2147483647 h 52"/>
              <a:gd name="T30" fmla="*/ 2147483647 w 50"/>
              <a:gd name="T31" fmla="*/ 2147483647 h 52"/>
              <a:gd name="T32" fmla="*/ 2147483647 w 50"/>
              <a:gd name="T33" fmla="*/ 2147483647 h 52"/>
              <a:gd name="T34" fmla="*/ 2147483647 w 50"/>
              <a:gd name="T35" fmla="*/ 2147483647 h 52"/>
              <a:gd name="T36" fmla="*/ 2147483647 w 50"/>
              <a:gd name="T37" fmla="*/ 2147483647 h 52"/>
              <a:gd name="T38" fmla="*/ 2147483647 w 50"/>
              <a:gd name="T39" fmla="*/ 2147483647 h 52"/>
              <a:gd name="T40" fmla="*/ 0 w 50"/>
              <a:gd name="T41" fmla="*/ 2147483647 h 52"/>
              <a:gd name="T42" fmla="*/ 0 w 50"/>
              <a:gd name="T43" fmla="*/ 2147483647 h 52"/>
              <a:gd name="T44" fmla="*/ 2147483647 w 50"/>
              <a:gd name="T45" fmla="*/ 2147483647 h 52"/>
              <a:gd name="T46" fmla="*/ 2147483647 w 50"/>
              <a:gd name="T47" fmla="*/ 2147483647 h 52"/>
              <a:gd name="T48" fmla="*/ 2147483647 w 50"/>
              <a:gd name="T49" fmla="*/ 2147483647 h 52"/>
              <a:gd name="T50" fmla="*/ 2147483647 w 50"/>
              <a:gd name="T51" fmla="*/ 2147483647 h 52"/>
              <a:gd name="T52" fmla="*/ 2147483647 w 50"/>
              <a:gd name="T53" fmla="*/ 0 h 52"/>
              <a:gd name="T54" fmla="*/ 2147483647 w 50"/>
              <a:gd name="T55" fmla="*/ 0 h 52"/>
              <a:gd name="T56" fmla="*/ 2147483647 w 50"/>
              <a:gd name="T57" fmla="*/ 2147483647 h 52"/>
              <a:gd name="T58" fmla="*/ 2147483647 w 50"/>
              <a:gd name="T59" fmla="*/ 2147483647 h 52"/>
              <a:gd name="T60" fmla="*/ 2147483647 w 50"/>
              <a:gd name="T61" fmla="*/ 2147483647 h 52"/>
              <a:gd name="T62" fmla="*/ 2147483647 w 50"/>
              <a:gd name="T63" fmla="*/ 2147483647 h 52"/>
              <a:gd name="T64" fmla="*/ 2147483647 w 50"/>
              <a:gd name="T65" fmla="*/ 2147483647 h 52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0" t="0" r="r" b="b"/>
            <a:pathLst>
              <a:path w="50" h="52">
                <a:moveTo>
                  <a:pt x="36" y="16"/>
                </a:moveTo>
                <a:lnTo>
                  <a:pt x="26" y="16"/>
                </a:lnTo>
                <a:lnTo>
                  <a:pt x="26" y="22"/>
                </a:lnTo>
                <a:lnTo>
                  <a:pt x="32" y="28"/>
                </a:lnTo>
                <a:lnTo>
                  <a:pt x="38" y="30"/>
                </a:lnTo>
                <a:lnTo>
                  <a:pt x="44" y="36"/>
                </a:lnTo>
                <a:lnTo>
                  <a:pt x="50" y="42"/>
                </a:lnTo>
                <a:lnTo>
                  <a:pt x="50" y="46"/>
                </a:lnTo>
                <a:lnTo>
                  <a:pt x="48" y="48"/>
                </a:lnTo>
                <a:lnTo>
                  <a:pt x="46" y="50"/>
                </a:lnTo>
                <a:lnTo>
                  <a:pt x="40" y="52"/>
                </a:lnTo>
                <a:lnTo>
                  <a:pt x="34" y="52"/>
                </a:lnTo>
                <a:lnTo>
                  <a:pt x="22" y="50"/>
                </a:lnTo>
                <a:lnTo>
                  <a:pt x="18" y="46"/>
                </a:lnTo>
                <a:lnTo>
                  <a:pt x="16" y="44"/>
                </a:lnTo>
                <a:lnTo>
                  <a:pt x="14" y="42"/>
                </a:lnTo>
                <a:lnTo>
                  <a:pt x="14" y="34"/>
                </a:lnTo>
                <a:lnTo>
                  <a:pt x="10" y="34"/>
                </a:lnTo>
                <a:lnTo>
                  <a:pt x="8" y="42"/>
                </a:lnTo>
                <a:lnTo>
                  <a:pt x="2" y="42"/>
                </a:lnTo>
                <a:lnTo>
                  <a:pt x="0" y="32"/>
                </a:lnTo>
                <a:lnTo>
                  <a:pt x="0" y="24"/>
                </a:lnTo>
                <a:lnTo>
                  <a:pt x="8" y="20"/>
                </a:lnTo>
                <a:lnTo>
                  <a:pt x="18" y="16"/>
                </a:lnTo>
                <a:lnTo>
                  <a:pt x="18" y="6"/>
                </a:lnTo>
                <a:lnTo>
                  <a:pt x="26" y="6"/>
                </a:lnTo>
                <a:lnTo>
                  <a:pt x="26" y="0"/>
                </a:lnTo>
                <a:lnTo>
                  <a:pt x="32" y="0"/>
                </a:lnTo>
                <a:lnTo>
                  <a:pt x="34" y="6"/>
                </a:lnTo>
                <a:lnTo>
                  <a:pt x="40" y="10"/>
                </a:lnTo>
                <a:lnTo>
                  <a:pt x="42" y="16"/>
                </a:lnTo>
                <a:lnTo>
                  <a:pt x="38" y="20"/>
                </a:lnTo>
                <a:lnTo>
                  <a:pt x="36" y="1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86" name="Freeform 31"/>
          <p:cNvSpPr>
            <a:spLocks/>
          </p:cNvSpPr>
          <p:nvPr/>
        </p:nvSpPr>
        <p:spPr bwMode="auto">
          <a:xfrm>
            <a:off x="6634163" y="5945188"/>
            <a:ext cx="49212" cy="38100"/>
          </a:xfrm>
          <a:custGeom>
            <a:avLst/>
            <a:gdLst>
              <a:gd name="T0" fmla="*/ 2147483647 w 38"/>
              <a:gd name="T1" fmla="*/ 2147483647 h 30"/>
              <a:gd name="T2" fmla="*/ 2147483647 w 38"/>
              <a:gd name="T3" fmla="*/ 0 h 30"/>
              <a:gd name="T4" fmla="*/ 2147483647 w 38"/>
              <a:gd name="T5" fmla="*/ 2147483647 h 30"/>
              <a:gd name="T6" fmla="*/ 2147483647 w 38"/>
              <a:gd name="T7" fmla="*/ 2147483647 h 30"/>
              <a:gd name="T8" fmla="*/ 2147483647 w 38"/>
              <a:gd name="T9" fmla="*/ 2147483647 h 30"/>
              <a:gd name="T10" fmla="*/ 2147483647 w 38"/>
              <a:gd name="T11" fmla="*/ 2147483647 h 30"/>
              <a:gd name="T12" fmla="*/ 2147483647 w 38"/>
              <a:gd name="T13" fmla="*/ 2147483647 h 30"/>
              <a:gd name="T14" fmla="*/ 2147483647 w 38"/>
              <a:gd name="T15" fmla="*/ 2147483647 h 30"/>
              <a:gd name="T16" fmla="*/ 2147483647 w 38"/>
              <a:gd name="T17" fmla="*/ 2147483647 h 30"/>
              <a:gd name="T18" fmla="*/ 2147483647 w 38"/>
              <a:gd name="T19" fmla="*/ 2147483647 h 30"/>
              <a:gd name="T20" fmla="*/ 2147483647 w 38"/>
              <a:gd name="T21" fmla="*/ 2147483647 h 30"/>
              <a:gd name="T22" fmla="*/ 2147483647 w 38"/>
              <a:gd name="T23" fmla="*/ 2147483647 h 30"/>
              <a:gd name="T24" fmla="*/ 2147483647 w 38"/>
              <a:gd name="T25" fmla="*/ 2147483647 h 30"/>
              <a:gd name="T26" fmla="*/ 2147483647 w 38"/>
              <a:gd name="T27" fmla="*/ 2147483647 h 30"/>
              <a:gd name="T28" fmla="*/ 0 w 38"/>
              <a:gd name="T29" fmla="*/ 2147483647 h 30"/>
              <a:gd name="T30" fmla="*/ 2147483647 w 38"/>
              <a:gd name="T31" fmla="*/ 2147483647 h 3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38" h="30">
                <a:moveTo>
                  <a:pt x="2" y="4"/>
                </a:moveTo>
                <a:lnTo>
                  <a:pt x="8" y="0"/>
                </a:lnTo>
                <a:lnTo>
                  <a:pt x="12" y="4"/>
                </a:lnTo>
                <a:lnTo>
                  <a:pt x="16" y="6"/>
                </a:lnTo>
                <a:lnTo>
                  <a:pt x="26" y="8"/>
                </a:lnTo>
                <a:lnTo>
                  <a:pt x="28" y="8"/>
                </a:lnTo>
                <a:lnTo>
                  <a:pt x="32" y="12"/>
                </a:lnTo>
                <a:lnTo>
                  <a:pt x="38" y="18"/>
                </a:lnTo>
                <a:lnTo>
                  <a:pt x="32" y="22"/>
                </a:lnTo>
                <a:lnTo>
                  <a:pt x="30" y="28"/>
                </a:lnTo>
                <a:lnTo>
                  <a:pt x="22" y="30"/>
                </a:lnTo>
                <a:lnTo>
                  <a:pt x="18" y="28"/>
                </a:lnTo>
                <a:lnTo>
                  <a:pt x="10" y="22"/>
                </a:lnTo>
                <a:lnTo>
                  <a:pt x="2" y="16"/>
                </a:lnTo>
                <a:lnTo>
                  <a:pt x="0" y="12"/>
                </a:lnTo>
                <a:lnTo>
                  <a:pt x="2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87" name="Freeform 32"/>
          <p:cNvSpPr>
            <a:spLocks/>
          </p:cNvSpPr>
          <p:nvPr/>
        </p:nvSpPr>
        <p:spPr bwMode="auto">
          <a:xfrm>
            <a:off x="7297738" y="5945188"/>
            <a:ext cx="33337" cy="46037"/>
          </a:xfrm>
          <a:custGeom>
            <a:avLst/>
            <a:gdLst>
              <a:gd name="T0" fmla="*/ 2147483647 w 26"/>
              <a:gd name="T1" fmla="*/ 2147483647 h 36"/>
              <a:gd name="T2" fmla="*/ 2147483647 w 26"/>
              <a:gd name="T3" fmla="*/ 2147483647 h 36"/>
              <a:gd name="T4" fmla="*/ 2147483647 w 26"/>
              <a:gd name="T5" fmla="*/ 2147483647 h 36"/>
              <a:gd name="T6" fmla="*/ 2147483647 w 26"/>
              <a:gd name="T7" fmla="*/ 0 h 36"/>
              <a:gd name="T8" fmla="*/ 2147483647 w 26"/>
              <a:gd name="T9" fmla="*/ 2147483647 h 36"/>
              <a:gd name="T10" fmla="*/ 2147483647 w 26"/>
              <a:gd name="T11" fmla="*/ 2147483647 h 36"/>
              <a:gd name="T12" fmla="*/ 2147483647 w 26"/>
              <a:gd name="T13" fmla="*/ 2147483647 h 36"/>
              <a:gd name="T14" fmla="*/ 2147483647 w 26"/>
              <a:gd name="T15" fmla="*/ 2147483647 h 36"/>
              <a:gd name="T16" fmla="*/ 2147483647 w 26"/>
              <a:gd name="T17" fmla="*/ 2147483647 h 36"/>
              <a:gd name="T18" fmla="*/ 2147483647 w 26"/>
              <a:gd name="T19" fmla="*/ 2147483647 h 36"/>
              <a:gd name="T20" fmla="*/ 2147483647 w 26"/>
              <a:gd name="T21" fmla="*/ 2147483647 h 36"/>
              <a:gd name="T22" fmla="*/ 2147483647 w 26"/>
              <a:gd name="T23" fmla="*/ 2147483647 h 36"/>
              <a:gd name="T24" fmla="*/ 0 w 26"/>
              <a:gd name="T25" fmla="*/ 2147483647 h 36"/>
              <a:gd name="T26" fmla="*/ 2147483647 w 26"/>
              <a:gd name="T27" fmla="*/ 2147483647 h 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6" h="36">
                <a:moveTo>
                  <a:pt x="2" y="16"/>
                </a:moveTo>
                <a:lnTo>
                  <a:pt x="8" y="10"/>
                </a:lnTo>
                <a:lnTo>
                  <a:pt x="12" y="2"/>
                </a:lnTo>
                <a:lnTo>
                  <a:pt x="18" y="0"/>
                </a:lnTo>
                <a:lnTo>
                  <a:pt x="24" y="6"/>
                </a:lnTo>
                <a:lnTo>
                  <a:pt x="26" y="12"/>
                </a:lnTo>
                <a:lnTo>
                  <a:pt x="26" y="18"/>
                </a:lnTo>
                <a:lnTo>
                  <a:pt x="26" y="24"/>
                </a:lnTo>
                <a:lnTo>
                  <a:pt x="22" y="30"/>
                </a:lnTo>
                <a:lnTo>
                  <a:pt x="16" y="36"/>
                </a:lnTo>
                <a:lnTo>
                  <a:pt x="10" y="36"/>
                </a:lnTo>
                <a:lnTo>
                  <a:pt x="4" y="28"/>
                </a:lnTo>
                <a:lnTo>
                  <a:pt x="0" y="22"/>
                </a:lnTo>
                <a:lnTo>
                  <a:pt x="2" y="1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88" name="Freeform 33"/>
          <p:cNvSpPr>
            <a:spLocks/>
          </p:cNvSpPr>
          <p:nvPr/>
        </p:nvSpPr>
        <p:spPr bwMode="auto">
          <a:xfrm>
            <a:off x="7178675" y="5835650"/>
            <a:ext cx="49213" cy="44450"/>
          </a:xfrm>
          <a:custGeom>
            <a:avLst/>
            <a:gdLst>
              <a:gd name="T0" fmla="*/ 2147483647 w 38"/>
              <a:gd name="T1" fmla="*/ 2147483647 h 34"/>
              <a:gd name="T2" fmla="*/ 2147483647 w 38"/>
              <a:gd name="T3" fmla="*/ 2147483647 h 34"/>
              <a:gd name="T4" fmla="*/ 0 w 38"/>
              <a:gd name="T5" fmla="*/ 2147483647 h 34"/>
              <a:gd name="T6" fmla="*/ 2147483647 w 38"/>
              <a:gd name="T7" fmla="*/ 0 h 34"/>
              <a:gd name="T8" fmla="*/ 2147483647 w 38"/>
              <a:gd name="T9" fmla="*/ 0 h 34"/>
              <a:gd name="T10" fmla="*/ 2147483647 w 38"/>
              <a:gd name="T11" fmla="*/ 2147483647 h 34"/>
              <a:gd name="T12" fmla="*/ 2147483647 w 38"/>
              <a:gd name="T13" fmla="*/ 2147483647 h 34"/>
              <a:gd name="T14" fmla="*/ 2147483647 w 38"/>
              <a:gd name="T15" fmla="*/ 2147483647 h 34"/>
              <a:gd name="T16" fmla="*/ 2147483647 w 38"/>
              <a:gd name="T17" fmla="*/ 2147483647 h 34"/>
              <a:gd name="T18" fmla="*/ 2147483647 w 38"/>
              <a:gd name="T19" fmla="*/ 2147483647 h 34"/>
              <a:gd name="T20" fmla="*/ 2147483647 w 38"/>
              <a:gd name="T21" fmla="*/ 2147483647 h 34"/>
              <a:gd name="T22" fmla="*/ 2147483647 w 38"/>
              <a:gd name="T23" fmla="*/ 2147483647 h 34"/>
              <a:gd name="T24" fmla="*/ 2147483647 w 38"/>
              <a:gd name="T25" fmla="*/ 2147483647 h 34"/>
              <a:gd name="T26" fmla="*/ 2147483647 w 38"/>
              <a:gd name="T27" fmla="*/ 2147483647 h 34"/>
              <a:gd name="T28" fmla="*/ 2147483647 w 38"/>
              <a:gd name="T29" fmla="*/ 2147483647 h 34"/>
              <a:gd name="T30" fmla="*/ 2147483647 w 38"/>
              <a:gd name="T31" fmla="*/ 2147483647 h 34"/>
              <a:gd name="T32" fmla="*/ 2147483647 w 38"/>
              <a:gd name="T33" fmla="*/ 2147483647 h 34"/>
              <a:gd name="T34" fmla="*/ 2147483647 w 38"/>
              <a:gd name="T35" fmla="*/ 2147483647 h 34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0" t="0" r="r" b="b"/>
            <a:pathLst>
              <a:path w="38" h="34">
                <a:moveTo>
                  <a:pt x="14" y="16"/>
                </a:moveTo>
                <a:lnTo>
                  <a:pt x="6" y="14"/>
                </a:lnTo>
                <a:lnTo>
                  <a:pt x="0" y="8"/>
                </a:lnTo>
                <a:lnTo>
                  <a:pt x="2" y="0"/>
                </a:lnTo>
                <a:lnTo>
                  <a:pt x="8" y="0"/>
                </a:lnTo>
                <a:lnTo>
                  <a:pt x="12" y="2"/>
                </a:lnTo>
                <a:lnTo>
                  <a:pt x="16" y="4"/>
                </a:lnTo>
                <a:lnTo>
                  <a:pt x="20" y="8"/>
                </a:lnTo>
                <a:lnTo>
                  <a:pt x="28" y="6"/>
                </a:lnTo>
                <a:lnTo>
                  <a:pt x="30" y="10"/>
                </a:lnTo>
                <a:lnTo>
                  <a:pt x="32" y="14"/>
                </a:lnTo>
                <a:lnTo>
                  <a:pt x="32" y="20"/>
                </a:lnTo>
                <a:lnTo>
                  <a:pt x="38" y="26"/>
                </a:lnTo>
                <a:lnTo>
                  <a:pt x="36" y="34"/>
                </a:lnTo>
                <a:lnTo>
                  <a:pt x="26" y="30"/>
                </a:lnTo>
                <a:lnTo>
                  <a:pt x="24" y="24"/>
                </a:lnTo>
                <a:lnTo>
                  <a:pt x="18" y="20"/>
                </a:lnTo>
                <a:lnTo>
                  <a:pt x="14" y="16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89" name="Freeform 34"/>
          <p:cNvSpPr>
            <a:spLocks/>
          </p:cNvSpPr>
          <p:nvPr/>
        </p:nvSpPr>
        <p:spPr bwMode="auto">
          <a:xfrm>
            <a:off x="7227888" y="5876925"/>
            <a:ext cx="38100" cy="23813"/>
          </a:xfrm>
          <a:custGeom>
            <a:avLst/>
            <a:gdLst>
              <a:gd name="T0" fmla="*/ 0 w 30"/>
              <a:gd name="T1" fmla="*/ 2147483647 h 18"/>
              <a:gd name="T2" fmla="*/ 2147483647 w 30"/>
              <a:gd name="T3" fmla="*/ 2147483647 h 18"/>
              <a:gd name="T4" fmla="*/ 2147483647 w 30"/>
              <a:gd name="T5" fmla="*/ 0 h 18"/>
              <a:gd name="T6" fmla="*/ 2147483647 w 30"/>
              <a:gd name="T7" fmla="*/ 2147483647 h 18"/>
              <a:gd name="T8" fmla="*/ 2147483647 w 30"/>
              <a:gd name="T9" fmla="*/ 2147483647 h 18"/>
              <a:gd name="T10" fmla="*/ 2147483647 w 30"/>
              <a:gd name="T11" fmla="*/ 2147483647 h 18"/>
              <a:gd name="T12" fmla="*/ 2147483647 w 30"/>
              <a:gd name="T13" fmla="*/ 2147483647 h 18"/>
              <a:gd name="T14" fmla="*/ 2147483647 w 30"/>
              <a:gd name="T15" fmla="*/ 2147483647 h 18"/>
              <a:gd name="T16" fmla="*/ 2147483647 w 30"/>
              <a:gd name="T17" fmla="*/ 2147483647 h 18"/>
              <a:gd name="T18" fmla="*/ 2147483647 w 30"/>
              <a:gd name="T19" fmla="*/ 2147483647 h 18"/>
              <a:gd name="T20" fmla="*/ 0 w 30"/>
              <a:gd name="T21" fmla="*/ 2147483647 h 18"/>
              <a:gd name="T22" fmla="*/ 0 w 30"/>
              <a:gd name="T23" fmla="*/ 2147483647 h 18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0" t="0" r="r" b="b"/>
            <a:pathLst>
              <a:path w="30" h="18">
                <a:moveTo>
                  <a:pt x="0" y="2"/>
                </a:moveTo>
                <a:lnTo>
                  <a:pt x="8" y="2"/>
                </a:lnTo>
                <a:lnTo>
                  <a:pt x="16" y="0"/>
                </a:lnTo>
                <a:lnTo>
                  <a:pt x="24" y="2"/>
                </a:lnTo>
                <a:lnTo>
                  <a:pt x="30" y="6"/>
                </a:lnTo>
                <a:lnTo>
                  <a:pt x="28" y="14"/>
                </a:lnTo>
                <a:lnTo>
                  <a:pt x="24" y="18"/>
                </a:lnTo>
                <a:lnTo>
                  <a:pt x="16" y="16"/>
                </a:lnTo>
                <a:lnTo>
                  <a:pt x="8" y="12"/>
                </a:lnTo>
                <a:lnTo>
                  <a:pt x="4" y="10"/>
                </a:lnTo>
                <a:lnTo>
                  <a:pt x="0" y="8"/>
                </a:lnTo>
                <a:lnTo>
                  <a:pt x="0" y="2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90" name="Freeform 35"/>
          <p:cNvSpPr>
            <a:spLocks/>
          </p:cNvSpPr>
          <p:nvPr/>
        </p:nvSpPr>
        <p:spPr bwMode="auto">
          <a:xfrm>
            <a:off x="7265988" y="5959475"/>
            <a:ext cx="20637" cy="31750"/>
          </a:xfrm>
          <a:custGeom>
            <a:avLst/>
            <a:gdLst>
              <a:gd name="T0" fmla="*/ 2147483647 w 16"/>
              <a:gd name="T1" fmla="*/ 2147483647 h 24"/>
              <a:gd name="T2" fmla="*/ 2147483647 w 16"/>
              <a:gd name="T3" fmla="*/ 2147483647 h 24"/>
              <a:gd name="T4" fmla="*/ 2147483647 w 16"/>
              <a:gd name="T5" fmla="*/ 2147483647 h 24"/>
              <a:gd name="T6" fmla="*/ 2147483647 w 16"/>
              <a:gd name="T7" fmla="*/ 2147483647 h 24"/>
              <a:gd name="T8" fmla="*/ 2147483647 w 16"/>
              <a:gd name="T9" fmla="*/ 2147483647 h 24"/>
              <a:gd name="T10" fmla="*/ 0 w 16"/>
              <a:gd name="T11" fmla="*/ 2147483647 h 24"/>
              <a:gd name="T12" fmla="*/ 0 w 16"/>
              <a:gd name="T13" fmla="*/ 2147483647 h 24"/>
              <a:gd name="T14" fmla="*/ 2147483647 w 16"/>
              <a:gd name="T15" fmla="*/ 2147483647 h 24"/>
              <a:gd name="T16" fmla="*/ 2147483647 w 16"/>
              <a:gd name="T17" fmla="*/ 2147483647 h 24"/>
              <a:gd name="T18" fmla="*/ 2147483647 w 16"/>
              <a:gd name="T19" fmla="*/ 0 h 24"/>
              <a:gd name="T20" fmla="*/ 2147483647 w 16"/>
              <a:gd name="T21" fmla="*/ 2147483647 h 24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6" h="24">
                <a:moveTo>
                  <a:pt x="16" y="2"/>
                </a:moveTo>
                <a:lnTo>
                  <a:pt x="16" y="14"/>
                </a:lnTo>
                <a:lnTo>
                  <a:pt x="16" y="20"/>
                </a:lnTo>
                <a:lnTo>
                  <a:pt x="14" y="24"/>
                </a:lnTo>
                <a:lnTo>
                  <a:pt x="4" y="24"/>
                </a:lnTo>
                <a:lnTo>
                  <a:pt x="0" y="18"/>
                </a:lnTo>
                <a:lnTo>
                  <a:pt x="0" y="10"/>
                </a:lnTo>
                <a:lnTo>
                  <a:pt x="2" y="6"/>
                </a:lnTo>
                <a:lnTo>
                  <a:pt x="8" y="2"/>
                </a:lnTo>
                <a:lnTo>
                  <a:pt x="10" y="0"/>
                </a:lnTo>
                <a:lnTo>
                  <a:pt x="16" y="2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91" name="Freeform 36"/>
          <p:cNvSpPr>
            <a:spLocks/>
          </p:cNvSpPr>
          <p:nvPr/>
        </p:nvSpPr>
        <p:spPr bwMode="auto">
          <a:xfrm>
            <a:off x="7134225" y="5895975"/>
            <a:ext cx="15875" cy="28575"/>
          </a:xfrm>
          <a:custGeom>
            <a:avLst/>
            <a:gdLst>
              <a:gd name="T0" fmla="*/ 2147483647 w 12"/>
              <a:gd name="T1" fmla="*/ 2147483647 h 22"/>
              <a:gd name="T2" fmla="*/ 2147483647 w 12"/>
              <a:gd name="T3" fmla="*/ 2147483647 h 22"/>
              <a:gd name="T4" fmla="*/ 2147483647 w 12"/>
              <a:gd name="T5" fmla="*/ 2147483647 h 22"/>
              <a:gd name="T6" fmla="*/ 0 w 12"/>
              <a:gd name="T7" fmla="*/ 2147483647 h 22"/>
              <a:gd name="T8" fmla="*/ 0 w 12"/>
              <a:gd name="T9" fmla="*/ 2147483647 h 22"/>
              <a:gd name="T10" fmla="*/ 2147483647 w 12"/>
              <a:gd name="T11" fmla="*/ 2147483647 h 22"/>
              <a:gd name="T12" fmla="*/ 2147483647 w 12"/>
              <a:gd name="T13" fmla="*/ 2147483647 h 22"/>
              <a:gd name="T14" fmla="*/ 2147483647 w 12"/>
              <a:gd name="T15" fmla="*/ 0 h 22"/>
              <a:gd name="T16" fmla="*/ 2147483647 w 12"/>
              <a:gd name="T17" fmla="*/ 0 h 22"/>
              <a:gd name="T18" fmla="*/ 2147483647 w 12"/>
              <a:gd name="T19" fmla="*/ 2147483647 h 22"/>
              <a:gd name="T20" fmla="*/ 2147483647 w 12"/>
              <a:gd name="T21" fmla="*/ 2147483647 h 2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2" h="22">
                <a:moveTo>
                  <a:pt x="12" y="10"/>
                </a:moveTo>
                <a:lnTo>
                  <a:pt x="8" y="12"/>
                </a:lnTo>
                <a:lnTo>
                  <a:pt x="6" y="18"/>
                </a:lnTo>
                <a:lnTo>
                  <a:pt x="0" y="22"/>
                </a:lnTo>
                <a:lnTo>
                  <a:pt x="0" y="14"/>
                </a:lnTo>
                <a:lnTo>
                  <a:pt x="2" y="6"/>
                </a:lnTo>
                <a:lnTo>
                  <a:pt x="2" y="2"/>
                </a:lnTo>
                <a:lnTo>
                  <a:pt x="6" y="0"/>
                </a:lnTo>
                <a:lnTo>
                  <a:pt x="10" y="0"/>
                </a:lnTo>
                <a:lnTo>
                  <a:pt x="12" y="6"/>
                </a:lnTo>
                <a:lnTo>
                  <a:pt x="12" y="10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92" name="Freeform 37"/>
          <p:cNvSpPr>
            <a:spLocks/>
          </p:cNvSpPr>
          <p:nvPr/>
        </p:nvSpPr>
        <p:spPr bwMode="auto">
          <a:xfrm>
            <a:off x="7188200" y="5391150"/>
            <a:ext cx="28575" cy="20638"/>
          </a:xfrm>
          <a:custGeom>
            <a:avLst/>
            <a:gdLst>
              <a:gd name="T0" fmla="*/ 2147483647 w 22"/>
              <a:gd name="T1" fmla="*/ 0 h 16"/>
              <a:gd name="T2" fmla="*/ 2147483647 w 22"/>
              <a:gd name="T3" fmla="*/ 2147483647 h 16"/>
              <a:gd name="T4" fmla="*/ 2147483647 w 22"/>
              <a:gd name="T5" fmla="*/ 2147483647 h 16"/>
              <a:gd name="T6" fmla="*/ 2147483647 w 22"/>
              <a:gd name="T7" fmla="*/ 2147483647 h 16"/>
              <a:gd name="T8" fmla="*/ 2147483647 w 22"/>
              <a:gd name="T9" fmla="*/ 2147483647 h 16"/>
              <a:gd name="T10" fmla="*/ 2147483647 w 22"/>
              <a:gd name="T11" fmla="*/ 2147483647 h 16"/>
              <a:gd name="T12" fmla="*/ 2147483647 w 22"/>
              <a:gd name="T13" fmla="*/ 2147483647 h 16"/>
              <a:gd name="T14" fmla="*/ 0 w 22"/>
              <a:gd name="T15" fmla="*/ 2147483647 h 16"/>
              <a:gd name="T16" fmla="*/ 2147483647 w 22"/>
              <a:gd name="T17" fmla="*/ 2147483647 h 16"/>
              <a:gd name="T18" fmla="*/ 2147483647 w 22"/>
              <a:gd name="T19" fmla="*/ 2147483647 h 16"/>
              <a:gd name="T20" fmla="*/ 2147483647 w 22"/>
              <a:gd name="T21" fmla="*/ 0 h 1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22" h="16">
                <a:moveTo>
                  <a:pt x="10" y="0"/>
                </a:moveTo>
                <a:lnTo>
                  <a:pt x="18" y="2"/>
                </a:lnTo>
                <a:lnTo>
                  <a:pt x="22" y="6"/>
                </a:lnTo>
                <a:lnTo>
                  <a:pt x="22" y="10"/>
                </a:lnTo>
                <a:lnTo>
                  <a:pt x="20" y="14"/>
                </a:lnTo>
                <a:lnTo>
                  <a:pt x="14" y="16"/>
                </a:lnTo>
                <a:lnTo>
                  <a:pt x="6" y="16"/>
                </a:lnTo>
                <a:lnTo>
                  <a:pt x="0" y="12"/>
                </a:lnTo>
                <a:lnTo>
                  <a:pt x="2" y="6"/>
                </a:lnTo>
                <a:lnTo>
                  <a:pt x="4" y="2"/>
                </a:lnTo>
                <a:lnTo>
                  <a:pt x="10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93" name="Freeform 38"/>
          <p:cNvSpPr>
            <a:spLocks/>
          </p:cNvSpPr>
          <p:nvPr/>
        </p:nvSpPr>
        <p:spPr bwMode="auto">
          <a:xfrm>
            <a:off x="7154863" y="5481638"/>
            <a:ext cx="46037" cy="36512"/>
          </a:xfrm>
          <a:custGeom>
            <a:avLst/>
            <a:gdLst>
              <a:gd name="T0" fmla="*/ 2147483647 w 36"/>
              <a:gd name="T1" fmla="*/ 2147483647 h 28"/>
              <a:gd name="T2" fmla="*/ 2147483647 w 36"/>
              <a:gd name="T3" fmla="*/ 2147483647 h 28"/>
              <a:gd name="T4" fmla="*/ 2147483647 w 36"/>
              <a:gd name="T5" fmla="*/ 2147483647 h 28"/>
              <a:gd name="T6" fmla="*/ 2147483647 w 36"/>
              <a:gd name="T7" fmla="*/ 2147483647 h 28"/>
              <a:gd name="T8" fmla="*/ 2147483647 w 36"/>
              <a:gd name="T9" fmla="*/ 2147483647 h 28"/>
              <a:gd name="T10" fmla="*/ 2147483647 w 36"/>
              <a:gd name="T11" fmla="*/ 0 h 28"/>
              <a:gd name="T12" fmla="*/ 2147483647 w 36"/>
              <a:gd name="T13" fmla="*/ 2147483647 h 28"/>
              <a:gd name="T14" fmla="*/ 2147483647 w 36"/>
              <a:gd name="T15" fmla="*/ 2147483647 h 28"/>
              <a:gd name="T16" fmla="*/ 2147483647 w 36"/>
              <a:gd name="T17" fmla="*/ 2147483647 h 28"/>
              <a:gd name="T18" fmla="*/ 2147483647 w 36"/>
              <a:gd name="T19" fmla="*/ 2147483647 h 28"/>
              <a:gd name="T20" fmla="*/ 2147483647 w 36"/>
              <a:gd name="T21" fmla="*/ 2147483647 h 28"/>
              <a:gd name="T22" fmla="*/ 2147483647 w 36"/>
              <a:gd name="T23" fmla="*/ 2147483647 h 28"/>
              <a:gd name="T24" fmla="*/ 2147483647 w 36"/>
              <a:gd name="T25" fmla="*/ 2147483647 h 28"/>
              <a:gd name="T26" fmla="*/ 2147483647 w 36"/>
              <a:gd name="T27" fmla="*/ 2147483647 h 28"/>
              <a:gd name="T28" fmla="*/ 0 w 36"/>
              <a:gd name="T29" fmla="*/ 2147483647 h 28"/>
              <a:gd name="T30" fmla="*/ 2147483647 w 36"/>
              <a:gd name="T31" fmla="*/ 2147483647 h 28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36" h="28">
                <a:moveTo>
                  <a:pt x="6" y="8"/>
                </a:moveTo>
                <a:lnTo>
                  <a:pt x="14" y="4"/>
                </a:lnTo>
                <a:lnTo>
                  <a:pt x="22" y="8"/>
                </a:lnTo>
                <a:lnTo>
                  <a:pt x="26" y="6"/>
                </a:lnTo>
                <a:lnTo>
                  <a:pt x="30" y="2"/>
                </a:lnTo>
                <a:lnTo>
                  <a:pt x="36" y="0"/>
                </a:lnTo>
                <a:lnTo>
                  <a:pt x="36" y="10"/>
                </a:lnTo>
                <a:lnTo>
                  <a:pt x="36" y="16"/>
                </a:lnTo>
                <a:lnTo>
                  <a:pt x="32" y="26"/>
                </a:lnTo>
                <a:lnTo>
                  <a:pt x="22" y="28"/>
                </a:lnTo>
                <a:lnTo>
                  <a:pt x="16" y="26"/>
                </a:lnTo>
                <a:lnTo>
                  <a:pt x="12" y="28"/>
                </a:lnTo>
                <a:lnTo>
                  <a:pt x="4" y="28"/>
                </a:lnTo>
                <a:lnTo>
                  <a:pt x="2" y="20"/>
                </a:lnTo>
                <a:lnTo>
                  <a:pt x="0" y="14"/>
                </a:lnTo>
                <a:lnTo>
                  <a:pt x="6" y="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1894" name="Group 39"/>
          <p:cNvGrpSpPr>
            <a:grpSpLocks/>
          </p:cNvGrpSpPr>
          <p:nvPr/>
        </p:nvGrpSpPr>
        <p:grpSpPr bwMode="auto">
          <a:xfrm>
            <a:off x="7227888" y="5075238"/>
            <a:ext cx="538162" cy="1120775"/>
            <a:chOff x="4553" y="3197"/>
            <a:chExt cx="339" cy="706"/>
          </a:xfrm>
        </p:grpSpPr>
        <p:sp>
          <p:nvSpPr>
            <p:cNvPr id="122001" name="Freeform 40"/>
            <p:cNvSpPr>
              <a:spLocks/>
            </p:cNvSpPr>
            <p:nvPr/>
          </p:nvSpPr>
          <p:spPr bwMode="auto">
            <a:xfrm>
              <a:off x="4566" y="3197"/>
              <a:ext cx="230" cy="239"/>
            </a:xfrm>
            <a:custGeom>
              <a:avLst/>
              <a:gdLst>
                <a:gd name="T0" fmla="*/ 46 w 282"/>
                <a:gd name="T1" fmla="*/ 3 h 294"/>
                <a:gd name="T2" fmla="*/ 46 w 282"/>
                <a:gd name="T3" fmla="*/ 7 h 294"/>
                <a:gd name="T4" fmla="*/ 51 w 282"/>
                <a:gd name="T5" fmla="*/ 12 h 294"/>
                <a:gd name="T6" fmla="*/ 56 w 282"/>
                <a:gd name="T7" fmla="*/ 16 h 294"/>
                <a:gd name="T8" fmla="*/ 67 w 282"/>
                <a:gd name="T9" fmla="*/ 19 h 294"/>
                <a:gd name="T10" fmla="*/ 75 w 282"/>
                <a:gd name="T11" fmla="*/ 20 h 294"/>
                <a:gd name="T12" fmla="*/ 83 w 282"/>
                <a:gd name="T13" fmla="*/ 21 h 294"/>
                <a:gd name="T14" fmla="*/ 82 w 282"/>
                <a:gd name="T15" fmla="*/ 26 h 294"/>
                <a:gd name="T16" fmla="*/ 82 w 282"/>
                <a:gd name="T17" fmla="*/ 28 h 294"/>
                <a:gd name="T18" fmla="*/ 79 w 282"/>
                <a:gd name="T19" fmla="*/ 32 h 294"/>
                <a:gd name="T20" fmla="*/ 75 w 282"/>
                <a:gd name="T21" fmla="*/ 33 h 294"/>
                <a:gd name="T22" fmla="*/ 73 w 282"/>
                <a:gd name="T23" fmla="*/ 33 h 294"/>
                <a:gd name="T24" fmla="*/ 71 w 282"/>
                <a:gd name="T25" fmla="*/ 33 h 294"/>
                <a:gd name="T26" fmla="*/ 69 w 282"/>
                <a:gd name="T27" fmla="*/ 30 h 294"/>
                <a:gd name="T28" fmla="*/ 67 w 282"/>
                <a:gd name="T29" fmla="*/ 33 h 294"/>
                <a:gd name="T30" fmla="*/ 60 w 282"/>
                <a:gd name="T31" fmla="*/ 33 h 294"/>
                <a:gd name="T32" fmla="*/ 56 w 282"/>
                <a:gd name="T33" fmla="*/ 33 h 294"/>
                <a:gd name="T34" fmla="*/ 52 w 282"/>
                <a:gd name="T35" fmla="*/ 39 h 294"/>
                <a:gd name="T36" fmla="*/ 46 w 282"/>
                <a:gd name="T37" fmla="*/ 39 h 294"/>
                <a:gd name="T38" fmla="*/ 45 w 282"/>
                <a:gd name="T39" fmla="*/ 39 h 294"/>
                <a:gd name="T40" fmla="*/ 40 w 282"/>
                <a:gd name="T41" fmla="*/ 43 h 294"/>
                <a:gd name="T42" fmla="*/ 40 w 282"/>
                <a:gd name="T43" fmla="*/ 48 h 294"/>
                <a:gd name="T44" fmla="*/ 37 w 282"/>
                <a:gd name="T45" fmla="*/ 53 h 294"/>
                <a:gd name="T46" fmla="*/ 34 w 282"/>
                <a:gd name="T47" fmla="*/ 56 h 294"/>
                <a:gd name="T48" fmla="*/ 28 w 282"/>
                <a:gd name="T49" fmla="*/ 62 h 294"/>
                <a:gd name="T50" fmla="*/ 21 w 282"/>
                <a:gd name="T51" fmla="*/ 67 h 294"/>
                <a:gd name="T52" fmla="*/ 18 w 282"/>
                <a:gd name="T53" fmla="*/ 73 h 294"/>
                <a:gd name="T54" fmla="*/ 15 w 282"/>
                <a:gd name="T55" fmla="*/ 79 h 294"/>
                <a:gd name="T56" fmla="*/ 12 w 282"/>
                <a:gd name="T57" fmla="*/ 84 h 294"/>
                <a:gd name="T58" fmla="*/ 10 w 282"/>
                <a:gd name="T59" fmla="*/ 81 h 294"/>
                <a:gd name="T60" fmla="*/ 12 w 282"/>
                <a:gd name="T61" fmla="*/ 76 h 294"/>
                <a:gd name="T62" fmla="*/ 10 w 282"/>
                <a:gd name="T63" fmla="*/ 73 h 294"/>
                <a:gd name="T64" fmla="*/ 14 w 282"/>
                <a:gd name="T65" fmla="*/ 69 h 294"/>
                <a:gd name="T66" fmla="*/ 18 w 282"/>
                <a:gd name="T67" fmla="*/ 65 h 294"/>
                <a:gd name="T68" fmla="*/ 22 w 282"/>
                <a:gd name="T69" fmla="*/ 62 h 294"/>
                <a:gd name="T70" fmla="*/ 24 w 282"/>
                <a:gd name="T71" fmla="*/ 61 h 294"/>
                <a:gd name="T72" fmla="*/ 23 w 282"/>
                <a:gd name="T73" fmla="*/ 57 h 294"/>
                <a:gd name="T74" fmla="*/ 19 w 282"/>
                <a:gd name="T75" fmla="*/ 61 h 294"/>
                <a:gd name="T76" fmla="*/ 9 w 282"/>
                <a:gd name="T77" fmla="*/ 63 h 294"/>
                <a:gd name="T78" fmla="*/ 2 w 282"/>
                <a:gd name="T79" fmla="*/ 62 h 294"/>
                <a:gd name="T80" fmla="*/ 4 w 282"/>
                <a:gd name="T81" fmla="*/ 54 h 294"/>
                <a:gd name="T82" fmla="*/ 6 w 282"/>
                <a:gd name="T83" fmla="*/ 44 h 294"/>
                <a:gd name="T84" fmla="*/ 12 w 282"/>
                <a:gd name="T85" fmla="*/ 32 h 294"/>
                <a:gd name="T86" fmla="*/ 2 w 282"/>
                <a:gd name="T87" fmla="*/ 22 h 294"/>
                <a:gd name="T88" fmla="*/ 2 w 282"/>
                <a:gd name="T89" fmla="*/ 18 h 294"/>
                <a:gd name="T90" fmla="*/ 6 w 282"/>
                <a:gd name="T91" fmla="*/ 15 h 294"/>
                <a:gd name="T92" fmla="*/ 7 w 282"/>
                <a:gd name="T93" fmla="*/ 11 h 294"/>
                <a:gd name="T94" fmla="*/ 16 w 282"/>
                <a:gd name="T95" fmla="*/ 7 h 294"/>
                <a:gd name="T96" fmla="*/ 23 w 282"/>
                <a:gd name="T97" fmla="*/ 4 h 294"/>
                <a:gd name="T98" fmla="*/ 27 w 282"/>
                <a:gd name="T99" fmla="*/ 2 h 294"/>
                <a:gd name="T100" fmla="*/ 34 w 282"/>
                <a:gd name="T101" fmla="*/ 6 h 294"/>
                <a:gd name="T102" fmla="*/ 41 w 282"/>
                <a:gd name="T103" fmla="*/ 4 h 294"/>
                <a:gd name="T104" fmla="*/ 45 w 282"/>
                <a:gd name="T105" fmla="*/ 0 h 294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0" t="0" r="r" b="b"/>
              <a:pathLst>
                <a:path w="282" h="294">
                  <a:moveTo>
                    <a:pt x="152" y="0"/>
                  </a:moveTo>
                  <a:lnTo>
                    <a:pt x="160" y="10"/>
                  </a:lnTo>
                  <a:lnTo>
                    <a:pt x="156" y="16"/>
                  </a:lnTo>
                  <a:lnTo>
                    <a:pt x="156" y="24"/>
                  </a:lnTo>
                  <a:lnTo>
                    <a:pt x="162" y="32"/>
                  </a:lnTo>
                  <a:lnTo>
                    <a:pt x="172" y="42"/>
                  </a:lnTo>
                  <a:lnTo>
                    <a:pt x="182" y="54"/>
                  </a:lnTo>
                  <a:lnTo>
                    <a:pt x="192" y="58"/>
                  </a:lnTo>
                  <a:lnTo>
                    <a:pt x="208" y="62"/>
                  </a:lnTo>
                  <a:lnTo>
                    <a:pt x="226" y="64"/>
                  </a:lnTo>
                  <a:lnTo>
                    <a:pt x="246" y="66"/>
                  </a:lnTo>
                  <a:lnTo>
                    <a:pt x="258" y="70"/>
                  </a:lnTo>
                  <a:lnTo>
                    <a:pt x="272" y="72"/>
                  </a:lnTo>
                  <a:lnTo>
                    <a:pt x="282" y="72"/>
                  </a:lnTo>
                  <a:lnTo>
                    <a:pt x="282" y="80"/>
                  </a:lnTo>
                  <a:lnTo>
                    <a:pt x="280" y="88"/>
                  </a:lnTo>
                  <a:lnTo>
                    <a:pt x="276" y="94"/>
                  </a:lnTo>
                  <a:lnTo>
                    <a:pt x="278" y="98"/>
                  </a:lnTo>
                  <a:lnTo>
                    <a:pt x="278" y="106"/>
                  </a:lnTo>
                  <a:lnTo>
                    <a:pt x="270" y="108"/>
                  </a:lnTo>
                  <a:lnTo>
                    <a:pt x="262" y="110"/>
                  </a:lnTo>
                  <a:lnTo>
                    <a:pt x="256" y="112"/>
                  </a:lnTo>
                  <a:lnTo>
                    <a:pt x="252" y="114"/>
                  </a:lnTo>
                  <a:lnTo>
                    <a:pt x="246" y="114"/>
                  </a:lnTo>
                  <a:lnTo>
                    <a:pt x="244" y="114"/>
                  </a:lnTo>
                  <a:lnTo>
                    <a:pt x="242" y="112"/>
                  </a:lnTo>
                  <a:lnTo>
                    <a:pt x="240" y="110"/>
                  </a:lnTo>
                  <a:lnTo>
                    <a:pt x="234" y="106"/>
                  </a:lnTo>
                  <a:lnTo>
                    <a:pt x="234" y="112"/>
                  </a:lnTo>
                  <a:lnTo>
                    <a:pt x="226" y="112"/>
                  </a:lnTo>
                  <a:lnTo>
                    <a:pt x="218" y="112"/>
                  </a:lnTo>
                  <a:lnTo>
                    <a:pt x="206" y="112"/>
                  </a:lnTo>
                  <a:lnTo>
                    <a:pt x="198" y="114"/>
                  </a:lnTo>
                  <a:lnTo>
                    <a:pt x="190" y="118"/>
                  </a:lnTo>
                  <a:lnTo>
                    <a:pt x="184" y="126"/>
                  </a:lnTo>
                  <a:lnTo>
                    <a:pt x="178" y="134"/>
                  </a:lnTo>
                  <a:lnTo>
                    <a:pt x="170" y="136"/>
                  </a:lnTo>
                  <a:lnTo>
                    <a:pt x="160" y="134"/>
                  </a:lnTo>
                  <a:lnTo>
                    <a:pt x="158" y="134"/>
                  </a:lnTo>
                  <a:lnTo>
                    <a:pt x="152" y="136"/>
                  </a:lnTo>
                  <a:lnTo>
                    <a:pt x="140" y="142"/>
                  </a:lnTo>
                  <a:lnTo>
                    <a:pt x="136" y="148"/>
                  </a:lnTo>
                  <a:lnTo>
                    <a:pt x="136" y="150"/>
                  </a:lnTo>
                  <a:lnTo>
                    <a:pt x="136" y="166"/>
                  </a:lnTo>
                  <a:lnTo>
                    <a:pt x="130" y="174"/>
                  </a:lnTo>
                  <a:lnTo>
                    <a:pt x="124" y="182"/>
                  </a:lnTo>
                  <a:lnTo>
                    <a:pt x="120" y="188"/>
                  </a:lnTo>
                  <a:lnTo>
                    <a:pt x="114" y="196"/>
                  </a:lnTo>
                  <a:lnTo>
                    <a:pt x="100" y="204"/>
                  </a:lnTo>
                  <a:lnTo>
                    <a:pt x="94" y="214"/>
                  </a:lnTo>
                  <a:lnTo>
                    <a:pt x="84" y="220"/>
                  </a:lnTo>
                  <a:lnTo>
                    <a:pt x="72" y="232"/>
                  </a:lnTo>
                  <a:lnTo>
                    <a:pt x="68" y="246"/>
                  </a:lnTo>
                  <a:lnTo>
                    <a:pt x="60" y="254"/>
                  </a:lnTo>
                  <a:lnTo>
                    <a:pt x="54" y="264"/>
                  </a:lnTo>
                  <a:lnTo>
                    <a:pt x="52" y="272"/>
                  </a:lnTo>
                  <a:lnTo>
                    <a:pt x="46" y="280"/>
                  </a:lnTo>
                  <a:lnTo>
                    <a:pt x="42" y="290"/>
                  </a:lnTo>
                  <a:lnTo>
                    <a:pt x="34" y="294"/>
                  </a:lnTo>
                  <a:lnTo>
                    <a:pt x="34" y="282"/>
                  </a:lnTo>
                  <a:lnTo>
                    <a:pt x="40" y="274"/>
                  </a:lnTo>
                  <a:lnTo>
                    <a:pt x="40" y="266"/>
                  </a:lnTo>
                  <a:lnTo>
                    <a:pt x="38" y="262"/>
                  </a:lnTo>
                  <a:lnTo>
                    <a:pt x="34" y="256"/>
                  </a:lnTo>
                  <a:lnTo>
                    <a:pt x="40" y="244"/>
                  </a:lnTo>
                  <a:lnTo>
                    <a:pt x="48" y="238"/>
                  </a:lnTo>
                  <a:lnTo>
                    <a:pt x="58" y="230"/>
                  </a:lnTo>
                  <a:lnTo>
                    <a:pt x="60" y="226"/>
                  </a:lnTo>
                  <a:lnTo>
                    <a:pt x="70" y="220"/>
                  </a:lnTo>
                  <a:lnTo>
                    <a:pt x="74" y="214"/>
                  </a:lnTo>
                  <a:lnTo>
                    <a:pt x="78" y="212"/>
                  </a:lnTo>
                  <a:lnTo>
                    <a:pt x="82" y="210"/>
                  </a:lnTo>
                  <a:lnTo>
                    <a:pt x="84" y="206"/>
                  </a:lnTo>
                  <a:lnTo>
                    <a:pt x="76" y="198"/>
                  </a:lnTo>
                  <a:lnTo>
                    <a:pt x="68" y="202"/>
                  </a:lnTo>
                  <a:lnTo>
                    <a:pt x="62" y="210"/>
                  </a:lnTo>
                  <a:lnTo>
                    <a:pt x="44" y="216"/>
                  </a:lnTo>
                  <a:lnTo>
                    <a:pt x="30" y="218"/>
                  </a:lnTo>
                  <a:lnTo>
                    <a:pt x="12" y="220"/>
                  </a:lnTo>
                  <a:lnTo>
                    <a:pt x="6" y="214"/>
                  </a:lnTo>
                  <a:lnTo>
                    <a:pt x="4" y="210"/>
                  </a:lnTo>
                  <a:lnTo>
                    <a:pt x="14" y="188"/>
                  </a:lnTo>
                  <a:lnTo>
                    <a:pt x="26" y="174"/>
                  </a:lnTo>
                  <a:lnTo>
                    <a:pt x="18" y="154"/>
                  </a:lnTo>
                  <a:lnTo>
                    <a:pt x="18" y="136"/>
                  </a:lnTo>
                  <a:lnTo>
                    <a:pt x="42" y="110"/>
                  </a:lnTo>
                  <a:lnTo>
                    <a:pt x="26" y="80"/>
                  </a:lnTo>
                  <a:lnTo>
                    <a:pt x="2" y="78"/>
                  </a:lnTo>
                  <a:lnTo>
                    <a:pt x="0" y="66"/>
                  </a:lnTo>
                  <a:lnTo>
                    <a:pt x="8" y="60"/>
                  </a:lnTo>
                  <a:lnTo>
                    <a:pt x="16" y="56"/>
                  </a:lnTo>
                  <a:lnTo>
                    <a:pt x="20" y="52"/>
                  </a:lnTo>
                  <a:lnTo>
                    <a:pt x="20" y="42"/>
                  </a:lnTo>
                  <a:lnTo>
                    <a:pt x="26" y="36"/>
                  </a:lnTo>
                  <a:lnTo>
                    <a:pt x="34" y="34"/>
                  </a:lnTo>
                  <a:lnTo>
                    <a:pt x="54" y="24"/>
                  </a:lnTo>
                  <a:lnTo>
                    <a:pt x="60" y="12"/>
                  </a:lnTo>
                  <a:lnTo>
                    <a:pt x="78" y="12"/>
                  </a:lnTo>
                  <a:lnTo>
                    <a:pt x="82" y="4"/>
                  </a:lnTo>
                  <a:lnTo>
                    <a:pt x="90" y="8"/>
                  </a:lnTo>
                  <a:lnTo>
                    <a:pt x="102" y="18"/>
                  </a:lnTo>
                  <a:lnTo>
                    <a:pt x="116" y="18"/>
                  </a:lnTo>
                  <a:lnTo>
                    <a:pt x="118" y="14"/>
                  </a:lnTo>
                  <a:lnTo>
                    <a:pt x="138" y="12"/>
                  </a:lnTo>
                  <a:lnTo>
                    <a:pt x="138" y="4"/>
                  </a:lnTo>
                  <a:lnTo>
                    <a:pt x="152" y="0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02" name="Freeform 41"/>
            <p:cNvSpPr>
              <a:spLocks/>
            </p:cNvSpPr>
            <p:nvPr/>
          </p:nvSpPr>
          <p:spPr bwMode="auto">
            <a:xfrm>
              <a:off x="4706" y="3352"/>
              <a:ext cx="28" cy="19"/>
            </a:xfrm>
            <a:custGeom>
              <a:avLst/>
              <a:gdLst>
                <a:gd name="T0" fmla="*/ 10 w 34"/>
                <a:gd name="T1" fmla="*/ 2 h 24"/>
                <a:gd name="T2" fmla="*/ 11 w 34"/>
                <a:gd name="T3" fmla="*/ 2 h 24"/>
                <a:gd name="T4" fmla="*/ 8 w 34"/>
                <a:gd name="T5" fmla="*/ 3 h 24"/>
                <a:gd name="T6" fmla="*/ 8 w 34"/>
                <a:gd name="T7" fmla="*/ 5 h 24"/>
                <a:gd name="T8" fmla="*/ 5 w 34"/>
                <a:gd name="T9" fmla="*/ 6 h 24"/>
                <a:gd name="T10" fmla="*/ 2 w 34"/>
                <a:gd name="T11" fmla="*/ 5 h 24"/>
                <a:gd name="T12" fmla="*/ 2 w 34"/>
                <a:gd name="T13" fmla="*/ 4 h 24"/>
                <a:gd name="T14" fmla="*/ 0 w 34"/>
                <a:gd name="T15" fmla="*/ 2 h 24"/>
                <a:gd name="T16" fmla="*/ 2 w 34"/>
                <a:gd name="T17" fmla="*/ 2 h 24"/>
                <a:gd name="T18" fmla="*/ 3 w 34"/>
                <a:gd name="T19" fmla="*/ 0 h 24"/>
                <a:gd name="T20" fmla="*/ 6 w 34"/>
                <a:gd name="T21" fmla="*/ 2 h 24"/>
                <a:gd name="T22" fmla="*/ 7 w 34"/>
                <a:gd name="T23" fmla="*/ 2 h 24"/>
                <a:gd name="T24" fmla="*/ 9 w 34"/>
                <a:gd name="T25" fmla="*/ 2 h 24"/>
                <a:gd name="T26" fmla="*/ 10 w 34"/>
                <a:gd name="T27" fmla="*/ 2 h 24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0" t="0" r="r" b="b"/>
              <a:pathLst>
                <a:path w="34" h="24">
                  <a:moveTo>
                    <a:pt x="32" y="2"/>
                  </a:moveTo>
                  <a:lnTo>
                    <a:pt x="34" y="8"/>
                  </a:lnTo>
                  <a:lnTo>
                    <a:pt x="26" y="12"/>
                  </a:lnTo>
                  <a:lnTo>
                    <a:pt x="26" y="18"/>
                  </a:lnTo>
                  <a:lnTo>
                    <a:pt x="16" y="24"/>
                  </a:lnTo>
                  <a:lnTo>
                    <a:pt x="8" y="18"/>
                  </a:lnTo>
                  <a:lnTo>
                    <a:pt x="2" y="16"/>
                  </a:lnTo>
                  <a:lnTo>
                    <a:pt x="0" y="10"/>
                  </a:lnTo>
                  <a:lnTo>
                    <a:pt x="2" y="2"/>
                  </a:lnTo>
                  <a:lnTo>
                    <a:pt x="10" y="0"/>
                  </a:lnTo>
                  <a:lnTo>
                    <a:pt x="18" y="4"/>
                  </a:lnTo>
                  <a:lnTo>
                    <a:pt x="24" y="2"/>
                  </a:lnTo>
                  <a:lnTo>
                    <a:pt x="28" y="2"/>
                  </a:lnTo>
                  <a:lnTo>
                    <a:pt x="32" y="2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03" name="Freeform 42"/>
            <p:cNvSpPr>
              <a:spLocks/>
            </p:cNvSpPr>
            <p:nvPr/>
          </p:nvSpPr>
          <p:spPr bwMode="auto">
            <a:xfrm>
              <a:off x="4820" y="3769"/>
              <a:ext cx="39" cy="70"/>
            </a:xfrm>
            <a:custGeom>
              <a:avLst/>
              <a:gdLst>
                <a:gd name="T0" fmla="*/ 6 w 48"/>
                <a:gd name="T1" fmla="*/ 24 h 86"/>
                <a:gd name="T2" fmla="*/ 2 w 48"/>
                <a:gd name="T3" fmla="*/ 24 h 86"/>
                <a:gd name="T4" fmla="*/ 2 w 48"/>
                <a:gd name="T5" fmla="*/ 18 h 86"/>
                <a:gd name="T6" fmla="*/ 0 w 48"/>
                <a:gd name="T7" fmla="*/ 15 h 86"/>
                <a:gd name="T8" fmla="*/ 2 w 48"/>
                <a:gd name="T9" fmla="*/ 11 h 86"/>
                <a:gd name="T10" fmla="*/ 4 w 48"/>
                <a:gd name="T11" fmla="*/ 6 h 86"/>
                <a:gd name="T12" fmla="*/ 9 w 48"/>
                <a:gd name="T13" fmla="*/ 4 h 86"/>
                <a:gd name="T14" fmla="*/ 13 w 48"/>
                <a:gd name="T15" fmla="*/ 0 h 86"/>
                <a:gd name="T16" fmla="*/ 14 w 48"/>
                <a:gd name="T17" fmla="*/ 4 h 86"/>
                <a:gd name="T18" fmla="*/ 13 w 48"/>
                <a:gd name="T19" fmla="*/ 7 h 86"/>
                <a:gd name="T20" fmla="*/ 12 w 48"/>
                <a:gd name="T21" fmla="*/ 12 h 86"/>
                <a:gd name="T22" fmla="*/ 12 w 48"/>
                <a:gd name="T23" fmla="*/ 16 h 86"/>
                <a:gd name="T24" fmla="*/ 9 w 48"/>
                <a:gd name="T25" fmla="*/ 18 h 86"/>
                <a:gd name="T26" fmla="*/ 7 w 48"/>
                <a:gd name="T27" fmla="*/ 20 h 86"/>
                <a:gd name="T28" fmla="*/ 6 w 48"/>
                <a:gd name="T29" fmla="*/ 24 h 8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0" t="0" r="r" b="b"/>
              <a:pathLst>
                <a:path w="48" h="86">
                  <a:moveTo>
                    <a:pt x="20" y="86"/>
                  </a:moveTo>
                  <a:lnTo>
                    <a:pt x="8" y="84"/>
                  </a:lnTo>
                  <a:lnTo>
                    <a:pt x="8" y="60"/>
                  </a:lnTo>
                  <a:lnTo>
                    <a:pt x="0" y="52"/>
                  </a:lnTo>
                  <a:lnTo>
                    <a:pt x="4" y="36"/>
                  </a:lnTo>
                  <a:lnTo>
                    <a:pt x="14" y="20"/>
                  </a:lnTo>
                  <a:lnTo>
                    <a:pt x="32" y="14"/>
                  </a:lnTo>
                  <a:lnTo>
                    <a:pt x="44" y="0"/>
                  </a:lnTo>
                  <a:lnTo>
                    <a:pt x="48" y="12"/>
                  </a:lnTo>
                  <a:lnTo>
                    <a:pt x="46" y="26"/>
                  </a:lnTo>
                  <a:lnTo>
                    <a:pt x="40" y="42"/>
                  </a:lnTo>
                  <a:lnTo>
                    <a:pt x="40" y="54"/>
                  </a:lnTo>
                  <a:lnTo>
                    <a:pt x="30" y="62"/>
                  </a:lnTo>
                  <a:lnTo>
                    <a:pt x="24" y="68"/>
                  </a:lnTo>
                  <a:lnTo>
                    <a:pt x="20" y="86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04" name="Freeform 43"/>
            <p:cNvSpPr>
              <a:spLocks/>
            </p:cNvSpPr>
            <p:nvPr/>
          </p:nvSpPr>
          <p:spPr bwMode="auto">
            <a:xfrm>
              <a:off x="4778" y="3862"/>
              <a:ext cx="18" cy="41"/>
            </a:xfrm>
            <a:custGeom>
              <a:avLst/>
              <a:gdLst>
                <a:gd name="T0" fmla="*/ 4 w 22"/>
                <a:gd name="T1" fmla="*/ 0 h 50"/>
                <a:gd name="T2" fmla="*/ 4 w 22"/>
                <a:gd name="T3" fmla="*/ 5 h 50"/>
                <a:gd name="T4" fmla="*/ 5 w 22"/>
                <a:gd name="T5" fmla="*/ 7 h 50"/>
                <a:gd name="T6" fmla="*/ 7 w 22"/>
                <a:gd name="T7" fmla="*/ 12 h 50"/>
                <a:gd name="T8" fmla="*/ 4 w 22"/>
                <a:gd name="T9" fmla="*/ 16 h 50"/>
                <a:gd name="T10" fmla="*/ 2 w 22"/>
                <a:gd name="T11" fmla="*/ 11 h 50"/>
                <a:gd name="T12" fmla="*/ 0 w 22"/>
                <a:gd name="T13" fmla="*/ 6 h 50"/>
                <a:gd name="T14" fmla="*/ 2 w 22"/>
                <a:gd name="T15" fmla="*/ 2 h 50"/>
                <a:gd name="T16" fmla="*/ 4 w 22"/>
                <a:gd name="T17" fmla="*/ 0 h 5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22" h="50">
                  <a:moveTo>
                    <a:pt x="12" y="0"/>
                  </a:moveTo>
                  <a:lnTo>
                    <a:pt x="12" y="16"/>
                  </a:lnTo>
                  <a:lnTo>
                    <a:pt x="16" y="26"/>
                  </a:lnTo>
                  <a:lnTo>
                    <a:pt x="22" y="40"/>
                  </a:lnTo>
                  <a:lnTo>
                    <a:pt x="12" y="50"/>
                  </a:lnTo>
                  <a:lnTo>
                    <a:pt x="4" y="34"/>
                  </a:lnTo>
                  <a:lnTo>
                    <a:pt x="0" y="18"/>
                  </a:lnTo>
                  <a:lnTo>
                    <a:pt x="4" y="6"/>
                  </a:lnTo>
                  <a:lnTo>
                    <a:pt x="12" y="0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05" name="Freeform 44"/>
            <p:cNvSpPr>
              <a:spLocks/>
            </p:cNvSpPr>
            <p:nvPr/>
          </p:nvSpPr>
          <p:spPr bwMode="auto">
            <a:xfrm>
              <a:off x="4598" y="3239"/>
              <a:ext cx="294" cy="524"/>
            </a:xfrm>
            <a:custGeom>
              <a:avLst/>
              <a:gdLst>
                <a:gd name="T0" fmla="*/ 102 w 360"/>
                <a:gd name="T1" fmla="*/ 177 h 642"/>
                <a:gd name="T2" fmla="*/ 91 w 360"/>
                <a:gd name="T3" fmla="*/ 182 h 642"/>
                <a:gd name="T4" fmla="*/ 86 w 360"/>
                <a:gd name="T5" fmla="*/ 184 h 642"/>
                <a:gd name="T6" fmla="*/ 76 w 360"/>
                <a:gd name="T7" fmla="*/ 184 h 642"/>
                <a:gd name="T8" fmla="*/ 65 w 360"/>
                <a:gd name="T9" fmla="*/ 190 h 642"/>
                <a:gd name="T10" fmla="*/ 75 w 360"/>
                <a:gd name="T11" fmla="*/ 182 h 642"/>
                <a:gd name="T12" fmla="*/ 84 w 360"/>
                <a:gd name="T13" fmla="*/ 175 h 642"/>
                <a:gd name="T14" fmla="*/ 87 w 360"/>
                <a:gd name="T15" fmla="*/ 170 h 642"/>
                <a:gd name="T16" fmla="*/ 67 w 360"/>
                <a:gd name="T17" fmla="*/ 176 h 642"/>
                <a:gd name="T18" fmla="*/ 57 w 360"/>
                <a:gd name="T19" fmla="*/ 180 h 642"/>
                <a:gd name="T20" fmla="*/ 64 w 360"/>
                <a:gd name="T21" fmla="*/ 172 h 642"/>
                <a:gd name="T22" fmla="*/ 65 w 360"/>
                <a:gd name="T23" fmla="*/ 167 h 642"/>
                <a:gd name="T24" fmla="*/ 57 w 360"/>
                <a:gd name="T25" fmla="*/ 165 h 642"/>
                <a:gd name="T26" fmla="*/ 52 w 360"/>
                <a:gd name="T27" fmla="*/ 161 h 642"/>
                <a:gd name="T28" fmla="*/ 47 w 360"/>
                <a:gd name="T29" fmla="*/ 153 h 642"/>
                <a:gd name="T30" fmla="*/ 49 w 360"/>
                <a:gd name="T31" fmla="*/ 141 h 642"/>
                <a:gd name="T32" fmla="*/ 38 w 360"/>
                <a:gd name="T33" fmla="*/ 141 h 642"/>
                <a:gd name="T34" fmla="*/ 32 w 360"/>
                <a:gd name="T35" fmla="*/ 136 h 642"/>
                <a:gd name="T36" fmla="*/ 27 w 360"/>
                <a:gd name="T37" fmla="*/ 142 h 642"/>
                <a:gd name="T38" fmla="*/ 16 w 360"/>
                <a:gd name="T39" fmla="*/ 137 h 642"/>
                <a:gd name="T40" fmla="*/ 23 w 360"/>
                <a:gd name="T41" fmla="*/ 131 h 642"/>
                <a:gd name="T42" fmla="*/ 16 w 360"/>
                <a:gd name="T43" fmla="*/ 123 h 642"/>
                <a:gd name="T44" fmla="*/ 23 w 360"/>
                <a:gd name="T45" fmla="*/ 123 h 642"/>
                <a:gd name="T46" fmla="*/ 27 w 360"/>
                <a:gd name="T47" fmla="*/ 132 h 642"/>
                <a:gd name="T48" fmla="*/ 38 w 360"/>
                <a:gd name="T49" fmla="*/ 129 h 642"/>
                <a:gd name="T50" fmla="*/ 35 w 360"/>
                <a:gd name="T51" fmla="*/ 125 h 642"/>
                <a:gd name="T52" fmla="*/ 28 w 360"/>
                <a:gd name="T53" fmla="*/ 119 h 642"/>
                <a:gd name="T54" fmla="*/ 32 w 360"/>
                <a:gd name="T55" fmla="*/ 111 h 642"/>
                <a:gd name="T56" fmla="*/ 28 w 360"/>
                <a:gd name="T57" fmla="*/ 108 h 642"/>
                <a:gd name="T58" fmla="*/ 25 w 360"/>
                <a:gd name="T59" fmla="*/ 100 h 642"/>
                <a:gd name="T60" fmla="*/ 21 w 360"/>
                <a:gd name="T61" fmla="*/ 93 h 642"/>
                <a:gd name="T62" fmla="*/ 25 w 360"/>
                <a:gd name="T63" fmla="*/ 87 h 642"/>
                <a:gd name="T64" fmla="*/ 23 w 360"/>
                <a:gd name="T65" fmla="*/ 85 h 642"/>
                <a:gd name="T66" fmla="*/ 11 w 360"/>
                <a:gd name="T67" fmla="*/ 91 h 642"/>
                <a:gd name="T68" fmla="*/ 2 w 360"/>
                <a:gd name="T69" fmla="*/ 93 h 642"/>
                <a:gd name="T70" fmla="*/ 2 w 360"/>
                <a:gd name="T71" fmla="*/ 78 h 642"/>
                <a:gd name="T72" fmla="*/ 5 w 360"/>
                <a:gd name="T73" fmla="*/ 68 h 642"/>
                <a:gd name="T74" fmla="*/ 9 w 360"/>
                <a:gd name="T75" fmla="*/ 59 h 642"/>
                <a:gd name="T76" fmla="*/ 16 w 360"/>
                <a:gd name="T77" fmla="*/ 53 h 642"/>
                <a:gd name="T78" fmla="*/ 25 w 360"/>
                <a:gd name="T79" fmla="*/ 49 h 642"/>
                <a:gd name="T80" fmla="*/ 37 w 360"/>
                <a:gd name="T81" fmla="*/ 52 h 642"/>
                <a:gd name="T82" fmla="*/ 45 w 360"/>
                <a:gd name="T83" fmla="*/ 49 h 642"/>
                <a:gd name="T84" fmla="*/ 49 w 360"/>
                <a:gd name="T85" fmla="*/ 46 h 642"/>
                <a:gd name="T86" fmla="*/ 63 w 360"/>
                <a:gd name="T87" fmla="*/ 42 h 642"/>
                <a:gd name="T88" fmla="*/ 78 w 360"/>
                <a:gd name="T89" fmla="*/ 39 h 642"/>
                <a:gd name="T90" fmla="*/ 75 w 360"/>
                <a:gd name="T91" fmla="*/ 34 h 642"/>
                <a:gd name="T92" fmla="*/ 74 w 360"/>
                <a:gd name="T93" fmla="*/ 29 h 642"/>
                <a:gd name="T94" fmla="*/ 86 w 360"/>
                <a:gd name="T95" fmla="*/ 23 h 642"/>
                <a:gd name="T96" fmla="*/ 96 w 360"/>
                <a:gd name="T97" fmla="*/ 20 h 642"/>
                <a:gd name="T98" fmla="*/ 89 w 360"/>
                <a:gd name="T99" fmla="*/ 19 h 642"/>
                <a:gd name="T100" fmla="*/ 79 w 360"/>
                <a:gd name="T101" fmla="*/ 19 h 642"/>
                <a:gd name="T102" fmla="*/ 71 w 360"/>
                <a:gd name="T103" fmla="*/ 16 h 642"/>
                <a:gd name="T104" fmla="*/ 72 w 360"/>
                <a:gd name="T105" fmla="*/ 11 h 642"/>
                <a:gd name="T106" fmla="*/ 74 w 360"/>
                <a:gd name="T107" fmla="*/ 4 h 642"/>
                <a:gd name="T108" fmla="*/ 98 w 360"/>
                <a:gd name="T109" fmla="*/ 2 h 642"/>
                <a:gd name="T110" fmla="*/ 107 w 360"/>
                <a:gd name="T111" fmla="*/ 180 h 642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</a:gdLst>
              <a:ahLst/>
              <a:cxnLst>
                <a:cxn ang="T112">
                  <a:pos x="T0" y="T1"/>
                </a:cxn>
                <a:cxn ang="T113">
                  <a:pos x="T2" y="T3"/>
                </a:cxn>
                <a:cxn ang="T114">
                  <a:pos x="T4" y="T5"/>
                </a:cxn>
                <a:cxn ang="T115">
                  <a:pos x="T6" y="T7"/>
                </a:cxn>
                <a:cxn ang="T116">
                  <a:pos x="T8" y="T9"/>
                </a:cxn>
                <a:cxn ang="T117">
                  <a:pos x="T10" y="T11"/>
                </a:cxn>
                <a:cxn ang="T118">
                  <a:pos x="T12" y="T13"/>
                </a:cxn>
                <a:cxn ang="T119">
                  <a:pos x="T14" y="T15"/>
                </a:cxn>
                <a:cxn ang="T120">
                  <a:pos x="T16" y="T17"/>
                </a:cxn>
                <a:cxn ang="T121">
                  <a:pos x="T18" y="T19"/>
                </a:cxn>
                <a:cxn ang="T122">
                  <a:pos x="T20" y="T21"/>
                </a:cxn>
                <a:cxn ang="T123">
                  <a:pos x="T22" y="T23"/>
                </a:cxn>
                <a:cxn ang="T124">
                  <a:pos x="T24" y="T25"/>
                </a:cxn>
                <a:cxn ang="T125">
                  <a:pos x="T26" y="T27"/>
                </a:cxn>
                <a:cxn ang="T126">
                  <a:pos x="T28" y="T29"/>
                </a:cxn>
                <a:cxn ang="T127">
                  <a:pos x="T30" y="T31"/>
                </a:cxn>
                <a:cxn ang="T128">
                  <a:pos x="T32" y="T33"/>
                </a:cxn>
                <a:cxn ang="T129">
                  <a:pos x="T34" y="T35"/>
                </a:cxn>
                <a:cxn ang="T130">
                  <a:pos x="T36" y="T37"/>
                </a:cxn>
                <a:cxn ang="T131">
                  <a:pos x="T38" y="T39"/>
                </a:cxn>
                <a:cxn ang="T132">
                  <a:pos x="T40" y="T41"/>
                </a:cxn>
                <a:cxn ang="T133">
                  <a:pos x="T42" y="T43"/>
                </a:cxn>
                <a:cxn ang="T134">
                  <a:pos x="T44" y="T45"/>
                </a:cxn>
                <a:cxn ang="T135">
                  <a:pos x="T46" y="T47"/>
                </a:cxn>
                <a:cxn ang="T136">
                  <a:pos x="T48" y="T49"/>
                </a:cxn>
                <a:cxn ang="T137">
                  <a:pos x="T50" y="T51"/>
                </a:cxn>
                <a:cxn ang="T138">
                  <a:pos x="T52" y="T53"/>
                </a:cxn>
                <a:cxn ang="T139">
                  <a:pos x="T54" y="T55"/>
                </a:cxn>
                <a:cxn ang="T140">
                  <a:pos x="T56" y="T57"/>
                </a:cxn>
                <a:cxn ang="T141">
                  <a:pos x="T58" y="T59"/>
                </a:cxn>
                <a:cxn ang="T142">
                  <a:pos x="T60" y="T61"/>
                </a:cxn>
                <a:cxn ang="T143">
                  <a:pos x="T62" y="T63"/>
                </a:cxn>
                <a:cxn ang="T144">
                  <a:pos x="T64" y="T65"/>
                </a:cxn>
                <a:cxn ang="T145">
                  <a:pos x="T66" y="T67"/>
                </a:cxn>
                <a:cxn ang="T146">
                  <a:pos x="T68" y="T69"/>
                </a:cxn>
                <a:cxn ang="T147">
                  <a:pos x="T70" y="T71"/>
                </a:cxn>
                <a:cxn ang="T148">
                  <a:pos x="T72" y="T73"/>
                </a:cxn>
                <a:cxn ang="T149">
                  <a:pos x="T74" y="T75"/>
                </a:cxn>
                <a:cxn ang="T150">
                  <a:pos x="T76" y="T77"/>
                </a:cxn>
                <a:cxn ang="T151">
                  <a:pos x="T78" y="T79"/>
                </a:cxn>
                <a:cxn ang="T152">
                  <a:pos x="T80" y="T81"/>
                </a:cxn>
                <a:cxn ang="T153">
                  <a:pos x="T82" y="T83"/>
                </a:cxn>
                <a:cxn ang="T154">
                  <a:pos x="T84" y="T85"/>
                </a:cxn>
                <a:cxn ang="T155">
                  <a:pos x="T86" y="T87"/>
                </a:cxn>
                <a:cxn ang="T156">
                  <a:pos x="T88" y="T89"/>
                </a:cxn>
                <a:cxn ang="T157">
                  <a:pos x="T90" y="T91"/>
                </a:cxn>
                <a:cxn ang="T158">
                  <a:pos x="T92" y="T93"/>
                </a:cxn>
                <a:cxn ang="T159">
                  <a:pos x="T94" y="T95"/>
                </a:cxn>
                <a:cxn ang="T160">
                  <a:pos x="T96" y="T97"/>
                </a:cxn>
                <a:cxn ang="T161">
                  <a:pos x="T98" y="T99"/>
                </a:cxn>
                <a:cxn ang="T162">
                  <a:pos x="T100" y="T101"/>
                </a:cxn>
                <a:cxn ang="T163">
                  <a:pos x="T102" y="T103"/>
                </a:cxn>
                <a:cxn ang="T164">
                  <a:pos x="T104" y="T105"/>
                </a:cxn>
                <a:cxn ang="T165">
                  <a:pos x="T106" y="T107"/>
                </a:cxn>
                <a:cxn ang="T166">
                  <a:pos x="T108" y="T109"/>
                </a:cxn>
                <a:cxn ang="T167">
                  <a:pos x="T110" y="T111"/>
                </a:cxn>
              </a:cxnLst>
              <a:rect l="0" t="0" r="r" b="b"/>
              <a:pathLst>
                <a:path w="360" h="642">
                  <a:moveTo>
                    <a:pt x="360" y="610"/>
                  </a:moveTo>
                  <a:lnTo>
                    <a:pt x="346" y="606"/>
                  </a:lnTo>
                  <a:lnTo>
                    <a:pt x="344" y="600"/>
                  </a:lnTo>
                  <a:lnTo>
                    <a:pt x="326" y="594"/>
                  </a:lnTo>
                  <a:lnTo>
                    <a:pt x="308" y="598"/>
                  </a:lnTo>
                  <a:lnTo>
                    <a:pt x="308" y="614"/>
                  </a:lnTo>
                  <a:lnTo>
                    <a:pt x="298" y="630"/>
                  </a:lnTo>
                  <a:lnTo>
                    <a:pt x="292" y="640"/>
                  </a:lnTo>
                  <a:lnTo>
                    <a:pt x="288" y="622"/>
                  </a:lnTo>
                  <a:lnTo>
                    <a:pt x="284" y="614"/>
                  </a:lnTo>
                  <a:lnTo>
                    <a:pt x="276" y="620"/>
                  </a:lnTo>
                  <a:lnTo>
                    <a:pt x="256" y="624"/>
                  </a:lnTo>
                  <a:lnTo>
                    <a:pt x="252" y="634"/>
                  </a:lnTo>
                  <a:lnTo>
                    <a:pt x="240" y="638"/>
                  </a:lnTo>
                  <a:lnTo>
                    <a:pt x="220" y="642"/>
                  </a:lnTo>
                  <a:lnTo>
                    <a:pt x="228" y="630"/>
                  </a:lnTo>
                  <a:lnTo>
                    <a:pt x="240" y="620"/>
                  </a:lnTo>
                  <a:lnTo>
                    <a:pt x="254" y="618"/>
                  </a:lnTo>
                  <a:lnTo>
                    <a:pt x="274" y="610"/>
                  </a:lnTo>
                  <a:lnTo>
                    <a:pt x="284" y="598"/>
                  </a:lnTo>
                  <a:lnTo>
                    <a:pt x="284" y="590"/>
                  </a:lnTo>
                  <a:lnTo>
                    <a:pt x="298" y="580"/>
                  </a:lnTo>
                  <a:lnTo>
                    <a:pt x="308" y="572"/>
                  </a:lnTo>
                  <a:lnTo>
                    <a:pt x="294" y="576"/>
                  </a:lnTo>
                  <a:lnTo>
                    <a:pt x="264" y="586"/>
                  </a:lnTo>
                  <a:lnTo>
                    <a:pt x="250" y="592"/>
                  </a:lnTo>
                  <a:lnTo>
                    <a:pt x="228" y="598"/>
                  </a:lnTo>
                  <a:lnTo>
                    <a:pt x="212" y="602"/>
                  </a:lnTo>
                  <a:lnTo>
                    <a:pt x="204" y="612"/>
                  </a:lnTo>
                  <a:lnTo>
                    <a:pt x="192" y="606"/>
                  </a:lnTo>
                  <a:lnTo>
                    <a:pt x="196" y="590"/>
                  </a:lnTo>
                  <a:lnTo>
                    <a:pt x="204" y="582"/>
                  </a:lnTo>
                  <a:lnTo>
                    <a:pt x="216" y="582"/>
                  </a:lnTo>
                  <a:lnTo>
                    <a:pt x="228" y="574"/>
                  </a:lnTo>
                  <a:lnTo>
                    <a:pt x="228" y="564"/>
                  </a:lnTo>
                  <a:lnTo>
                    <a:pt x="220" y="566"/>
                  </a:lnTo>
                  <a:lnTo>
                    <a:pt x="208" y="562"/>
                  </a:lnTo>
                  <a:lnTo>
                    <a:pt x="202" y="550"/>
                  </a:lnTo>
                  <a:lnTo>
                    <a:pt x="192" y="556"/>
                  </a:lnTo>
                  <a:lnTo>
                    <a:pt x="186" y="562"/>
                  </a:lnTo>
                  <a:lnTo>
                    <a:pt x="180" y="554"/>
                  </a:lnTo>
                  <a:lnTo>
                    <a:pt x="176" y="542"/>
                  </a:lnTo>
                  <a:lnTo>
                    <a:pt x="172" y="528"/>
                  </a:lnTo>
                  <a:lnTo>
                    <a:pt x="154" y="526"/>
                  </a:lnTo>
                  <a:lnTo>
                    <a:pt x="160" y="516"/>
                  </a:lnTo>
                  <a:lnTo>
                    <a:pt x="172" y="506"/>
                  </a:lnTo>
                  <a:lnTo>
                    <a:pt x="168" y="494"/>
                  </a:lnTo>
                  <a:lnTo>
                    <a:pt x="168" y="478"/>
                  </a:lnTo>
                  <a:lnTo>
                    <a:pt x="156" y="480"/>
                  </a:lnTo>
                  <a:lnTo>
                    <a:pt x="140" y="476"/>
                  </a:lnTo>
                  <a:lnTo>
                    <a:pt x="130" y="478"/>
                  </a:lnTo>
                  <a:lnTo>
                    <a:pt x="120" y="482"/>
                  </a:lnTo>
                  <a:lnTo>
                    <a:pt x="120" y="470"/>
                  </a:lnTo>
                  <a:lnTo>
                    <a:pt x="108" y="462"/>
                  </a:lnTo>
                  <a:lnTo>
                    <a:pt x="98" y="462"/>
                  </a:lnTo>
                  <a:lnTo>
                    <a:pt x="96" y="474"/>
                  </a:lnTo>
                  <a:lnTo>
                    <a:pt x="92" y="480"/>
                  </a:lnTo>
                  <a:lnTo>
                    <a:pt x="84" y="472"/>
                  </a:lnTo>
                  <a:lnTo>
                    <a:pt x="74" y="468"/>
                  </a:lnTo>
                  <a:lnTo>
                    <a:pt x="58" y="466"/>
                  </a:lnTo>
                  <a:lnTo>
                    <a:pt x="58" y="456"/>
                  </a:lnTo>
                  <a:lnTo>
                    <a:pt x="68" y="452"/>
                  </a:lnTo>
                  <a:lnTo>
                    <a:pt x="76" y="444"/>
                  </a:lnTo>
                  <a:lnTo>
                    <a:pt x="76" y="436"/>
                  </a:lnTo>
                  <a:lnTo>
                    <a:pt x="62" y="430"/>
                  </a:lnTo>
                  <a:lnTo>
                    <a:pt x="56" y="418"/>
                  </a:lnTo>
                  <a:lnTo>
                    <a:pt x="60" y="408"/>
                  </a:lnTo>
                  <a:lnTo>
                    <a:pt x="70" y="410"/>
                  </a:lnTo>
                  <a:lnTo>
                    <a:pt x="76" y="418"/>
                  </a:lnTo>
                  <a:lnTo>
                    <a:pt x="90" y="426"/>
                  </a:lnTo>
                  <a:lnTo>
                    <a:pt x="90" y="436"/>
                  </a:lnTo>
                  <a:lnTo>
                    <a:pt x="92" y="446"/>
                  </a:lnTo>
                  <a:lnTo>
                    <a:pt x="100" y="436"/>
                  </a:lnTo>
                  <a:lnTo>
                    <a:pt x="112" y="438"/>
                  </a:lnTo>
                  <a:lnTo>
                    <a:pt x="126" y="434"/>
                  </a:lnTo>
                  <a:lnTo>
                    <a:pt x="136" y="430"/>
                  </a:lnTo>
                  <a:lnTo>
                    <a:pt x="134" y="424"/>
                  </a:lnTo>
                  <a:lnTo>
                    <a:pt x="120" y="422"/>
                  </a:lnTo>
                  <a:lnTo>
                    <a:pt x="108" y="416"/>
                  </a:lnTo>
                  <a:lnTo>
                    <a:pt x="104" y="408"/>
                  </a:lnTo>
                  <a:lnTo>
                    <a:pt x="96" y="402"/>
                  </a:lnTo>
                  <a:lnTo>
                    <a:pt x="92" y="392"/>
                  </a:lnTo>
                  <a:lnTo>
                    <a:pt x="100" y="386"/>
                  </a:lnTo>
                  <a:lnTo>
                    <a:pt x="108" y="376"/>
                  </a:lnTo>
                  <a:lnTo>
                    <a:pt x="120" y="370"/>
                  </a:lnTo>
                  <a:lnTo>
                    <a:pt x="108" y="366"/>
                  </a:lnTo>
                  <a:lnTo>
                    <a:pt x="94" y="366"/>
                  </a:lnTo>
                  <a:lnTo>
                    <a:pt x="92" y="354"/>
                  </a:lnTo>
                  <a:lnTo>
                    <a:pt x="92" y="342"/>
                  </a:lnTo>
                  <a:lnTo>
                    <a:pt x="82" y="338"/>
                  </a:lnTo>
                  <a:lnTo>
                    <a:pt x="76" y="332"/>
                  </a:lnTo>
                  <a:lnTo>
                    <a:pt x="66" y="326"/>
                  </a:lnTo>
                  <a:lnTo>
                    <a:pt x="72" y="314"/>
                  </a:lnTo>
                  <a:lnTo>
                    <a:pt x="80" y="304"/>
                  </a:lnTo>
                  <a:lnTo>
                    <a:pt x="84" y="300"/>
                  </a:lnTo>
                  <a:lnTo>
                    <a:pt x="86" y="294"/>
                  </a:lnTo>
                  <a:lnTo>
                    <a:pt x="84" y="290"/>
                  </a:lnTo>
                  <a:lnTo>
                    <a:pt x="82" y="288"/>
                  </a:lnTo>
                  <a:lnTo>
                    <a:pt x="76" y="286"/>
                  </a:lnTo>
                  <a:lnTo>
                    <a:pt x="60" y="290"/>
                  </a:lnTo>
                  <a:lnTo>
                    <a:pt x="48" y="300"/>
                  </a:lnTo>
                  <a:lnTo>
                    <a:pt x="36" y="308"/>
                  </a:lnTo>
                  <a:lnTo>
                    <a:pt x="24" y="312"/>
                  </a:lnTo>
                  <a:lnTo>
                    <a:pt x="12" y="322"/>
                  </a:lnTo>
                  <a:lnTo>
                    <a:pt x="2" y="314"/>
                  </a:lnTo>
                  <a:lnTo>
                    <a:pt x="6" y="296"/>
                  </a:lnTo>
                  <a:lnTo>
                    <a:pt x="4" y="276"/>
                  </a:lnTo>
                  <a:lnTo>
                    <a:pt x="2" y="262"/>
                  </a:lnTo>
                  <a:lnTo>
                    <a:pt x="0" y="248"/>
                  </a:lnTo>
                  <a:lnTo>
                    <a:pt x="12" y="242"/>
                  </a:lnTo>
                  <a:lnTo>
                    <a:pt x="16" y="230"/>
                  </a:lnTo>
                  <a:lnTo>
                    <a:pt x="12" y="220"/>
                  </a:lnTo>
                  <a:lnTo>
                    <a:pt x="24" y="210"/>
                  </a:lnTo>
                  <a:lnTo>
                    <a:pt x="30" y="198"/>
                  </a:lnTo>
                  <a:lnTo>
                    <a:pt x="40" y="188"/>
                  </a:lnTo>
                  <a:lnTo>
                    <a:pt x="48" y="180"/>
                  </a:lnTo>
                  <a:lnTo>
                    <a:pt x="56" y="180"/>
                  </a:lnTo>
                  <a:lnTo>
                    <a:pt x="64" y="178"/>
                  </a:lnTo>
                  <a:lnTo>
                    <a:pt x="74" y="168"/>
                  </a:lnTo>
                  <a:lnTo>
                    <a:pt x="84" y="166"/>
                  </a:lnTo>
                  <a:lnTo>
                    <a:pt x="94" y="162"/>
                  </a:lnTo>
                  <a:lnTo>
                    <a:pt x="100" y="174"/>
                  </a:lnTo>
                  <a:lnTo>
                    <a:pt x="122" y="176"/>
                  </a:lnTo>
                  <a:lnTo>
                    <a:pt x="132" y="170"/>
                  </a:lnTo>
                  <a:lnTo>
                    <a:pt x="142" y="168"/>
                  </a:lnTo>
                  <a:lnTo>
                    <a:pt x="150" y="166"/>
                  </a:lnTo>
                  <a:lnTo>
                    <a:pt x="152" y="160"/>
                  </a:lnTo>
                  <a:lnTo>
                    <a:pt x="158" y="156"/>
                  </a:lnTo>
                  <a:lnTo>
                    <a:pt x="166" y="154"/>
                  </a:lnTo>
                  <a:lnTo>
                    <a:pt x="176" y="150"/>
                  </a:lnTo>
                  <a:lnTo>
                    <a:pt x="192" y="144"/>
                  </a:lnTo>
                  <a:lnTo>
                    <a:pt x="212" y="142"/>
                  </a:lnTo>
                  <a:lnTo>
                    <a:pt x="228" y="140"/>
                  </a:lnTo>
                  <a:lnTo>
                    <a:pt x="242" y="132"/>
                  </a:lnTo>
                  <a:lnTo>
                    <a:pt x="264" y="132"/>
                  </a:lnTo>
                  <a:lnTo>
                    <a:pt x="274" y="120"/>
                  </a:lnTo>
                  <a:lnTo>
                    <a:pt x="264" y="118"/>
                  </a:lnTo>
                  <a:lnTo>
                    <a:pt x="254" y="118"/>
                  </a:lnTo>
                  <a:lnTo>
                    <a:pt x="240" y="116"/>
                  </a:lnTo>
                  <a:lnTo>
                    <a:pt x="238" y="108"/>
                  </a:lnTo>
                  <a:lnTo>
                    <a:pt x="250" y="98"/>
                  </a:lnTo>
                  <a:lnTo>
                    <a:pt x="270" y="94"/>
                  </a:lnTo>
                  <a:lnTo>
                    <a:pt x="286" y="82"/>
                  </a:lnTo>
                  <a:lnTo>
                    <a:pt x="290" y="78"/>
                  </a:lnTo>
                  <a:lnTo>
                    <a:pt x="298" y="74"/>
                  </a:lnTo>
                  <a:lnTo>
                    <a:pt x="312" y="70"/>
                  </a:lnTo>
                  <a:lnTo>
                    <a:pt x="324" y="66"/>
                  </a:lnTo>
                  <a:lnTo>
                    <a:pt x="330" y="62"/>
                  </a:lnTo>
                  <a:lnTo>
                    <a:pt x="320" y="60"/>
                  </a:lnTo>
                  <a:lnTo>
                    <a:pt x="300" y="64"/>
                  </a:lnTo>
                  <a:lnTo>
                    <a:pt x="288" y="72"/>
                  </a:lnTo>
                  <a:lnTo>
                    <a:pt x="276" y="66"/>
                  </a:lnTo>
                  <a:lnTo>
                    <a:pt x="268" y="62"/>
                  </a:lnTo>
                  <a:lnTo>
                    <a:pt x="256" y="60"/>
                  </a:lnTo>
                  <a:lnTo>
                    <a:pt x="250" y="56"/>
                  </a:lnTo>
                  <a:lnTo>
                    <a:pt x="240" y="52"/>
                  </a:lnTo>
                  <a:lnTo>
                    <a:pt x="238" y="46"/>
                  </a:lnTo>
                  <a:lnTo>
                    <a:pt x="238" y="40"/>
                  </a:lnTo>
                  <a:lnTo>
                    <a:pt x="242" y="34"/>
                  </a:lnTo>
                  <a:lnTo>
                    <a:pt x="244" y="28"/>
                  </a:lnTo>
                  <a:lnTo>
                    <a:pt x="246" y="20"/>
                  </a:lnTo>
                  <a:lnTo>
                    <a:pt x="250" y="14"/>
                  </a:lnTo>
                  <a:lnTo>
                    <a:pt x="272" y="12"/>
                  </a:lnTo>
                  <a:lnTo>
                    <a:pt x="296" y="10"/>
                  </a:lnTo>
                  <a:lnTo>
                    <a:pt x="330" y="6"/>
                  </a:lnTo>
                  <a:lnTo>
                    <a:pt x="350" y="2"/>
                  </a:lnTo>
                  <a:lnTo>
                    <a:pt x="360" y="0"/>
                  </a:lnTo>
                  <a:lnTo>
                    <a:pt x="360" y="610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06" name="Freeform 45"/>
            <p:cNvSpPr>
              <a:spLocks/>
            </p:cNvSpPr>
            <p:nvPr/>
          </p:nvSpPr>
          <p:spPr bwMode="auto">
            <a:xfrm>
              <a:off x="4735" y="3741"/>
              <a:ext cx="31" cy="31"/>
            </a:xfrm>
            <a:custGeom>
              <a:avLst/>
              <a:gdLst>
                <a:gd name="T0" fmla="*/ 4 w 38"/>
                <a:gd name="T1" fmla="*/ 5 h 38"/>
                <a:gd name="T2" fmla="*/ 7 w 38"/>
                <a:gd name="T3" fmla="*/ 2 h 38"/>
                <a:gd name="T4" fmla="*/ 9 w 38"/>
                <a:gd name="T5" fmla="*/ 0 h 38"/>
                <a:gd name="T6" fmla="*/ 11 w 38"/>
                <a:gd name="T7" fmla="*/ 2 h 38"/>
                <a:gd name="T8" fmla="*/ 11 w 38"/>
                <a:gd name="T9" fmla="*/ 2 h 38"/>
                <a:gd name="T10" fmla="*/ 9 w 38"/>
                <a:gd name="T11" fmla="*/ 5 h 38"/>
                <a:gd name="T12" fmla="*/ 7 w 38"/>
                <a:gd name="T13" fmla="*/ 7 h 38"/>
                <a:gd name="T14" fmla="*/ 5 w 38"/>
                <a:gd name="T15" fmla="*/ 9 h 38"/>
                <a:gd name="T16" fmla="*/ 5 w 38"/>
                <a:gd name="T17" fmla="*/ 9 h 38"/>
                <a:gd name="T18" fmla="*/ 4 w 38"/>
                <a:gd name="T19" fmla="*/ 11 h 38"/>
                <a:gd name="T20" fmla="*/ 2 w 38"/>
                <a:gd name="T21" fmla="*/ 11 h 38"/>
                <a:gd name="T22" fmla="*/ 2 w 38"/>
                <a:gd name="T23" fmla="*/ 11 h 38"/>
                <a:gd name="T24" fmla="*/ 0 w 38"/>
                <a:gd name="T25" fmla="*/ 9 h 38"/>
                <a:gd name="T26" fmla="*/ 2 w 38"/>
                <a:gd name="T27" fmla="*/ 7 h 38"/>
                <a:gd name="T28" fmla="*/ 3 w 38"/>
                <a:gd name="T29" fmla="*/ 7 h 38"/>
                <a:gd name="T30" fmla="*/ 4 w 38"/>
                <a:gd name="T31" fmla="*/ 5 h 38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0" t="0" r="r" b="b"/>
              <a:pathLst>
                <a:path w="38" h="38">
                  <a:moveTo>
                    <a:pt x="14" y="16"/>
                  </a:moveTo>
                  <a:lnTo>
                    <a:pt x="24" y="4"/>
                  </a:lnTo>
                  <a:lnTo>
                    <a:pt x="32" y="0"/>
                  </a:lnTo>
                  <a:lnTo>
                    <a:pt x="38" y="2"/>
                  </a:lnTo>
                  <a:lnTo>
                    <a:pt x="38" y="8"/>
                  </a:lnTo>
                  <a:lnTo>
                    <a:pt x="30" y="16"/>
                  </a:lnTo>
                  <a:lnTo>
                    <a:pt x="22" y="24"/>
                  </a:lnTo>
                  <a:lnTo>
                    <a:pt x="16" y="28"/>
                  </a:lnTo>
                  <a:lnTo>
                    <a:pt x="16" y="32"/>
                  </a:lnTo>
                  <a:lnTo>
                    <a:pt x="12" y="36"/>
                  </a:lnTo>
                  <a:lnTo>
                    <a:pt x="6" y="38"/>
                  </a:lnTo>
                  <a:lnTo>
                    <a:pt x="2" y="38"/>
                  </a:lnTo>
                  <a:lnTo>
                    <a:pt x="0" y="30"/>
                  </a:lnTo>
                  <a:lnTo>
                    <a:pt x="4" y="24"/>
                  </a:lnTo>
                  <a:lnTo>
                    <a:pt x="10" y="22"/>
                  </a:lnTo>
                  <a:lnTo>
                    <a:pt x="14" y="16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07" name="Freeform 46"/>
            <p:cNvSpPr>
              <a:spLocks/>
            </p:cNvSpPr>
            <p:nvPr/>
          </p:nvSpPr>
          <p:spPr bwMode="auto">
            <a:xfrm>
              <a:off x="4603" y="3590"/>
              <a:ext cx="31" cy="44"/>
            </a:xfrm>
            <a:custGeom>
              <a:avLst/>
              <a:gdLst>
                <a:gd name="T0" fmla="*/ 5 w 38"/>
                <a:gd name="T1" fmla="*/ 7 h 54"/>
                <a:gd name="T2" fmla="*/ 3 w 38"/>
                <a:gd name="T3" fmla="*/ 6 h 54"/>
                <a:gd name="T4" fmla="*/ 2 w 38"/>
                <a:gd name="T5" fmla="*/ 4 h 54"/>
                <a:gd name="T6" fmla="*/ 0 w 38"/>
                <a:gd name="T7" fmla="*/ 2 h 54"/>
                <a:gd name="T8" fmla="*/ 2 w 38"/>
                <a:gd name="T9" fmla="*/ 2 h 54"/>
                <a:gd name="T10" fmla="*/ 4 w 38"/>
                <a:gd name="T11" fmla="*/ 0 h 54"/>
                <a:gd name="T12" fmla="*/ 7 w 38"/>
                <a:gd name="T13" fmla="*/ 0 h 54"/>
                <a:gd name="T14" fmla="*/ 9 w 38"/>
                <a:gd name="T15" fmla="*/ 2 h 54"/>
                <a:gd name="T16" fmla="*/ 11 w 38"/>
                <a:gd name="T17" fmla="*/ 4 h 54"/>
                <a:gd name="T18" fmla="*/ 11 w 38"/>
                <a:gd name="T19" fmla="*/ 6 h 54"/>
                <a:gd name="T20" fmla="*/ 11 w 38"/>
                <a:gd name="T21" fmla="*/ 7 h 54"/>
                <a:gd name="T22" fmla="*/ 11 w 38"/>
                <a:gd name="T23" fmla="*/ 9 h 54"/>
                <a:gd name="T24" fmla="*/ 11 w 38"/>
                <a:gd name="T25" fmla="*/ 11 h 54"/>
                <a:gd name="T26" fmla="*/ 11 w 38"/>
                <a:gd name="T27" fmla="*/ 13 h 54"/>
                <a:gd name="T28" fmla="*/ 9 w 38"/>
                <a:gd name="T29" fmla="*/ 15 h 54"/>
                <a:gd name="T30" fmla="*/ 7 w 38"/>
                <a:gd name="T31" fmla="*/ 16 h 54"/>
                <a:gd name="T32" fmla="*/ 6 w 38"/>
                <a:gd name="T33" fmla="*/ 15 h 54"/>
                <a:gd name="T34" fmla="*/ 3 w 38"/>
                <a:gd name="T35" fmla="*/ 13 h 54"/>
                <a:gd name="T36" fmla="*/ 5 w 38"/>
                <a:gd name="T37" fmla="*/ 11 h 54"/>
                <a:gd name="T38" fmla="*/ 6 w 38"/>
                <a:gd name="T39" fmla="*/ 10 h 54"/>
                <a:gd name="T40" fmla="*/ 7 w 38"/>
                <a:gd name="T41" fmla="*/ 7 h 54"/>
                <a:gd name="T42" fmla="*/ 5 w 38"/>
                <a:gd name="T43" fmla="*/ 7 h 54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</a:gdLst>
              <a:ahLst/>
              <a:cxnLst>
                <a:cxn ang="T44">
                  <a:pos x="T0" y="T1"/>
                </a:cxn>
                <a:cxn ang="T45">
                  <a:pos x="T2" y="T3"/>
                </a:cxn>
                <a:cxn ang="T46">
                  <a:pos x="T4" y="T5"/>
                </a:cxn>
                <a:cxn ang="T47">
                  <a:pos x="T6" y="T7"/>
                </a:cxn>
                <a:cxn ang="T48">
                  <a:pos x="T8" y="T9"/>
                </a:cxn>
                <a:cxn ang="T49">
                  <a:pos x="T10" y="T11"/>
                </a:cxn>
                <a:cxn ang="T50">
                  <a:pos x="T12" y="T13"/>
                </a:cxn>
                <a:cxn ang="T51">
                  <a:pos x="T14" y="T15"/>
                </a:cxn>
                <a:cxn ang="T52">
                  <a:pos x="T16" y="T17"/>
                </a:cxn>
                <a:cxn ang="T53">
                  <a:pos x="T18" y="T19"/>
                </a:cxn>
                <a:cxn ang="T54">
                  <a:pos x="T20" y="T21"/>
                </a:cxn>
                <a:cxn ang="T55">
                  <a:pos x="T22" y="T23"/>
                </a:cxn>
                <a:cxn ang="T56">
                  <a:pos x="T24" y="T25"/>
                </a:cxn>
                <a:cxn ang="T57">
                  <a:pos x="T26" y="T27"/>
                </a:cxn>
                <a:cxn ang="T58">
                  <a:pos x="T28" y="T29"/>
                </a:cxn>
                <a:cxn ang="T59">
                  <a:pos x="T30" y="T31"/>
                </a:cxn>
                <a:cxn ang="T60">
                  <a:pos x="T32" y="T33"/>
                </a:cxn>
                <a:cxn ang="T61">
                  <a:pos x="T34" y="T35"/>
                </a:cxn>
                <a:cxn ang="T62">
                  <a:pos x="T36" y="T37"/>
                </a:cxn>
                <a:cxn ang="T63">
                  <a:pos x="T38" y="T39"/>
                </a:cxn>
                <a:cxn ang="T64">
                  <a:pos x="T40" y="T41"/>
                </a:cxn>
                <a:cxn ang="T65">
                  <a:pos x="T42" y="T43"/>
                </a:cxn>
              </a:cxnLst>
              <a:rect l="0" t="0" r="r" b="b"/>
              <a:pathLst>
                <a:path w="38" h="54">
                  <a:moveTo>
                    <a:pt x="16" y="22"/>
                  </a:moveTo>
                  <a:lnTo>
                    <a:pt x="10" y="18"/>
                  </a:lnTo>
                  <a:lnTo>
                    <a:pt x="4" y="14"/>
                  </a:lnTo>
                  <a:lnTo>
                    <a:pt x="0" y="6"/>
                  </a:lnTo>
                  <a:lnTo>
                    <a:pt x="6" y="2"/>
                  </a:lnTo>
                  <a:lnTo>
                    <a:pt x="12" y="0"/>
                  </a:lnTo>
                  <a:lnTo>
                    <a:pt x="22" y="0"/>
                  </a:lnTo>
                  <a:lnTo>
                    <a:pt x="32" y="4"/>
                  </a:lnTo>
                  <a:lnTo>
                    <a:pt x="36" y="12"/>
                  </a:lnTo>
                  <a:lnTo>
                    <a:pt x="36" y="18"/>
                  </a:lnTo>
                  <a:lnTo>
                    <a:pt x="38" y="26"/>
                  </a:lnTo>
                  <a:lnTo>
                    <a:pt x="38" y="30"/>
                  </a:lnTo>
                  <a:lnTo>
                    <a:pt x="36" y="38"/>
                  </a:lnTo>
                  <a:lnTo>
                    <a:pt x="34" y="46"/>
                  </a:lnTo>
                  <a:lnTo>
                    <a:pt x="32" y="52"/>
                  </a:lnTo>
                  <a:lnTo>
                    <a:pt x="24" y="54"/>
                  </a:lnTo>
                  <a:lnTo>
                    <a:pt x="18" y="52"/>
                  </a:lnTo>
                  <a:lnTo>
                    <a:pt x="10" y="46"/>
                  </a:lnTo>
                  <a:lnTo>
                    <a:pt x="16" y="38"/>
                  </a:lnTo>
                  <a:lnTo>
                    <a:pt x="20" y="34"/>
                  </a:lnTo>
                  <a:lnTo>
                    <a:pt x="22" y="26"/>
                  </a:lnTo>
                  <a:lnTo>
                    <a:pt x="16" y="22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08" name="Freeform 47"/>
            <p:cNvSpPr>
              <a:spLocks/>
            </p:cNvSpPr>
            <p:nvPr/>
          </p:nvSpPr>
          <p:spPr bwMode="auto">
            <a:xfrm>
              <a:off x="4637" y="3681"/>
              <a:ext cx="27" cy="23"/>
            </a:xfrm>
            <a:custGeom>
              <a:avLst/>
              <a:gdLst>
                <a:gd name="T0" fmla="*/ 12 w 32"/>
                <a:gd name="T1" fmla="*/ 0 h 28"/>
                <a:gd name="T2" fmla="*/ 12 w 32"/>
                <a:gd name="T3" fmla="*/ 2 h 28"/>
                <a:gd name="T4" fmla="*/ 10 w 32"/>
                <a:gd name="T5" fmla="*/ 4 h 28"/>
                <a:gd name="T6" fmla="*/ 7 w 32"/>
                <a:gd name="T7" fmla="*/ 5 h 28"/>
                <a:gd name="T8" fmla="*/ 6 w 32"/>
                <a:gd name="T9" fmla="*/ 7 h 28"/>
                <a:gd name="T10" fmla="*/ 4 w 32"/>
                <a:gd name="T11" fmla="*/ 8 h 28"/>
                <a:gd name="T12" fmla="*/ 2 w 32"/>
                <a:gd name="T13" fmla="*/ 9 h 28"/>
                <a:gd name="T14" fmla="*/ 0 w 32"/>
                <a:gd name="T15" fmla="*/ 7 h 28"/>
                <a:gd name="T16" fmla="*/ 3 w 32"/>
                <a:gd name="T17" fmla="*/ 5 h 28"/>
                <a:gd name="T18" fmla="*/ 3 w 32"/>
                <a:gd name="T19" fmla="*/ 3 h 28"/>
                <a:gd name="T20" fmla="*/ 6 w 32"/>
                <a:gd name="T21" fmla="*/ 2 h 28"/>
                <a:gd name="T22" fmla="*/ 8 w 32"/>
                <a:gd name="T23" fmla="*/ 2 h 28"/>
                <a:gd name="T24" fmla="*/ 10 w 32"/>
                <a:gd name="T25" fmla="*/ 0 h 28"/>
                <a:gd name="T26" fmla="*/ 12 w 32"/>
                <a:gd name="T27" fmla="*/ 0 h 28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0" t="0" r="r" b="b"/>
              <a:pathLst>
                <a:path w="32" h="28">
                  <a:moveTo>
                    <a:pt x="32" y="0"/>
                  </a:moveTo>
                  <a:lnTo>
                    <a:pt x="32" y="8"/>
                  </a:lnTo>
                  <a:lnTo>
                    <a:pt x="28" y="12"/>
                  </a:lnTo>
                  <a:lnTo>
                    <a:pt x="18" y="16"/>
                  </a:lnTo>
                  <a:lnTo>
                    <a:pt x="16" y="22"/>
                  </a:lnTo>
                  <a:lnTo>
                    <a:pt x="12" y="26"/>
                  </a:lnTo>
                  <a:lnTo>
                    <a:pt x="2" y="28"/>
                  </a:lnTo>
                  <a:lnTo>
                    <a:pt x="0" y="22"/>
                  </a:lnTo>
                  <a:lnTo>
                    <a:pt x="4" y="16"/>
                  </a:lnTo>
                  <a:lnTo>
                    <a:pt x="8" y="10"/>
                  </a:lnTo>
                  <a:lnTo>
                    <a:pt x="16" y="8"/>
                  </a:lnTo>
                  <a:lnTo>
                    <a:pt x="22" y="6"/>
                  </a:lnTo>
                  <a:lnTo>
                    <a:pt x="26" y="0"/>
                  </a:lnTo>
                  <a:lnTo>
                    <a:pt x="32" y="0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09" name="Freeform 48"/>
            <p:cNvSpPr>
              <a:spLocks/>
            </p:cNvSpPr>
            <p:nvPr/>
          </p:nvSpPr>
          <p:spPr bwMode="auto">
            <a:xfrm>
              <a:off x="4553" y="3420"/>
              <a:ext cx="23" cy="18"/>
            </a:xfrm>
            <a:custGeom>
              <a:avLst/>
              <a:gdLst>
                <a:gd name="T0" fmla="*/ 9 w 28"/>
                <a:gd name="T1" fmla="*/ 2 h 22"/>
                <a:gd name="T2" fmla="*/ 7 w 28"/>
                <a:gd name="T3" fmla="*/ 4 h 22"/>
                <a:gd name="T4" fmla="*/ 5 w 28"/>
                <a:gd name="T5" fmla="*/ 7 h 22"/>
                <a:gd name="T6" fmla="*/ 2 w 28"/>
                <a:gd name="T7" fmla="*/ 7 h 22"/>
                <a:gd name="T8" fmla="*/ 0 w 28"/>
                <a:gd name="T9" fmla="*/ 6 h 22"/>
                <a:gd name="T10" fmla="*/ 2 w 28"/>
                <a:gd name="T11" fmla="*/ 3 h 22"/>
                <a:gd name="T12" fmla="*/ 3 w 28"/>
                <a:gd name="T13" fmla="*/ 2 h 22"/>
                <a:gd name="T14" fmla="*/ 6 w 28"/>
                <a:gd name="T15" fmla="*/ 2 h 22"/>
                <a:gd name="T16" fmla="*/ 7 w 28"/>
                <a:gd name="T17" fmla="*/ 0 h 22"/>
                <a:gd name="T18" fmla="*/ 8 w 28"/>
                <a:gd name="T19" fmla="*/ 0 h 22"/>
                <a:gd name="T20" fmla="*/ 9 w 28"/>
                <a:gd name="T21" fmla="*/ 2 h 22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28" h="22">
                  <a:moveTo>
                    <a:pt x="28" y="4"/>
                  </a:moveTo>
                  <a:lnTo>
                    <a:pt x="24" y="14"/>
                  </a:lnTo>
                  <a:lnTo>
                    <a:pt x="14" y="22"/>
                  </a:lnTo>
                  <a:lnTo>
                    <a:pt x="4" y="22"/>
                  </a:lnTo>
                  <a:lnTo>
                    <a:pt x="0" y="20"/>
                  </a:lnTo>
                  <a:lnTo>
                    <a:pt x="2" y="10"/>
                  </a:lnTo>
                  <a:lnTo>
                    <a:pt x="10" y="4"/>
                  </a:lnTo>
                  <a:lnTo>
                    <a:pt x="18" y="2"/>
                  </a:lnTo>
                  <a:lnTo>
                    <a:pt x="22" y="0"/>
                  </a:lnTo>
                  <a:lnTo>
                    <a:pt x="26" y="0"/>
                  </a:lnTo>
                  <a:lnTo>
                    <a:pt x="28" y="4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10" name="Freeform 49"/>
            <p:cNvSpPr>
              <a:spLocks/>
            </p:cNvSpPr>
            <p:nvPr/>
          </p:nvSpPr>
          <p:spPr bwMode="auto">
            <a:xfrm>
              <a:off x="4682" y="3653"/>
              <a:ext cx="42" cy="22"/>
            </a:xfrm>
            <a:custGeom>
              <a:avLst/>
              <a:gdLst>
                <a:gd name="T0" fmla="*/ 2 w 52"/>
                <a:gd name="T1" fmla="*/ 4 h 26"/>
                <a:gd name="T2" fmla="*/ 2 w 52"/>
                <a:gd name="T3" fmla="*/ 3 h 26"/>
                <a:gd name="T4" fmla="*/ 5 w 52"/>
                <a:gd name="T5" fmla="*/ 3 h 26"/>
                <a:gd name="T6" fmla="*/ 6 w 52"/>
                <a:gd name="T7" fmla="*/ 3 h 26"/>
                <a:gd name="T8" fmla="*/ 8 w 52"/>
                <a:gd name="T9" fmla="*/ 3 h 26"/>
                <a:gd name="T10" fmla="*/ 10 w 52"/>
                <a:gd name="T11" fmla="*/ 2 h 26"/>
                <a:gd name="T12" fmla="*/ 11 w 52"/>
                <a:gd name="T13" fmla="*/ 0 h 26"/>
                <a:gd name="T14" fmla="*/ 14 w 52"/>
                <a:gd name="T15" fmla="*/ 0 h 26"/>
                <a:gd name="T16" fmla="*/ 15 w 52"/>
                <a:gd name="T17" fmla="*/ 3 h 26"/>
                <a:gd name="T18" fmla="*/ 12 w 52"/>
                <a:gd name="T19" fmla="*/ 5 h 26"/>
                <a:gd name="T20" fmla="*/ 12 w 52"/>
                <a:gd name="T21" fmla="*/ 5 h 26"/>
                <a:gd name="T22" fmla="*/ 10 w 52"/>
                <a:gd name="T23" fmla="*/ 8 h 26"/>
                <a:gd name="T24" fmla="*/ 8 w 52"/>
                <a:gd name="T25" fmla="*/ 8 h 26"/>
                <a:gd name="T26" fmla="*/ 6 w 52"/>
                <a:gd name="T27" fmla="*/ 7 h 26"/>
                <a:gd name="T28" fmla="*/ 4 w 52"/>
                <a:gd name="T29" fmla="*/ 7 h 26"/>
                <a:gd name="T30" fmla="*/ 3 w 52"/>
                <a:gd name="T31" fmla="*/ 10 h 26"/>
                <a:gd name="T32" fmla="*/ 0 w 52"/>
                <a:gd name="T33" fmla="*/ 7 h 26"/>
                <a:gd name="T34" fmla="*/ 2 w 52"/>
                <a:gd name="T35" fmla="*/ 4 h 2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0" t="0" r="r" b="b"/>
              <a:pathLst>
                <a:path w="52" h="26">
                  <a:moveTo>
                    <a:pt x="6" y="12"/>
                  </a:moveTo>
                  <a:lnTo>
                    <a:pt x="10" y="8"/>
                  </a:lnTo>
                  <a:lnTo>
                    <a:pt x="16" y="4"/>
                  </a:lnTo>
                  <a:lnTo>
                    <a:pt x="22" y="4"/>
                  </a:lnTo>
                  <a:lnTo>
                    <a:pt x="28" y="4"/>
                  </a:lnTo>
                  <a:lnTo>
                    <a:pt x="34" y="2"/>
                  </a:lnTo>
                  <a:lnTo>
                    <a:pt x="38" y="0"/>
                  </a:lnTo>
                  <a:lnTo>
                    <a:pt x="48" y="0"/>
                  </a:lnTo>
                  <a:lnTo>
                    <a:pt x="52" y="4"/>
                  </a:lnTo>
                  <a:lnTo>
                    <a:pt x="46" y="14"/>
                  </a:lnTo>
                  <a:lnTo>
                    <a:pt x="42" y="14"/>
                  </a:lnTo>
                  <a:lnTo>
                    <a:pt x="36" y="24"/>
                  </a:lnTo>
                  <a:lnTo>
                    <a:pt x="28" y="22"/>
                  </a:lnTo>
                  <a:lnTo>
                    <a:pt x="20" y="20"/>
                  </a:lnTo>
                  <a:lnTo>
                    <a:pt x="14" y="20"/>
                  </a:lnTo>
                  <a:lnTo>
                    <a:pt x="12" y="26"/>
                  </a:lnTo>
                  <a:lnTo>
                    <a:pt x="0" y="20"/>
                  </a:lnTo>
                  <a:lnTo>
                    <a:pt x="6" y="12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11" name="Freeform 50"/>
            <p:cNvSpPr>
              <a:spLocks/>
            </p:cNvSpPr>
            <p:nvPr/>
          </p:nvSpPr>
          <p:spPr bwMode="auto">
            <a:xfrm>
              <a:off x="4589" y="3502"/>
              <a:ext cx="68" cy="42"/>
            </a:xfrm>
            <a:custGeom>
              <a:avLst/>
              <a:gdLst>
                <a:gd name="T0" fmla="*/ 6 w 84"/>
                <a:gd name="T1" fmla="*/ 12 h 52"/>
                <a:gd name="T2" fmla="*/ 2 w 84"/>
                <a:gd name="T3" fmla="*/ 11 h 52"/>
                <a:gd name="T4" fmla="*/ 0 w 84"/>
                <a:gd name="T5" fmla="*/ 10 h 52"/>
                <a:gd name="T6" fmla="*/ 2 w 84"/>
                <a:gd name="T7" fmla="*/ 6 h 52"/>
                <a:gd name="T8" fmla="*/ 2 w 84"/>
                <a:gd name="T9" fmla="*/ 6 h 52"/>
                <a:gd name="T10" fmla="*/ 6 w 84"/>
                <a:gd name="T11" fmla="*/ 5 h 52"/>
                <a:gd name="T12" fmla="*/ 7 w 84"/>
                <a:gd name="T13" fmla="*/ 2 h 52"/>
                <a:gd name="T14" fmla="*/ 8 w 84"/>
                <a:gd name="T15" fmla="*/ 2 h 52"/>
                <a:gd name="T16" fmla="*/ 9 w 84"/>
                <a:gd name="T17" fmla="*/ 2 h 52"/>
                <a:gd name="T18" fmla="*/ 11 w 84"/>
                <a:gd name="T19" fmla="*/ 0 h 52"/>
                <a:gd name="T20" fmla="*/ 12 w 84"/>
                <a:gd name="T21" fmla="*/ 0 h 52"/>
                <a:gd name="T22" fmla="*/ 15 w 84"/>
                <a:gd name="T23" fmla="*/ 3 h 52"/>
                <a:gd name="T24" fmla="*/ 19 w 84"/>
                <a:gd name="T25" fmla="*/ 6 h 52"/>
                <a:gd name="T26" fmla="*/ 21 w 84"/>
                <a:gd name="T27" fmla="*/ 8 h 52"/>
                <a:gd name="T28" fmla="*/ 23 w 84"/>
                <a:gd name="T29" fmla="*/ 10 h 52"/>
                <a:gd name="T30" fmla="*/ 22 w 84"/>
                <a:gd name="T31" fmla="*/ 12 h 52"/>
                <a:gd name="T32" fmla="*/ 19 w 84"/>
                <a:gd name="T33" fmla="*/ 15 h 52"/>
                <a:gd name="T34" fmla="*/ 15 w 84"/>
                <a:gd name="T35" fmla="*/ 14 h 52"/>
                <a:gd name="T36" fmla="*/ 12 w 84"/>
                <a:gd name="T37" fmla="*/ 14 h 52"/>
                <a:gd name="T38" fmla="*/ 11 w 84"/>
                <a:gd name="T39" fmla="*/ 14 h 52"/>
                <a:gd name="T40" fmla="*/ 8 w 84"/>
                <a:gd name="T41" fmla="*/ 12 h 52"/>
                <a:gd name="T42" fmla="*/ 10 w 84"/>
                <a:gd name="T43" fmla="*/ 11 h 52"/>
                <a:gd name="T44" fmla="*/ 11 w 84"/>
                <a:gd name="T45" fmla="*/ 10 h 52"/>
                <a:gd name="T46" fmla="*/ 12 w 84"/>
                <a:gd name="T47" fmla="*/ 8 h 52"/>
                <a:gd name="T48" fmla="*/ 10 w 84"/>
                <a:gd name="T49" fmla="*/ 7 h 52"/>
                <a:gd name="T50" fmla="*/ 8 w 84"/>
                <a:gd name="T51" fmla="*/ 8 h 52"/>
                <a:gd name="T52" fmla="*/ 8 w 84"/>
                <a:gd name="T53" fmla="*/ 10 h 52"/>
                <a:gd name="T54" fmla="*/ 8 w 84"/>
                <a:gd name="T55" fmla="*/ 12 h 52"/>
                <a:gd name="T56" fmla="*/ 6 w 84"/>
                <a:gd name="T57" fmla="*/ 12 h 52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0" t="0" r="r" b="b"/>
              <a:pathLst>
                <a:path w="84" h="52">
                  <a:moveTo>
                    <a:pt x="22" y="42"/>
                  </a:moveTo>
                  <a:lnTo>
                    <a:pt x="8" y="40"/>
                  </a:lnTo>
                  <a:lnTo>
                    <a:pt x="0" y="34"/>
                  </a:lnTo>
                  <a:lnTo>
                    <a:pt x="2" y="24"/>
                  </a:lnTo>
                  <a:lnTo>
                    <a:pt x="10" y="20"/>
                  </a:lnTo>
                  <a:lnTo>
                    <a:pt x="22" y="16"/>
                  </a:lnTo>
                  <a:lnTo>
                    <a:pt x="26" y="8"/>
                  </a:lnTo>
                  <a:lnTo>
                    <a:pt x="28" y="6"/>
                  </a:lnTo>
                  <a:lnTo>
                    <a:pt x="32" y="2"/>
                  </a:lnTo>
                  <a:lnTo>
                    <a:pt x="40" y="0"/>
                  </a:lnTo>
                  <a:lnTo>
                    <a:pt x="46" y="0"/>
                  </a:lnTo>
                  <a:lnTo>
                    <a:pt x="56" y="12"/>
                  </a:lnTo>
                  <a:lnTo>
                    <a:pt x="64" y="22"/>
                  </a:lnTo>
                  <a:lnTo>
                    <a:pt x="76" y="28"/>
                  </a:lnTo>
                  <a:lnTo>
                    <a:pt x="84" y="36"/>
                  </a:lnTo>
                  <a:lnTo>
                    <a:pt x="78" y="46"/>
                  </a:lnTo>
                  <a:lnTo>
                    <a:pt x="64" y="52"/>
                  </a:lnTo>
                  <a:lnTo>
                    <a:pt x="56" y="48"/>
                  </a:lnTo>
                  <a:lnTo>
                    <a:pt x="46" y="50"/>
                  </a:lnTo>
                  <a:lnTo>
                    <a:pt x="38" y="50"/>
                  </a:lnTo>
                  <a:lnTo>
                    <a:pt x="30" y="46"/>
                  </a:lnTo>
                  <a:lnTo>
                    <a:pt x="36" y="40"/>
                  </a:lnTo>
                  <a:lnTo>
                    <a:pt x="40" y="34"/>
                  </a:lnTo>
                  <a:lnTo>
                    <a:pt x="44" y="28"/>
                  </a:lnTo>
                  <a:lnTo>
                    <a:pt x="36" y="26"/>
                  </a:lnTo>
                  <a:lnTo>
                    <a:pt x="30" y="30"/>
                  </a:lnTo>
                  <a:lnTo>
                    <a:pt x="28" y="36"/>
                  </a:lnTo>
                  <a:lnTo>
                    <a:pt x="28" y="42"/>
                  </a:lnTo>
                  <a:lnTo>
                    <a:pt x="22" y="42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12" name="Freeform 51"/>
            <p:cNvSpPr>
              <a:spLocks/>
            </p:cNvSpPr>
            <p:nvPr/>
          </p:nvSpPr>
          <p:spPr bwMode="auto">
            <a:xfrm>
              <a:off x="4688" y="3342"/>
              <a:ext cx="15" cy="11"/>
            </a:xfrm>
            <a:custGeom>
              <a:avLst/>
              <a:gdLst>
                <a:gd name="T0" fmla="*/ 3 w 18"/>
                <a:gd name="T1" fmla="*/ 2 h 14"/>
                <a:gd name="T2" fmla="*/ 5 w 18"/>
                <a:gd name="T3" fmla="*/ 0 h 14"/>
                <a:gd name="T4" fmla="*/ 7 w 18"/>
                <a:gd name="T5" fmla="*/ 2 h 14"/>
                <a:gd name="T6" fmla="*/ 7 w 18"/>
                <a:gd name="T7" fmla="*/ 2 h 14"/>
                <a:gd name="T8" fmla="*/ 4 w 18"/>
                <a:gd name="T9" fmla="*/ 4 h 14"/>
                <a:gd name="T10" fmla="*/ 3 w 18"/>
                <a:gd name="T11" fmla="*/ 4 h 14"/>
                <a:gd name="T12" fmla="*/ 0 w 18"/>
                <a:gd name="T13" fmla="*/ 2 h 14"/>
                <a:gd name="T14" fmla="*/ 2 w 18"/>
                <a:gd name="T15" fmla="*/ 2 h 14"/>
                <a:gd name="T16" fmla="*/ 3 w 18"/>
                <a:gd name="T17" fmla="*/ 2 h 14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18" h="14">
                  <a:moveTo>
                    <a:pt x="4" y="2"/>
                  </a:moveTo>
                  <a:lnTo>
                    <a:pt x="14" y="0"/>
                  </a:lnTo>
                  <a:lnTo>
                    <a:pt x="18" y="2"/>
                  </a:lnTo>
                  <a:lnTo>
                    <a:pt x="18" y="8"/>
                  </a:lnTo>
                  <a:lnTo>
                    <a:pt x="12" y="14"/>
                  </a:lnTo>
                  <a:lnTo>
                    <a:pt x="6" y="14"/>
                  </a:lnTo>
                  <a:lnTo>
                    <a:pt x="0" y="10"/>
                  </a:lnTo>
                  <a:lnTo>
                    <a:pt x="2" y="4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1895" name="Freeform 52"/>
          <p:cNvSpPr>
            <a:spLocks/>
          </p:cNvSpPr>
          <p:nvPr/>
        </p:nvSpPr>
        <p:spPr bwMode="auto">
          <a:xfrm>
            <a:off x="6989763" y="6154738"/>
            <a:ext cx="28575" cy="38100"/>
          </a:xfrm>
          <a:custGeom>
            <a:avLst/>
            <a:gdLst>
              <a:gd name="T0" fmla="*/ 0 w 22"/>
              <a:gd name="T1" fmla="*/ 2147483647 h 30"/>
              <a:gd name="T2" fmla="*/ 2147483647 w 22"/>
              <a:gd name="T3" fmla="*/ 0 h 30"/>
              <a:gd name="T4" fmla="*/ 2147483647 w 22"/>
              <a:gd name="T5" fmla="*/ 2147483647 h 30"/>
              <a:gd name="T6" fmla="*/ 2147483647 w 22"/>
              <a:gd name="T7" fmla="*/ 2147483647 h 30"/>
              <a:gd name="T8" fmla="*/ 2147483647 w 22"/>
              <a:gd name="T9" fmla="*/ 2147483647 h 30"/>
              <a:gd name="T10" fmla="*/ 2147483647 w 22"/>
              <a:gd name="T11" fmla="*/ 2147483647 h 30"/>
              <a:gd name="T12" fmla="*/ 2147483647 w 22"/>
              <a:gd name="T13" fmla="*/ 2147483647 h 30"/>
              <a:gd name="T14" fmla="*/ 2147483647 w 22"/>
              <a:gd name="T15" fmla="*/ 2147483647 h 30"/>
              <a:gd name="T16" fmla="*/ 2147483647 w 22"/>
              <a:gd name="T17" fmla="*/ 2147483647 h 30"/>
              <a:gd name="T18" fmla="*/ 2147483647 w 22"/>
              <a:gd name="T19" fmla="*/ 2147483647 h 30"/>
              <a:gd name="T20" fmla="*/ 0 w 22"/>
              <a:gd name="T21" fmla="*/ 2147483647 h 30"/>
              <a:gd name="T22" fmla="*/ 0 w 22"/>
              <a:gd name="T23" fmla="*/ 2147483647 h 30"/>
              <a:gd name="T24" fmla="*/ 0 w 22"/>
              <a:gd name="T25" fmla="*/ 2147483647 h 30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22" h="30">
                <a:moveTo>
                  <a:pt x="0" y="4"/>
                </a:moveTo>
                <a:lnTo>
                  <a:pt x="6" y="0"/>
                </a:lnTo>
                <a:lnTo>
                  <a:pt x="10" y="6"/>
                </a:lnTo>
                <a:lnTo>
                  <a:pt x="12" y="8"/>
                </a:lnTo>
                <a:lnTo>
                  <a:pt x="14" y="12"/>
                </a:lnTo>
                <a:lnTo>
                  <a:pt x="22" y="12"/>
                </a:lnTo>
                <a:lnTo>
                  <a:pt x="22" y="20"/>
                </a:lnTo>
                <a:lnTo>
                  <a:pt x="18" y="26"/>
                </a:lnTo>
                <a:lnTo>
                  <a:pt x="10" y="30"/>
                </a:lnTo>
                <a:lnTo>
                  <a:pt x="4" y="24"/>
                </a:lnTo>
                <a:lnTo>
                  <a:pt x="0" y="14"/>
                </a:lnTo>
                <a:lnTo>
                  <a:pt x="0" y="8"/>
                </a:lnTo>
                <a:lnTo>
                  <a:pt x="0" y="4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96" name="Freeform 53"/>
          <p:cNvSpPr>
            <a:spLocks/>
          </p:cNvSpPr>
          <p:nvPr/>
        </p:nvSpPr>
        <p:spPr bwMode="auto">
          <a:xfrm>
            <a:off x="7172325" y="6035675"/>
            <a:ext cx="31750" cy="36513"/>
          </a:xfrm>
          <a:custGeom>
            <a:avLst/>
            <a:gdLst>
              <a:gd name="T0" fmla="*/ 2147483647 w 24"/>
              <a:gd name="T1" fmla="*/ 0 h 28"/>
              <a:gd name="T2" fmla="*/ 2147483647 w 24"/>
              <a:gd name="T3" fmla="*/ 2147483647 h 28"/>
              <a:gd name="T4" fmla="*/ 2147483647 w 24"/>
              <a:gd name="T5" fmla="*/ 2147483647 h 28"/>
              <a:gd name="T6" fmla="*/ 2147483647 w 24"/>
              <a:gd name="T7" fmla="*/ 2147483647 h 28"/>
              <a:gd name="T8" fmla="*/ 2147483647 w 24"/>
              <a:gd name="T9" fmla="*/ 2147483647 h 28"/>
              <a:gd name="T10" fmla="*/ 0 w 24"/>
              <a:gd name="T11" fmla="*/ 2147483647 h 28"/>
              <a:gd name="T12" fmla="*/ 2147483647 w 24"/>
              <a:gd name="T13" fmla="*/ 2147483647 h 28"/>
              <a:gd name="T14" fmla="*/ 2147483647 w 24"/>
              <a:gd name="T15" fmla="*/ 2147483647 h 28"/>
              <a:gd name="T16" fmla="*/ 2147483647 w 24"/>
              <a:gd name="T17" fmla="*/ 2147483647 h 28"/>
              <a:gd name="T18" fmla="*/ 2147483647 w 24"/>
              <a:gd name="T19" fmla="*/ 0 h 28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24" h="28">
                <a:moveTo>
                  <a:pt x="20" y="0"/>
                </a:moveTo>
                <a:lnTo>
                  <a:pt x="24" y="4"/>
                </a:lnTo>
                <a:lnTo>
                  <a:pt x="24" y="14"/>
                </a:lnTo>
                <a:lnTo>
                  <a:pt x="18" y="24"/>
                </a:lnTo>
                <a:lnTo>
                  <a:pt x="4" y="28"/>
                </a:lnTo>
                <a:lnTo>
                  <a:pt x="0" y="22"/>
                </a:lnTo>
                <a:lnTo>
                  <a:pt x="4" y="14"/>
                </a:lnTo>
                <a:lnTo>
                  <a:pt x="12" y="12"/>
                </a:lnTo>
                <a:lnTo>
                  <a:pt x="16" y="6"/>
                </a:lnTo>
                <a:lnTo>
                  <a:pt x="20" y="0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97" name="Freeform 54"/>
          <p:cNvSpPr>
            <a:spLocks/>
          </p:cNvSpPr>
          <p:nvPr/>
        </p:nvSpPr>
        <p:spPr bwMode="auto">
          <a:xfrm>
            <a:off x="7061200" y="5370513"/>
            <a:ext cx="36513" cy="33337"/>
          </a:xfrm>
          <a:custGeom>
            <a:avLst/>
            <a:gdLst>
              <a:gd name="T0" fmla="*/ 2147483647 w 28"/>
              <a:gd name="T1" fmla="*/ 2147483647 h 26"/>
              <a:gd name="T2" fmla="*/ 2147483647 w 28"/>
              <a:gd name="T3" fmla="*/ 2147483647 h 26"/>
              <a:gd name="T4" fmla="*/ 2147483647 w 28"/>
              <a:gd name="T5" fmla="*/ 2147483647 h 26"/>
              <a:gd name="T6" fmla="*/ 2147483647 w 28"/>
              <a:gd name="T7" fmla="*/ 2147483647 h 26"/>
              <a:gd name="T8" fmla="*/ 0 w 28"/>
              <a:gd name="T9" fmla="*/ 2147483647 h 26"/>
              <a:gd name="T10" fmla="*/ 2147483647 w 28"/>
              <a:gd name="T11" fmla="*/ 2147483647 h 26"/>
              <a:gd name="T12" fmla="*/ 2147483647 w 28"/>
              <a:gd name="T13" fmla="*/ 0 h 26"/>
              <a:gd name="T14" fmla="*/ 2147483647 w 28"/>
              <a:gd name="T15" fmla="*/ 0 h 26"/>
              <a:gd name="T16" fmla="*/ 2147483647 w 28"/>
              <a:gd name="T17" fmla="*/ 2147483647 h 2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28" h="26">
                <a:moveTo>
                  <a:pt x="22" y="4"/>
                </a:moveTo>
                <a:lnTo>
                  <a:pt x="28" y="12"/>
                </a:lnTo>
                <a:lnTo>
                  <a:pt x="22" y="26"/>
                </a:lnTo>
                <a:lnTo>
                  <a:pt x="8" y="24"/>
                </a:lnTo>
                <a:lnTo>
                  <a:pt x="0" y="16"/>
                </a:lnTo>
                <a:lnTo>
                  <a:pt x="2" y="6"/>
                </a:lnTo>
                <a:lnTo>
                  <a:pt x="6" y="0"/>
                </a:lnTo>
                <a:lnTo>
                  <a:pt x="14" y="0"/>
                </a:lnTo>
                <a:lnTo>
                  <a:pt x="22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98" name="Freeform 55"/>
          <p:cNvSpPr>
            <a:spLocks/>
          </p:cNvSpPr>
          <p:nvPr/>
        </p:nvSpPr>
        <p:spPr bwMode="auto">
          <a:xfrm>
            <a:off x="6227763" y="2792413"/>
            <a:ext cx="558800" cy="442912"/>
          </a:xfrm>
          <a:custGeom>
            <a:avLst/>
            <a:gdLst>
              <a:gd name="T0" fmla="*/ 2147483647 w 432"/>
              <a:gd name="T1" fmla="*/ 2147483647 h 342"/>
              <a:gd name="T2" fmla="*/ 2147483647 w 432"/>
              <a:gd name="T3" fmla="*/ 2147483647 h 342"/>
              <a:gd name="T4" fmla="*/ 0 w 432"/>
              <a:gd name="T5" fmla="*/ 2147483647 h 342"/>
              <a:gd name="T6" fmla="*/ 2147483647 w 432"/>
              <a:gd name="T7" fmla="*/ 2147483647 h 342"/>
              <a:gd name="T8" fmla="*/ 2147483647 w 432"/>
              <a:gd name="T9" fmla="*/ 2147483647 h 342"/>
              <a:gd name="T10" fmla="*/ 2147483647 w 432"/>
              <a:gd name="T11" fmla="*/ 2147483647 h 342"/>
              <a:gd name="T12" fmla="*/ 2147483647 w 432"/>
              <a:gd name="T13" fmla="*/ 2147483647 h 342"/>
              <a:gd name="T14" fmla="*/ 2147483647 w 432"/>
              <a:gd name="T15" fmla="*/ 2147483647 h 342"/>
              <a:gd name="T16" fmla="*/ 2147483647 w 432"/>
              <a:gd name="T17" fmla="*/ 2147483647 h 342"/>
              <a:gd name="T18" fmla="*/ 2147483647 w 432"/>
              <a:gd name="T19" fmla="*/ 2147483647 h 342"/>
              <a:gd name="T20" fmla="*/ 2147483647 w 432"/>
              <a:gd name="T21" fmla="*/ 2147483647 h 342"/>
              <a:gd name="T22" fmla="*/ 2147483647 w 432"/>
              <a:gd name="T23" fmla="*/ 2147483647 h 342"/>
              <a:gd name="T24" fmla="*/ 2147483647 w 432"/>
              <a:gd name="T25" fmla="*/ 2147483647 h 342"/>
              <a:gd name="T26" fmla="*/ 2147483647 w 432"/>
              <a:gd name="T27" fmla="*/ 2147483647 h 342"/>
              <a:gd name="T28" fmla="*/ 2147483647 w 432"/>
              <a:gd name="T29" fmla="*/ 2147483647 h 342"/>
              <a:gd name="T30" fmla="*/ 2147483647 w 432"/>
              <a:gd name="T31" fmla="*/ 2147483647 h 342"/>
              <a:gd name="T32" fmla="*/ 2147483647 w 432"/>
              <a:gd name="T33" fmla="*/ 2147483647 h 342"/>
              <a:gd name="T34" fmla="*/ 2147483647 w 432"/>
              <a:gd name="T35" fmla="*/ 2147483647 h 342"/>
              <a:gd name="T36" fmla="*/ 2147483647 w 432"/>
              <a:gd name="T37" fmla="*/ 2147483647 h 342"/>
              <a:gd name="T38" fmla="*/ 2147483647 w 432"/>
              <a:gd name="T39" fmla="*/ 2147483647 h 342"/>
              <a:gd name="T40" fmla="*/ 2147483647 w 432"/>
              <a:gd name="T41" fmla="*/ 2147483647 h 342"/>
              <a:gd name="T42" fmla="*/ 2147483647 w 432"/>
              <a:gd name="T43" fmla="*/ 2147483647 h 342"/>
              <a:gd name="T44" fmla="*/ 2147483647 w 432"/>
              <a:gd name="T45" fmla="*/ 2147483647 h 342"/>
              <a:gd name="T46" fmla="*/ 2147483647 w 432"/>
              <a:gd name="T47" fmla="*/ 2147483647 h 342"/>
              <a:gd name="T48" fmla="*/ 2147483647 w 432"/>
              <a:gd name="T49" fmla="*/ 2147483647 h 342"/>
              <a:gd name="T50" fmla="*/ 2147483647 w 432"/>
              <a:gd name="T51" fmla="*/ 2147483647 h 342"/>
              <a:gd name="T52" fmla="*/ 2147483647 w 432"/>
              <a:gd name="T53" fmla="*/ 2147483647 h 342"/>
              <a:gd name="T54" fmla="*/ 2147483647 w 432"/>
              <a:gd name="T55" fmla="*/ 2147483647 h 342"/>
              <a:gd name="T56" fmla="*/ 2147483647 w 432"/>
              <a:gd name="T57" fmla="*/ 2147483647 h 342"/>
              <a:gd name="T58" fmla="*/ 2147483647 w 432"/>
              <a:gd name="T59" fmla="*/ 2147483647 h 342"/>
              <a:gd name="T60" fmla="*/ 2147483647 w 432"/>
              <a:gd name="T61" fmla="*/ 2147483647 h 342"/>
              <a:gd name="T62" fmla="*/ 2147483647 w 432"/>
              <a:gd name="T63" fmla="*/ 2147483647 h 342"/>
              <a:gd name="T64" fmla="*/ 2147483647 w 432"/>
              <a:gd name="T65" fmla="*/ 2147483647 h 342"/>
              <a:gd name="T66" fmla="*/ 2147483647 w 432"/>
              <a:gd name="T67" fmla="*/ 2147483647 h 342"/>
              <a:gd name="T68" fmla="*/ 2147483647 w 432"/>
              <a:gd name="T69" fmla="*/ 2147483647 h 342"/>
              <a:gd name="T70" fmla="*/ 2147483647 w 432"/>
              <a:gd name="T71" fmla="*/ 2147483647 h 342"/>
              <a:gd name="T72" fmla="*/ 2147483647 w 432"/>
              <a:gd name="T73" fmla="*/ 2147483647 h 342"/>
              <a:gd name="T74" fmla="*/ 2147483647 w 432"/>
              <a:gd name="T75" fmla="*/ 2147483647 h 342"/>
              <a:gd name="T76" fmla="*/ 2147483647 w 432"/>
              <a:gd name="T77" fmla="*/ 2147483647 h 342"/>
              <a:gd name="T78" fmla="*/ 2147483647 w 432"/>
              <a:gd name="T79" fmla="*/ 2147483647 h 342"/>
              <a:gd name="T80" fmla="*/ 2147483647 w 432"/>
              <a:gd name="T81" fmla="*/ 2147483647 h 342"/>
              <a:gd name="T82" fmla="*/ 2147483647 w 432"/>
              <a:gd name="T83" fmla="*/ 2147483647 h 342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432" h="342">
                <a:moveTo>
                  <a:pt x="34" y="194"/>
                </a:moveTo>
                <a:lnTo>
                  <a:pt x="26" y="170"/>
                </a:lnTo>
                <a:lnTo>
                  <a:pt x="14" y="150"/>
                </a:lnTo>
                <a:lnTo>
                  <a:pt x="2" y="130"/>
                </a:lnTo>
                <a:lnTo>
                  <a:pt x="4" y="104"/>
                </a:lnTo>
                <a:lnTo>
                  <a:pt x="0" y="94"/>
                </a:lnTo>
                <a:lnTo>
                  <a:pt x="4" y="96"/>
                </a:lnTo>
                <a:lnTo>
                  <a:pt x="10" y="92"/>
                </a:lnTo>
                <a:lnTo>
                  <a:pt x="12" y="88"/>
                </a:lnTo>
                <a:lnTo>
                  <a:pt x="16" y="78"/>
                </a:lnTo>
                <a:lnTo>
                  <a:pt x="36" y="62"/>
                </a:lnTo>
                <a:lnTo>
                  <a:pt x="66" y="42"/>
                </a:lnTo>
                <a:lnTo>
                  <a:pt x="92" y="36"/>
                </a:lnTo>
                <a:lnTo>
                  <a:pt x="112" y="42"/>
                </a:lnTo>
                <a:lnTo>
                  <a:pt x="124" y="32"/>
                </a:lnTo>
                <a:lnTo>
                  <a:pt x="134" y="42"/>
                </a:lnTo>
                <a:lnTo>
                  <a:pt x="146" y="42"/>
                </a:lnTo>
                <a:lnTo>
                  <a:pt x="154" y="32"/>
                </a:lnTo>
                <a:lnTo>
                  <a:pt x="168" y="34"/>
                </a:lnTo>
                <a:lnTo>
                  <a:pt x="182" y="24"/>
                </a:lnTo>
                <a:lnTo>
                  <a:pt x="202" y="24"/>
                </a:lnTo>
                <a:lnTo>
                  <a:pt x="208" y="34"/>
                </a:lnTo>
                <a:lnTo>
                  <a:pt x="222" y="32"/>
                </a:lnTo>
                <a:lnTo>
                  <a:pt x="228" y="24"/>
                </a:lnTo>
                <a:lnTo>
                  <a:pt x="238" y="28"/>
                </a:lnTo>
                <a:lnTo>
                  <a:pt x="248" y="12"/>
                </a:lnTo>
                <a:lnTo>
                  <a:pt x="264" y="0"/>
                </a:lnTo>
                <a:lnTo>
                  <a:pt x="272" y="14"/>
                </a:lnTo>
                <a:lnTo>
                  <a:pt x="282" y="24"/>
                </a:lnTo>
                <a:lnTo>
                  <a:pt x="296" y="28"/>
                </a:lnTo>
                <a:lnTo>
                  <a:pt x="318" y="24"/>
                </a:lnTo>
                <a:lnTo>
                  <a:pt x="328" y="28"/>
                </a:lnTo>
                <a:lnTo>
                  <a:pt x="344" y="38"/>
                </a:lnTo>
                <a:lnTo>
                  <a:pt x="360" y="46"/>
                </a:lnTo>
                <a:lnTo>
                  <a:pt x="374" y="60"/>
                </a:lnTo>
                <a:lnTo>
                  <a:pt x="388" y="70"/>
                </a:lnTo>
                <a:lnTo>
                  <a:pt x="406" y="70"/>
                </a:lnTo>
                <a:lnTo>
                  <a:pt x="404" y="112"/>
                </a:lnTo>
                <a:lnTo>
                  <a:pt x="432" y="114"/>
                </a:lnTo>
                <a:lnTo>
                  <a:pt x="422" y="140"/>
                </a:lnTo>
                <a:lnTo>
                  <a:pt x="408" y="136"/>
                </a:lnTo>
                <a:lnTo>
                  <a:pt x="396" y="146"/>
                </a:lnTo>
                <a:lnTo>
                  <a:pt x="398" y="164"/>
                </a:lnTo>
                <a:lnTo>
                  <a:pt x="380" y="172"/>
                </a:lnTo>
                <a:lnTo>
                  <a:pt x="372" y="186"/>
                </a:lnTo>
                <a:lnTo>
                  <a:pt x="370" y="208"/>
                </a:lnTo>
                <a:lnTo>
                  <a:pt x="378" y="222"/>
                </a:lnTo>
                <a:lnTo>
                  <a:pt x="372" y="232"/>
                </a:lnTo>
                <a:lnTo>
                  <a:pt x="370" y="254"/>
                </a:lnTo>
                <a:lnTo>
                  <a:pt x="386" y="256"/>
                </a:lnTo>
                <a:lnTo>
                  <a:pt x="390" y="266"/>
                </a:lnTo>
                <a:lnTo>
                  <a:pt x="386" y="276"/>
                </a:lnTo>
                <a:lnTo>
                  <a:pt x="372" y="280"/>
                </a:lnTo>
                <a:lnTo>
                  <a:pt x="370" y="266"/>
                </a:lnTo>
                <a:lnTo>
                  <a:pt x="362" y="264"/>
                </a:lnTo>
                <a:lnTo>
                  <a:pt x="358" y="270"/>
                </a:lnTo>
                <a:lnTo>
                  <a:pt x="350" y="274"/>
                </a:lnTo>
                <a:lnTo>
                  <a:pt x="336" y="290"/>
                </a:lnTo>
                <a:lnTo>
                  <a:pt x="326" y="290"/>
                </a:lnTo>
                <a:lnTo>
                  <a:pt x="318" y="296"/>
                </a:lnTo>
                <a:lnTo>
                  <a:pt x="326" y="306"/>
                </a:lnTo>
                <a:lnTo>
                  <a:pt x="324" y="314"/>
                </a:lnTo>
                <a:lnTo>
                  <a:pt x="310" y="314"/>
                </a:lnTo>
                <a:lnTo>
                  <a:pt x="292" y="334"/>
                </a:lnTo>
                <a:lnTo>
                  <a:pt x="278" y="324"/>
                </a:lnTo>
                <a:lnTo>
                  <a:pt x="264" y="328"/>
                </a:lnTo>
                <a:lnTo>
                  <a:pt x="238" y="342"/>
                </a:lnTo>
                <a:lnTo>
                  <a:pt x="226" y="342"/>
                </a:lnTo>
                <a:lnTo>
                  <a:pt x="220" y="318"/>
                </a:lnTo>
                <a:lnTo>
                  <a:pt x="206" y="302"/>
                </a:lnTo>
                <a:lnTo>
                  <a:pt x="194" y="300"/>
                </a:lnTo>
                <a:lnTo>
                  <a:pt x="174" y="288"/>
                </a:lnTo>
                <a:lnTo>
                  <a:pt x="164" y="290"/>
                </a:lnTo>
                <a:lnTo>
                  <a:pt x="152" y="280"/>
                </a:lnTo>
                <a:lnTo>
                  <a:pt x="154" y="250"/>
                </a:lnTo>
                <a:lnTo>
                  <a:pt x="160" y="236"/>
                </a:lnTo>
                <a:lnTo>
                  <a:pt x="150" y="226"/>
                </a:lnTo>
                <a:lnTo>
                  <a:pt x="138" y="216"/>
                </a:lnTo>
                <a:lnTo>
                  <a:pt x="130" y="212"/>
                </a:lnTo>
                <a:lnTo>
                  <a:pt x="108" y="212"/>
                </a:lnTo>
                <a:lnTo>
                  <a:pt x="94" y="218"/>
                </a:lnTo>
                <a:lnTo>
                  <a:pt x="68" y="210"/>
                </a:lnTo>
                <a:lnTo>
                  <a:pt x="44" y="200"/>
                </a:lnTo>
                <a:lnTo>
                  <a:pt x="34" y="19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899" name="Freeform 56"/>
          <p:cNvSpPr>
            <a:spLocks/>
          </p:cNvSpPr>
          <p:nvPr/>
        </p:nvSpPr>
        <p:spPr bwMode="auto">
          <a:xfrm>
            <a:off x="6210300" y="2522538"/>
            <a:ext cx="666750" cy="393700"/>
          </a:xfrm>
          <a:custGeom>
            <a:avLst/>
            <a:gdLst>
              <a:gd name="T0" fmla="*/ 2147483647 w 516"/>
              <a:gd name="T1" fmla="*/ 2147483647 h 304"/>
              <a:gd name="T2" fmla="*/ 2147483647 w 516"/>
              <a:gd name="T3" fmla="*/ 2147483647 h 304"/>
              <a:gd name="T4" fmla="*/ 2147483647 w 516"/>
              <a:gd name="T5" fmla="*/ 2147483647 h 304"/>
              <a:gd name="T6" fmla="*/ 2147483647 w 516"/>
              <a:gd name="T7" fmla="*/ 2147483647 h 304"/>
              <a:gd name="T8" fmla="*/ 2147483647 w 516"/>
              <a:gd name="T9" fmla="*/ 2147483647 h 304"/>
              <a:gd name="T10" fmla="*/ 2147483647 w 516"/>
              <a:gd name="T11" fmla="*/ 2147483647 h 304"/>
              <a:gd name="T12" fmla="*/ 2147483647 w 516"/>
              <a:gd name="T13" fmla="*/ 2147483647 h 304"/>
              <a:gd name="T14" fmla="*/ 2147483647 w 516"/>
              <a:gd name="T15" fmla="*/ 2147483647 h 304"/>
              <a:gd name="T16" fmla="*/ 2147483647 w 516"/>
              <a:gd name="T17" fmla="*/ 2147483647 h 304"/>
              <a:gd name="T18" fmla="*/ 2147483647 w 516"/>
              <a:gd name="T19" fmla="*/ 2147483647 h 304"/>
              <a:gd name="T20" fmla="*/ 2147483647 w 516"/>
              <a:gd name="T21" fmla="*/ 2147483647 h 304"/>
              <a:gd name="T22" fmla="*/ 2147483647 w 516"/>
              <a:gd name="T23" fmla="*/ 0 h 304"/>
              <a:gd name="T24" fmla="*/ 2147483647 w 516"/>
              <a:gd name="T25" fmla="*/ 0 h 304"/>
              <a:gd name="T26" fmla="*/ 2147483647 w 516"/>
              <a:gd name="T27" fmla="*/ 2147483647 h 304"/>
              <a:gd name="T28" fmla="*/ 2147483647 w 516"/>
              <a:gd name="T29" fmla="*/ 2147483647 h 304"/>
              <a:gd name="T30" fmla="*/ 2147483647 w 516"/>
              <a:gd name="T31" fmla="*/ 2147483647 h 304"/>
              <a:gd name="T32" fmla="*/ 2147483647 w 516"/>
              <a:gd name="T33" fmla="*/ 2147483647 h 304"/>
              <a:gd name="T34" fmla="*/ 2147483647 w 516"/>
              <a:gd name="T35" fmla="*/ 2147483647 h 304"/>
              <a:gd name="T36" fmla="*/ 2147483647 w 516"/>
              <a:gd name="T37" fmla="*/ 2147483647 h 304"/>
              <a:gd name="T38" fmla="*/ 2147483647 w 516"/>
              <a:gd name="T39" fmla="*/ 2147483647 h 304"/>
              <a:gd name="T40" fmla="*/ 2147483647 w 516"/>
              <a:gd name="T41" fmla="*/ 2147483647 h 304"/>
              <a:gd name="T42" fmla="*/ 2147483647 w 516"/>
              <a:gd name="T43" fmla="*/ 2147483647 h 304"/>
              <a:gd name="T44" fmla="*/ 2147483647 w 516"/>
              <a:gd name="T45" fmla="*/ 2147483647 h 304"/>
              <a:gd name="T46" fmla="*/ 2147483647 w 516"/>
              <a:gd name="T47" fmla="*/ 2147483647 h 304"/>
              <a:gd name="T48" fmla="*/ 2147483647 w 516"/>
              <a:gd name="T49" fmla="*/ 2147483647 h 304"/>
              <a:gd name="T50" fmla="*/ 2147483647 w 516"/>
              <a:gd name="T51" fmla="*/ 2147483647 h 304"/>
              <a:gd name="T52" fmla="*/ 2147483647 w 516"/>
              <a:gd name="T53" fmla="*/ 2147483647 h 304"/>
              <a:gd name="T54" fmla="*/ 2147483647 w 516"/>
              <a:gd name="T55" fmla="*/ 2147483647 h 304"/>
              <a:gd name="T56" fmla="*/ 2147483647 w 516"/>
              <a:gd name="T57" fmla="*/ 2147483647 h 304"/>
              <a:gd name="T58" fmla="*/ 2147483647 w 516"/>
              <a:gd name="T59" fmla="*/ 2147483647 h 304"/>
              <a:gd name="T60" fmla="*/ 2147483647 w 516"/>
              <a:gd name="T61" fmla="*/ 2147483647 h 304"/>
              <a:gd name="T62" fmla="*/ 2147483647 w 516"/>
              <a:gd name="T63" fmla="*/ 2147483647 h 304"/>
              <a:gd name="T64" fmla="*/ 2147483647 w 516"/>
              <a:gd name="T65" fmla="*/ 2147483647 h 304"/>
              <a:gd name="T66" fmla="*/ 2147483647 w 516"/>
              <a:gd name="T67" fmla="*/ 2147483647 h 304"/>
              <a:gd name="T68" fmla="*/ 2147483647 w 516"/>
              <a:gd name="T69" fmla="*/ 2147483647 h 304"/>
              <a:gd name="T70" fmla="*/ 2147483647 w 516"/>
              <a:gd name="T71" fmla="*/ 2147483647 h 304"/>
              <a:gd name="T72" fmla="*/ 2147483647 w 516"/>
              <a:gd name="T73" fmla="*/ 2147483647 h 304"/>
              <a:gd name="T74" fmla="*/ 2147483647 w 516"/>
              <a:gd name="T75" fmla="*/ 2147483647 h 304"/>
              <a:gd name="T76" fmla="*/ 2147483647 w 516"/>
              <a:gd name="T77" fmla="*/ 2147483647 h 304"/>
              <a:gd name="T78" fmla="*/ 2147483647 w 516"/>
              <a:gd name="T79" fmla="*/ 2147483647 h 304"/>
              <a:gd name="T80" fmla="*/ 2147483647 w 516"/>
              <a:gd name="T81" fmla="*/ 2147483647 h 304"/>
              <a:gd name="T82" fmla="*/ 2147483647 w 516"/>
              <a:gd name="T83" fmla="*/ 2147483647 h 304"/>
              <a:gd name="T84" fmla="*/ 2147483647 w 516"/>
              <a:gd name="T85" fmla="*/ 2147483647 h 304"/>
              <a:gd name="T86" fmla="*/ 2147483647 w 516"/>
              <a:gd name="T87" fmla="*/ 2147483647 h 304"/>
              <a:gd name="T88" fmla="*/ 2147483647 w 516"/>
              <a:gd name="T89" fmla="*/ 2147483647 h 304"/>
              <a:gd name="T90" fmla="*/ 2147483647 w 516"/>
              <a:gd name="T91" fmla="*/ 2147483647 h 304"/>
              <a:gd name="T92" fmla="*/ 2147483647 w 516"/>
              <a:gd name="T93" fmla="*/ 2147483647 h 304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0" t="0" r="r" b="b"/>
            <a:pathLst>
              <a:path w="516" h="304">
                <a:moveTo>
                  <a:pt x="2" y="204"/>
                </a:moveTo>
                <a:lnTo>
                  <a:pt x="20" y="184"/>
                </a:lnTo>
                <a:lnTo>
                  <a:pt x="20" y="168"/>
                </a:lnTo>
                <a:lnTo>
                  <a:pt x="16" y="148"/>
                </a:lnTo>
                <a:lnTo>
                  <a:pt x="24" y="122"/>
                </a:lnTo>
                <a:lnTo>
                  <a:pt x="32" y="106"/>
                </a:lnTo>
                <a:lnTo>
                  <a:pt x="48" y="102"/>
                </a:lnTo>
                <a:lnTo>
                  <a:pt x="66" y="86"/>
                </a:lnTo>
                <a:lnTo>
                  <a:pt x="84" y="74"/>
                </a:lnTo>
                <a:lnTo>
                  <a:pt x="88" y="88"/>
                </a:lnTo>
                <a:lnTo>
                  <a:pt x="110" y="102"/>
                </a:lnTo>
                <a:lnTo>
                  <a:pt x="122" y="114"/>
                </a:lnTo>
                <a:lnTo>
                  <a:pt x="136" y="124"/>
                </a:lnTo>
                <a:lnTo>
                  <a:pt x="146" y="142"/>
                </a:lnTo>
                <a:lnTo>
                  <a:pt x="158" y="156"/>
                </a:lnTo>
                <a:lnTo>
                  <a:pt x="188" y="162"/>
                </a:lnTo>
                <a:lnTo>
                  <a:pt x="204" y="142"/>
                </a:lnTo>
                <a:lnTo>
                  <a:pt x="220" y="122"/>
                </a:lnTo>
                <a:lnTo>
                  <a:pt x="218" y="88"/>
                </a:lnTo>
                <a:lnTo>
                  <a:pt x="210" y="66"/>
                </a:lnTo>
                <a:lnTo>
                  <a:pt x="200" y="46"/>
                </a:lnTo>
                <a:lnTo>
                  <a:pt x="202" y="36"/>
                </a:lnTo>
                <a:lnTo>
                  <a:pt x="218" y="22"/>
                </a:lnTo>
                <a:lnTo>
                  <a:pt x="246" y="0"/>
                </a:lnTo>
                <a:lnTo>
                  <a:pt x="258" y="4"/>
                </a:lnTo>
                <a:lnTo>
                  <a:pt x="268" y="0"/>
                </a:lnTo>
                <a:lnTo>
                  <a:pt x="288" y="12"/>
                </a:lnTo>
                <a:lnTo>
                  <a:pt x="304" y="16"/>
                </a:lnTo>
                <a:lnTo>
                  <a:pt x="318" y="16"/>
                </a:lnTo>
                <a:lnTo>
                  <a:pt x="340" y="42"/>
                </a:lnTo>
                <a:lnTo>
                  <a:pt x="354" y="42"/>
                </a:lnTo>
                <a:lnTo>
                  <a:pt x="360" y="48"/>
                </a:lnTo>
                <a:lnTo>
                  <a:pt x="366" y="46"/>
                </a:lnTo>
                <a:lnTo>
                  <a:pt x="382" y="32"/>
                </a:lnTo>
                <a:lnTo>
                  <a:pt x="400" y="34"/>
                </a:lnTo>
                <a:lnTo>
                  <a:pt x="414" y="32"/>
                </a:lnTo>
                <a:lnTo>
                  <a:pt x="430" y="34"/>
                </a:lnTo>
                <a:lnTo>
                  <a:pt x="432" y="42"/>
                </a:lnTo>
                <a:lnTo>
                  <a:pt x="450" y="50"/>
                </a:lnTo>
                <a:lnTo>
                  <a:pt x="462" y="60"/>
                </a:lnTo>
                <a:lnTo>
                  <a:pt x="462" y="70"/>
                </a:lnTo>
                <a:lnTo>
                  <a:pt x="456" y="78"/>
                </a:lnTo>
                <a:lnTo>
                  <a:pt x="462" y="86"/>
                </a:lnTo>
                <a:lnTo>
                  <a:pt x="460" y="106"/>
                </a:lnTo>
                <a:lnTo>
                  <a:pt x="476" y="108"/>
                </a:lnTo>
                <a:lnTo>
                  <a:pt x="480" y="122"/>
                </a:lnTo>
                <a:lnTo>
                  <a:pt x="494" y="138"/>
                </a:lnTo>
                <a:lnTo>
                  <a:pt x="508" y="158"/>
                </a:lnTo>
                <a:lnTo>
                  <a:pt x="516" y="170"/>
                </a:lnTo>
                <a:lnTo>
                  <a:pt x="516" y="192"/>
                </a:lnTo>
                <a:lnTo>
                  <a:pt x="506" y="194"/>
                </a:lnTo>
                <a:lnTo>
                  <a:pt x="490" y="222"/>
                </a:lnTo>
                <a:lnTo>
                  <a:pt x="488" y="250"/>
                </a:lnTo>
                <a:lnTo>
                  <a:pt x="462" y="254"/>
                </a:lnTo>
                <a:lnTo>
                  <a:pt x="448" y="250"/>
                </a:lnTo>
                <a:lnTo>
                  <a:pt x="438" y="260"/>
                </a:lnTo>
                <a:lnTo>
                  <a:pt x="438" y="270"/>
                </a:lnTo>
                <a:lnTo>
                  <a:pt x="420" y="278"/>
                </a:lnTo>
                <a:lnTo>
                  <a:pt x="402" y="278"/>
                </a:lnTo>
                <a:lnTo>
                  <a:pt x="388" y="268"/>
                </a:lnTo>
                <a:lnTo>
                  <a:pt x="374" y="254"/>
                </a:lnTo>
                <a:lnTo>
                  <a:pt x="358" y="248"/>
                </a:lnTo>
                <a:lnTo>
                  <a:pt x="342" y="236"/>
                </a:lnTo>
                <a:lnTo>
                  <a:pt x="332" y="232"/>
                </a:lnTo>
                <a:lnTo>
                  <a:pt x="310" y="236"/>
                </a:lnTo>
                <a:lnTo>
                  <a:pt x="296" y="232"/>
                </a:lnTo>
                <a:lnTo>
                  <a:pt x="288" y="224"/>
                </a:lnTo>
                <a:lnTo>
                  <a:pt x="278" y="208"/>
                </a:lnTo>
                <a:lnTo>
                  <a:pt x="262" y="220"/>
                </a:lnTo>
                <a:lnTo>
                  <a:pt x="252" y="236"/>
                </a:lnTo>
                <a:lnTo>
                  <a:pt x="242" y="232"/>
                </a:lnTo>
                <a:lnTo>
                  <a:pt x="236" y="240"/>
                </a:lnTo>
                <a:lnTo>
                  <a:pt x="222" y="242"/>
                </a:lnTo>
                <a:lnTo>
                  <a:pt x="216" y="232"/>
                </a:lnTo>
                <a:lnTo>
                  <a:pt x="196" y="232"/>
                </a:lnTo>
                <a:lnTo>
                  <a:pt x="182" y="242"/>
                </a:lnTo>
                <a:lnTo>
                  <a:pt x="168" y="240"/>
                </a:lnTo>
                <a:lnTo>
                  <a:pt x="160" y="250"/>
                </a:lnTo>
                <a:lnTo>
                  <a:pt x="148" y="250"/>
                </a:lnTo>
                <a:lnTo>
                  <a:pt x="138" y="240"/>
                </a:lnTo>
                <a:lnTo>
                  <a:pt x="130" y="248"/>
                </a:lnTo>
                <a:lnTo>
                  <a:pt x="126" y="250"/>
                </a:lnTo>
                <a:lnTo>
                  <a:pt x="106" y="244"/>
                </a:lnTo>
                <a:lnTo>
                  <a:pt x="80" y="250"/>
                </a:lnTo>
                <a:lnTo>
                  <a:pt x="48" y="270"/>
                </a:lnTo>
                <a:lnTo>
                  <a:pt x="30" y="286"/>
                </a:lnTo>
                <a:lnTo>
                  <a:pt x="26" y="296"/>
                </a:lnTo>
                <a:lnTo>
                  <a:pt x="24" y="300"/>
                </a:lnTo>
                <a:lnTo>
                  <a:pt x="18" y="304"/>
                </a:lnTo>
                <a:lnTo>
                  <a:pt x="14" y="302"/>
                </a:lnTo>
                <a:lnTo>
                  <a:pt x="4" y="288"/>
                </a:lnTo>
                <a:lnTo>
                  <a:pt x="4" y="258"/>
                </a:lnTo>
                <a:lnTo>
                  <a:pt x="0" y="222"/>
                </a:lnTo>
                <a:lnTo>
                  <a:pt x="2" y="20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00" name="Freeform 57"/>
          <p:cNvSpPr>
            <a:spLocks/>
          </p:cNvSpPr>
          <p:nvPr/>
        </p:nvSpPr>
        <p:spPr bwMode="auto">
          <a:xfrm>
            <a:off x="6237288" y="2459038"/>
            <a:ext cx="127000" cy="141287"/>
          </a:xfrm>
          <a:custGeom>
            <a:avLst/>
            <a:gdLst>
              <a:gd name="T0" fmla="*/ 2147483647 w 98"/>
              <a:gd name="T1" fmla="*/ 2147483647 h 110"/>
              <a:gd name="T2" fmla="*/ 2147483647 w 98"/>
              <a:gd name="T3" fmla="*/ 2147483647 h 110"/>
              <a:gd name="T4" fmla="*/ 2147483647 w 98"/>
              <a:gd name="T5" fmla="*/ 2147483647 h 110"/>
              <a:gd name="T6" fmla="*/ 2147483647 w 98"/>
              <a:gd name="T7" fmla="*/ 2147483647 h 110"/>
              <a:gd name="T8" fmla="*/ 2147483647 w 98"/>
              <a:gd name="T9" fmla="*/ 2147483647 h 110"/>
              <a:gd name="T10" fmla="*/ 2147483647 w 98"/>
              <a:gd name="T11" fmla="*/ 2147483647 h 110"/>
              <a:gd name="T12" fmla="*/ 2147483647 w 98"/>
              <a:gd name="T13" fmla="*/ 2147483647 h 110"/>
              <a:gd name="T14" fmla="*/ 2147483647 w 98"/>
              <a:gd name="T15" fmla="*/ 2147483647 h 110"/>
              <a:gd name="T16" fmla="*/ 2147483647 w 98"/>
              <a:gd name="T17" fmla="*/ 2147483647 h 110"/>
              <a:gd name="T18" fmla="*/ 2147483647 w 98"/>
              <a:gd name="T19" fmla="*/ 2147483647 h 110"/>
              <a:gd name="T20" fmla="*/ 2147483647 w 98"/>
              <a:gd name="T21" fmla="*/ 2147483647 h 110"/>
              <a:gd name="T22" fmla="*/ 2147483647 w 98"/>
              <a:gd name="T23" fmla="*/ 2147483647 h 110"/>
              <a:gd name="T24" fmla="*/ 2147483647 w 98"/>
              <a:gd name="T25" fmla="*/ 2147483647 h 110"/>
              <a:gd name="T26" fmla="*/ 2147483647 w 98"/>
              <a:gd name="T27" fmla="*/ 2147483647 h 110"/>
              <a:gd name="T28" fmla="*/ 2147483647 w 98"/>
              <a:gd name="T29" fmla="*/ 2147483647 h 110"/>
              <a:gd name="T30" fmla="*/ 0 w 98"/>
              <a:gd name="T31" fmla="*/ 2147483647 h 110"/>
              <a:gd name="T32" fmla="*/ 2147483647 w 98"/>
              <a:gd name="T33" fmla="*/ 2147483647 h 110"/>
              <a:gd name="T34" fmla="*/ 2147483647 w 98"/>
              <a:gd name="T35" fmla="*/ 2147483647 h 110"/>
              <a:gd name="T36" fmla="*/ 2147483647 w 98"/>
              <a:gd name="T37" fmla="*/ 2147483647 h 110"/>
              <a:gd name="T38" fmla="*/ 2147483647 w 98"/>
              <a:gd name="T39" fmla="*/ 2147483647 h 110"/>
              <a:gd name="T40" fmla="*/ 2147483647 w 98"/>
              <a:gd name="T41" fmla="*/ 2147483647 h 110"/>
              <a:gd name="T42" fmla="*/ 2147483647 w 98"/>
              <a:gd name="T43" fmla="*/ 2147483647 h 110"/>
              <a:gd name="T44" fmla="*/ 2147483647 w 98"/>
              <a:gd name="T45" fmla="*/ 2147483647 h 110"/>
              <a:gd name="T46" fmla="*/ 2147483647 w 98"/>
              <a:gd name="T47" fmla="*/ 2147483647 h 110"/>
              <a:gd name="T48" fmla="*/ 2147483647 w 98"/>
              <a:gd name="T49" fmla="*/ 2147483647 h 110"/>
              <a:gd name="T50" fmla="*/ 2147483647 w 98"/>
              <a:gd name="T51" fmla="*/ 0 h 110"/>
              <a:gd name="T52" fmla="*/ 2147483647 w 98"/>
              <a:gd name="T53" fmla="*/ 2147483647 h 110"/>
              <a:gd name="T54" fmla="*/ 2147483647 w 98"/>
              <a:gd name="T55" fmla="*/ 2147483647 h 110"/>
              <a:gd name="T56" fmla="*/ 2147483647 w 98"/>
              <a:gd name="T57" fmla="*/ 2147483647 h 110"/>
              <a:gd name="T58" fmla="*/ 2147483647 w 98"/>
              <a:gd name="T59" fmla="*/ 2147483647 h 110"/>
              <a:gd name="T60" fmla="*/ 2147483647 w 98"/>
              <a:gd name="T61" fmla="*/ 2147483647 h 110"/>
              <a:gd name="T62" fmla="*/ 2147483647 w 98"/>
              <a:gd name="T63" fmla="*/ 2147483647 h 110"/>
              <a:gd name="T64" fmla="*/ 2147483647 w 98"/>
              <a:gd name="T65" fmla="*/ 2147483647 h 110"/>
              <a:gd name="T66" fmla="*/ 2147483647 w 98"/>
              <a:gd name="T67" fmla="*/ 2147483647 h 110"/>
              <a:gd name="T68" fmla="*/ 2147483647 w 98"/>
              <a:gd name="T69" fmla="*/ 2147483647 h 110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0" t="0" r="r" b="b"/>
            <a:pathLst>
              <a:path w="98" h="110">
                <a:moveTo>
                  <a:pt x="62" y="62"/>
                </a:moveTo>
                <a:lnTo>
                  <a:pt x="38" y="66"/>
                </a:lnTo>
                <a:lnTo>
                  <a:pt x="32" y="74"/>
                </a:lnTo>
                <a:lnTo>
                  <a:pt x="32" y="84"/>
                </a:lnTo>
                <a:lnTo>
                  <a:pt x="32" y="98"/>
                </a:lnTo>
                <a:lnTo>
                  <a:pt x="22" y="110"/>
                </a:lnTo>
                <a:lnTo>
                  <a:pt x="16" y="104"/>
                </a:lnTo>
                <a:lnTo>
                  <a:pt x="18" y="92"/>
                </a:lnTo>
                <a:lnTo>
                  <a:pt x="22" y="84"/>
                </a:lnTo>
                <a:lnTo>
                  <a:pt x="20" y="76"/>
                </a:lnTo>
                <a:lnTo>
                  <a:pt x="12" y="70"/>
                </a:lnTo>
                <a:lnTo>
                  <a:pt x="6" y="68"/>
                </a:lnTo>
                <a:lnTo>
                  <a:pt x="6" y="58"/>
                </a:lnTo>
                <a:lnTo>
                  <a:pt x="8" y="50"/>
                </a:lnTo>
                <a:lnTo>
                  <a:pt x="4" y="46"/>
                </a:lnTo>
                <a:lnTo>
                  <a:pt x="0" y="40"/>
                </a:lnTo>
                <a:lnTo>
                  <a:pt x="4" y="32"/>
                </a:lnTo>
                <a:lnTo>
                  <a:pt x="12" y="40"/>
                </a:lnTo>
                <a:lnTo>
                  <a:pt x="18" y="34"/>
                </a:lnTo>
                <a:lnTo>
                  <a:pt x="28" y="22"/>
                </a:lnTo>
                <a:lnTo>
                  <a:pt x="46" y="14"/>
                </a:lnTo>
                <a:lnTo>
                  <a:pt x="60" y="14"/>
                </a:lnTo>
                <a:lnTo>
                  <a:pt x="72" y="12"/>
                </a:lnTo>
                <a:lnTo>
                  <a:pt x="78" y="12"/>
                </a:lnTo>
                <a:lnTo>
                  <a:pt x="78" y="2"/>
                </a:lnTo>
                <a:lnTo>
                  <a:pt x="88" y="0"/>
                </a:lnTo>
                <a:lnTo>
                  <a:pt x="94" y="4"/>
                </a:lnTo>
                <a:lnTo>
                  <a:pt x="98" y="14"/>
                </a:lnTo>
                <a:lnTo>
                  <a:pt x="90" y="16"/>
                </a:lnTo>
                <a:lnTo>
                  <a:pt x="80" y="18"/>
                </a:lnTo>
                <a:lnTo>
                  <a:pt x="80" y="24"/>
                </a:lnTo>
                <a:lnTo>
                  <a:pt x="82" y="36"/>
                </a:lnTo>
                <a:lnTo>
                  <a:pt x="76" y="44"/>
                </a:lnTo>
                <a:lnTo>
                  <a:pt x="70" y="52"/>
                </a:lnTo>
                <a:lnTo>
                  <a:pt x="62" y="6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01" name="Freeform 58"/>
          <p:cNvSpPr>
            <a:spLocks/>
          </p:cNvSpPr>
          <p:nvPr/>
        </p:nvSpPr>
        <p:spPr bwMode="auto">
          <a:xfrm>
            <a:off x="6240463" y="2395538"/>
            <a:ext cx="82550" cy="71437"/>
          </a:xfrm>
          <a:custGeom>
            <a:avLst/>
            <a:gdLst>
              <a:gd name="T0" fmla="*/ 2147483647 w 64"/>
              <a:gd name="T1" fmla="*/ 2147483647 h 54"/>
              <a:gd name="T2" fmla="*/ 2147483647 w 64"/>
              <a:gd name="T3" fmla="*/ 2147483647 h 54"/>
              <a:gd name="T4" fmla="*/ 2147483647 w 64"/>
              <a:gd name="T5" fmla="*/ 2147483647 h 54"/>
              <a:gd name="T6" fmla="*/ 2147483647 w 64"/>
              <a:gd name="T7" fmla="*/ 2147483647 h 54"/>
              <a:gd name="T8" fmla="*/ 2147483647 w 64"/>
              <a:gd name="T9" fmla="*/ 2147483647 h 54"/>
              <a:gd name="T10" fmla="*/ 2147483647 w 64"/>
              <a:gd name="T11" fmla="*/ 2147483647 h 54"/>
              <a:gd name="T12" fmla="*/ 2147483647 w 64"/>
              <a:gd name="T13" fmla="*/ 2147483647 h 54"/>
              <a:gd name="T14" fmla="*/ 2147483647 w 64"/>
              <a:gd name="T15" fmla="*/ 2147483647 h 54"/>
              <a:gd name="T16" fmla="*/ 2147483647 w 64"/>
              <a:gd name="T17" fmla="*/ 2147483647 h 54"/>
              <a:gd name="T18" fmla="*/ 2147483647 w 64"/>
              <a:gd name="T19" fmla="*/ 2147483647 h 54"/>
              <a:gd name="T20" fmla="*/ 0 w 64"/>
              <a:gd name="T21" fmla="*/ 2147483647 h 54"/>
              <a:gd name="T22" fmla="*/ 2147483647 w 64"/>
              <a:gd name="T23" fmla="*/ 2147483647 h 54"/>
              <a:gd name="T24" fmla="*/ 2147483647 w 64"/>
              <a:gd name="T25" fmla="*/ 2147483647 h 54"/>
              <a:gd name="T26" fmla="*/ 2147483647 w 64"/>
              <a:gd name="T27" fmla="*/ 2147483647 h 54"/>
              <a:gd name="T28" fmla="*/ 2147483647 w 64"/>
              <a:gd name="T29" fmla="*/ 2147483647 h 54"/>
              <a:gd name="T30" fmla="*/ 2147483647 w 64"/>
              <a:gd name="T31" fmla="*/ 0 h 54"/>
              <a:gd name="T32" fmla="*/ 2147483647 w 64"/>
              <a:gd name="T33" fmla="*/ 2147483647 h 54"/>
              <a:gd name="T34" fmla="*/ 2147483647 w 64"/>
              <a:gd name="T35" fmla="*/ 2147483647 h 54"/>
              <a:gd name="T36" fmla="*/ 2147483647 w 64"/>
              <a:gd name="T37" fmla="*/ 2147483647 h 54"/>
              <a:gd name="T38" fmla="*/ 2147483647 w 64"/>
              <a:gd name="T39" fmla="*/ 2147483647 h 54"/>
              <a:gd name="T40" fmla="*/ 2147483647 w 64"/>
              <a:gd name="T41" fmla="*/ 2147483647 h 54"/>
              <a:gd name="T42" fmla="*/ 2147483647 w 64"/>
              <a:gd name="T43" fmla="*/ 2147483647 h 54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0" t="0" r="r" b="b"/>
            <a:pathLst>
              <a:path w="64" h="54">
                <a:moveTo>
                  <a:pt x="58" y="38"/>
                </a:moveTo>
                <a:lnTo>
                  <a:pt x="48" y="38"/>
                </a:lnTo>
                <a:lnTo>
                  <a:pt x="44" y="42"/>
                </a:lnTo>
                <a:lnTo>
                  <a:pt x="46" y="50"/>
                </a:lnTo>
                <a:lnTo>
                  <a:pt x="42" y="54"/>
                </a:lnTo>
                <a:lnTo>
                  <a:pt x="30" y="52"/>
                </a:lnTo>
                <a:lnTo>
                  <a:pt x="30" y="42"/>
                </a:lnTo>
                <a:lnTo>
                  <a:pt x="22" y="32"/>
                </a:lnTo>
                <a:lnTo>
                  <a:pt x="14" y="34"/>
                </a:lnTo>
                <a:lnTo>
                  <a:pt x="6" y="34"/>
                </a:lnTo>
                <a:lnTo>
                  <a:pt x="0" y="28"/>
                </a:lnTo>
                <a:lnTo>
                  <a:pt x="8" y="22"/>
                </a:lnTo>
                <a:lnTo>
                  <a:pt x="20" y="20"/>
                </a:lnTo>
                <a:lnTo>
                  <a:pt x="28" y="16"/>
                </a:lnTo>
                <a:lnTo>
                  <a:pt x="30" y="8"/>
                </a:lnTo>
                <a:lnTo>
                  <a:pt x="34" y="0"/>
                </a:lnTo>
                <a:lnTo>
                  <a:pt x="40" y="10"/>
                </a:lnTo>
                <a:lnTo>
                  <a:pt x="50" y="10"/>
                </a:lnTo>
                <a:lnTo>
                  <a:pt x="56" y="14"/>
                </a:lnTo>
                <a:lnTo>
                  <a:pt x="64" y="24"/>
                </a:lnTo>
                <a:lnTo>
                  <a:pt x="62" y="30"/>
                </a:lnTo>
                <a:lnTo>
                  <a:pt x="58" y="3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02" name="Freeform 59"/>
          <p:cNvSpPr>
            <a:spLocks/>
          </p:cNvSpPr>
          <p:nvPr/>
        </p:nvSpPr>
        <p:spPr bwMode="auto">
          <a:xfrm>
            <a:off x="6329363" y="2238375"/>
            <a:ext cx="447675" cy="347663"/>
          </a:xfrm>
          <a:custGeom>
            <a:avLst/>
            <a:gdLst>
              <a:gd name="T0" fmla="*/ 2147483647 w 346"/>
              <a:gd name="T1" fmla="*/ 2147483647 h 268"/>
              <a:gd name="T2" fmla="*/ 2147483647 w 346"/>
              <a:gd name="T3" fmla="*/ 2147483647 h 268"/>
              <a:gd name="T4" fmla="*/ 2147483647 w 346"/>
              <a:gd name="T5" fmla="*/ 2147483647 h 268"/>
              <a:gd name="T6" fmla="*/ 2147483647 w 346"/>
              <a:gd name="T7" fmla="*/ 2147483647 h 268"/>
              <a:gd name="T8" fmla="*/ 2147483647 w 346"/>
              <a:gd name="T9" fmla="*/ 2147483647 h 268"/>
              <a:gd name="T10" fmla="*/ 2147483647 w 346"/>
              <a:gd name="T11" fmla="*/ 2147483647 h 268"/>
              <a:gd name="T12" fmla="*/ 2147483647 w 346"/>
              <a:gd name="T13" fmla="*/ 2147483647 h 268"/>
              <a:gd name="T14" fmla="*/ 2147483647 w 346"/>
              <a:gd name="T15" fmla="*/ 2147483647 h 268"/>
              <a:gd name="T16" fmla="*/ 2147483647 w 346"/>
              <a:gd name="T17" fmla="*/ 2147483647 h 268"/>
              <a:gd name="T18" fmla="*/ 2147483647 w 346"/>
              <a:gd name="T19" fmla="*/ 2147483647 h 268"/>
              <a:gd name="T20" fmla="*/ 2147483647 w 346"/>
              <a:gd name="T21" fmla="*/ 2147483647 h 268"/>
              <a:gd name="T22" fmla="*/ 2147483647 w 346"/>
              <a:gd name="T23" fmla="*/ 2147483647 h 268"/>
              <a:gd name="T24" fmla="*/ 2147483647 w 346"/>
              <a:gd name="T25" fmla="*/ 2147483647 h 268"/>
              <a:gd name="T26" fmla="*/ 2147483647 w 346"/>
              <a:gd name="T27" fmla="*/ 2147483647 h 268"/>
              <a:gd name="T28" fmla="*/ 2147483647 w 346"/>
              <a:gd name="T29" fmla="*/ 2147483647 h 268"/>
              <a:gd name="T30" fmla="*/ 2147483647 w 346"/>
              <a:gd name="T31" fmla="*/ 0 h 268"/>
              <a:gd name="T32" fmla="*/ 2147483647 w 346"/>
              <a:gd name="T33" fmla="*/ 2147483647 h 268"/>
              <a:gd name="T34" fmla="*/ 2147483647 w 346"/>
              <a:gd name="T35" fmla="*/ 2147483647 h 268"/>
              <a:gd name="T36" fmla="*/ 2147483647 w 346"/>
              <a:gd name="T37" fmla="*/ 2147483647 h 268"/>
              <a:gd name="T38" fmla="*/ 2147483647 w 346"/>
              <a:gd name="T39" fmla="*/ 2147483647 h 268"/>
              <a:gd name="T40" fmla="*/ 2147483647 w 346"/>
              <a:gd name="T41" fmla="*/ 2147483647 h 268"/>
              <a:gd name="T42" fmla="*/ 2147483647 w 346"/>
              <a:gd name="T43" fmla="*/ 2147483647 h 268"/>
              <a:gd name="T44" fmla="*/ 2147483647 w 346"/>
              <a:gd name="T45" fmla="*/ 2147483647 h 268"/>
              <a:gd name="T46" fmla="*/ 2147483647 w 346"/>
              <a:gd name="T47" fmla="*/ 2147483647 h 268"/>
              <a:gd name="T48" fmla="*/ 2147483647 w 346"/>
              <a:gd name="T49" fmla="*/ 2147483647 h 268"/>
              <a:gd name="T50" fmla="*/ 2147483647 w 346"/>
              <a:gd name="T51" fmla="*/ 2147483647 h 268"/>
              <a:gd name="T52" fmla="*/ 2147483647 w 346"/>
              <a:gd name="T53" fmla="*/ 2147483647 h 268"/>
              <a:gd name="T54" fmla="*/ 2147483647 w 346"/>
              <a:gd name="T55" fmla="*/ 2147483647 h 268"/>
              <a:gd name="T56" fmla="*/ 2147483647 w 346"/>
              <a:gd name="T57" fmla="*/ 2147483647 h 268"/>
              <a:gd name="T58" fmla="*/ 2147483647 w 346"/>
              <a:gd name="T59" fmla="*/ 2147483647 h 268"/>
              <a:gd name="T60" fmla="*/ 2147483647 w 346"/>
              <a:gd name="T61" fmla="*/ 2147483647 h 268"/>
              <a:gd name="T62" fmla="*/ 2147483647 w 346"/>
              <a:gd name="T63" fmla="*/ 2147483647 h 268"/>
              <a:gd name="T64" fmla="*/ 2147483647 w 346"/>
              <a:gd name="T65" fmla="*/ 2147483647 h 268"/>
              <a:gd name="T66" fmla="*/ 2147483647 w 346"/>
              <a:gd name="T67" fmla="*/ 2147483647 h 268"/>
              <a:gd name="T68" fmla="*/ 2147483647 w 346"/>
              <a:gd name="T69" fmla="*/ 2147483647 h 268"/>
              <a:gd name="T70" fmla="*/ 2147483647 w 346"/>
              <a:gd name="T71" fmla="*/ 2147483647 h 268"/>
              <a:gd name="T72" fmla="*/ 2147483647 w 346"/>
              <a:gd name="T73" fmla="*/ 2147483647 h 268"/>
              <a:gd name="T74" fmla="*/ 2147483647 w 346"/>
              <a:gd name="T75" fmla="*/ 2147483647 h 268"/>
              <a:gd name="T76" fmla="*/ 2147483647 w 346"/>
              <a:gd name="T77" fmla="*/ 2147483647 h 268"/>
              <a:gd name="T78" fmla="*/ 2147483647 w 346"/>
              <a:gd name="T79" fmla="*/ 2147483647 h 268"/>
              <a:gd name="T80" fmla="*/ 2147483647 w 346"/>
              <a:gd name="T81" fmla="*/ 2147483647 h 268"/>
              <a:gd name="T82" fmla="*/ 2147483647 w 346"/>
              <a:gd name="T83" fmla="*/ 2147483647 h 268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346" h="268">
                <a:moveTo>
                  <a:pt x="20" y="134"/>
                </a:moveTo>
                <a:lnTo>
                  <a:pt x="8" y="132"/>
                </a:lnTo>
                <a:lnTo>
                  <a:pt x="0" y="130"/>
                </a:lnTo>
                <a:lnTo>
                  <a:pt x="4" y="122"/>
                </a:lnTo>
                <a:lnTo>
                  <a:pt x="16" y="122"/>
                </a:lnTo>
                <a:lnTo>
                  <a:pt x="24" y="116"/>
                </a:lnTo>
                <a:lnTo>
                  <a:pt x="24" y="104"/>
                </a:lnTo>
                <a:lnTo>
                  <a:pt x="20" y="94"/>
                </a:lnTo>
                <a:lnTo>
                  <a:pt x="36" y="92"/>
                </a:lnTo>
                <a:lnTo>
                  <a:pt x="36" y="84"/>
                </a:lnTo>
                <a:lnTo>
                  <a:pt x="54" y="84"/>
                </a:lnTo>
                <a:lnTo>
                  <a:pt x="56" y="70"/>
                </a:lnTo>
                <a:lnTo>
                  <a:pt x="70" y="54"/>
                </a:lnTo>
                <a:lnTo>
                  <a:pt x="84" y="50"/>
                </a:lnTo>
                <a:lnTo>
                  <a:pt x="98" y="50"/>
                </a:lnTo>
                <a:lnTo>
                  <a:pt x="102" y="40"/>
                </a:lnTo>
                <a:lnTo>
                  <a:pt x="120" y="38"/>
                </a:lnTo>
                <a:lnTo>
                  <a:pt x="140" y="34"/>
                </a:lnTo>
                <a:lnTo>
                  <a:pt x="144" y="32"/>
                </a:lnTo>
                <a:lnTo>
                  <a:pt x="148" y="30"/>
                </a:lnTo>
                <a:lnTo>
                  <a:pt x="146" y="24"/>
                </a:lnTo>
                <a:lnTo>
                  <a:pt x="144" y="18"/>
                </a:lnTo>
                <a:lnTo>
                  <a:pt x="156" y="22"/>
                </a:lnTo>
                <a:lnTo>
                  <a:pt x="160" y="14"/>
                </a:lnTo>
                <a:lnTo>
                  <a:pt x="196" y="12"/>
                </a:lnTo>
                <a:lnTo>
                  <a:pt x="216" y="8"/>
                </a:lnTo>
                <a:lnTo>
                  <a:pt x="232" y="22"/>
                </a:lnTo>
                <a:lnTo>
                  <a:pt x="246" y="20"/>
                </a:lnTo>
                <a:lnTo>
                  <a:pt x="256" y="16"/>
                </a:lnTo>
                <a:lnTo>
                  <a:pt x="286" y="10"/>
                </a:lnTo>
                <a:lnTo>
                  <a:pt x="300" y="8"/>
                </a:lnTo>
                <a:lnTo>
                  <a:pt x="308" y="0"/>
                </a:lnTo>
                <a:lnTo>
                  <a:pt x="316" y="2"/>
                </a:lnTo>
                <a:lnTo>
                  <a:pt x="322" y="10"/>
                </a:lnTo>
                <a:lnTo>
                  <a:pt x="316" y="16"/>
                </a:lnTo>
                <a:lnTo>
                  <a:pt x="304" y="28"/>
                </a:lnTo>
                <a:lnTo>
                  <a:pt x="304" y="66"/>
                </a:lnTo>
                <a:lnTo>
                  <a:pt x="296" y="76"/>
                </a:lnTo>
                <a:lnTo>
                  <a:pt x="290" y="90"/>
                </a:lnTo>
                <a:lnTo>
                  <a:pt x="296" y="106"/>
                </a:lnTo>
                <a:lnTo>
                  <a:pt x="304" y="124"/>
                </a:lnTo>
                <a:lnTo>
                  <a:pt x="312" y="144"/>
                </a:lnTo>
                <a:lnTo>
                  <a:pt x="310" y="164"/>
                </a:lnTo>
                <a:lnTo>
                  <a:pt x="320" y="178"/>
                </a:lnTo>
                <a:lnTo>
                  <a:pt x="328" y="180"/>
                </a:lnTo>
                <a:lnTo>
                  <a:pt x="332" y="194"/>
                </a:lnTo>
                <a:lnTo>
                  <a:pt x="346" y="204"/>
                </a:lnTo>
                <a:lnTo>
                  <a:pt x="340" y="214"/>
                </a:lnTo>
                <a:lnTo>
                  <a:pt x="332" y="214"/>
                </a:lnTo>
                <a:lnTo>
                  <a:pt x="326" y="228"/>
                </a:lnTo>
                <a:lnTo>
                  <a:pt x="324" y="234"/>
                </a:lnTo>
                <a:lnTo>
                  <a:pt x="322" y="252"/>
                </a:lnTo>
                <a:lnTo>
                  <a:pt x="304" y="254"/>
                </a:lnTo>
                <a:lnTo>
                  <a:pt x="290" y="252"/>
                </a:lnTo>
                <a:lnTo>
                  <a:pt x="274" y="266"/>
                </a:lnTo>
                <a:lnTo>
                  <a:pt x="268" y="268"/>
                </a:lnTo>
                <a:lnTo>
                  <a:pt x="262" y="262"/>
                </a:lnTo>
                <a:lnTo>
                  <a:pt x="248" y="262"/>
                </a:lnTo>
                <a:lnTo>
                  <a:pt x="226" y="236"/>
                </a:lnTo>
                <a:lnTo>
                  <a:pt x="212" y="236"/>
                </a:lnTo>
                <a:lnTo>
                  <a:pt x="196" y="232"/>
                </a:lnTo>
                <a:lnTo>
                  <a:pt x="176" y="220"/>
                </a:lnTo>
                <a:lnTo>
                  <a:pt x="166" y="224"/>
                </a:lnTo>
                <a:lnTo>
                  <a:pt x="154" y="220"/>
                </a:lnTo>
                <a:lnTo>
                  <a:pt x="124" y="244"/>
                </a:lnTo>
                <a:lnTo>
                  <a:pt x="110" y="256"/>
                </a:lnTo>
                <a:lnTo>
                  <a:pt x="110" y="238"/>
                </a:lnTo>
                <a:lnTo>
                  <a:pt x="114" y="216"/>
                </a:lnTo>
                <a:lnTo>
                  <a:pt x="110" y="208"/>
                </a:lnTo>
                <a:lnTo>
                  <a:pt x="114" y="200"/>
                </a:lnTo>
                <a:lnTo>
                  <a:pt x="110" y="190"/>
                </a:lnTo>
                <a:lnTo>
                  <a:pt x="100" y="190"/>
                </a:lnTo>
                <a:lnTo>
                  <a:pt x="90" y="200"/>
                </a:lnTo>
                <a:lnTo>
                  <a:pt x="88" y="214"/>
                </a:lnTo>
                <a:lnTo>
                  <a:pt x="78" y="210"/>
                </a:lnTo>
                <a:lnTo>
                  <a:pt x="74" y="206"/>
                </a:lnTo>
                <a:lnTo>
                  <a:pt x="58" y="204"/>
                </a:lnTo>
                <a:lnTo>
                  <a:pt x="48" y="180"/>
                </a:lnTo>
                <a:lnTo>
                  <a:pt x="36" y="182"/>
                </a:lnTo>
                <a:lnTo>
                  <a:pt x="34" y="162"/>
                </a:lnTo>
                <a:lnTo>
                  <a:pt x="48" y="152"/>
                </a:lnTo>
                <a:lnTo>
                  <a:pt x="30" y="150"/>
                </a:lnTo>
                <a:lnTo>
                  <a:pt x="30" y="142"/>
                </a:lnTo>
                <a:lnTo>
                  <a:pt x="24" y="140"/>
                </a:lnTo>
                <a:lnTo>
                  <a:pt x="20" y="13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03" name="Freeform 60"/>
          <p:cNvSpPr>
            <a:spLocks/>
          </p:cNvSpPr>
          <p:nvPr/>
        </p:nvSpPr>
        <p:spPr bwMode="auto">
          <a:xfrm>
            <a:off x="6357938" y="112713"/>
            <a:ext cx="1408112" cy="3271837"/>
          </a:xfrm>
          <a:custGeom>
            <a:avLst/>
            <a:gdLst>
              <a:gd name="T0" fmla="*/ 2147483647 w 1088"/>
              <a:gd name="T1" fmla="*/ 2147483647 h 2527"/>
              <a:gd name="T2" fmla="*/ 2147483647 w 1088"/>
              <a:gd name="T3" fmla="*/ 2147483647 h 2527"/>
              <a:gd name="T4" fmla="*/ 2147483647 w 1088"/>
              <a:gd name="T5" fmla="*/ 2147483647 h 2527"/>
              <a:gd name="T6" fmla="*/ 2147483647 w 1088"/>
              <a:gd name="T7" fmla="*/ 2147483647 h 2527"/>
              <a:gd name="T8" fmla="*/ 2147483647 w 1088"/>
              <a:gd name="T9" fmla="*/ 2147483647 h 2527"/>
              <a:gd name="T10" fmla="*/ 2147483647 w 1088"/>
              <a:gd name="T11" fmla="*/ 2147483647 h 2527"/>
              <a:gd name="T12" fmla="*/ 2147483647 w 1088"/>
              <a:gd name="T13" fmla="*/ 2147483647 h 2527"/>
              <a:gd name="T14" fmla="*/ 2147483647 w 1088"/>
              <a:gd name="T15" fmla="*/ 2147483647 h 2527"/>
              <a:gd name="T16" fmla="*/ 2147483647 w 1088"/>
              <a:gd name="T17" fmla="*/ 2147483647 h 2527"/>
              <a:gd name="T18" fmla="*/ 2147483647 w 1088"/>
              <a:gd name="T19" fmla="*/ 2147483647 h 2527"/>
              <a:gd name="T20" fmla="*/ 2147483647 w 1088"/>
              <a:gd name="T21" fmla="*/ 2147483647 h 2527"/>
              <a:gd name="T22" fmla="*/ 2147483647 w 1088"/>
              <a:gd name="T23" fmla="*/ 2147483647 h 2527"/>
              <a:gd name="T24" fmla="*/ 2147483647 w 1088"/>
              <a:gd name="T25" fmla="*/ 2147483647 h 2527"/>
              <a:gd name="T26" fmla="*/ 2147483647 w 1088"/>
              <a:gd name="T27" fmla="*/ 2147483647 h 2527"/>
              <a:gd name="T28" fmla="*/ 2147483647 w 1088"/>
              <a:gd name="T29" fmla="*/ 2147483647 h 2527"/>
              <a:gd name="T30" fmla="*/ 2147483647 w 1088"/>
              <a:gd name="T31" fmla="*/ 2147483647 h 2527"/>
              <a:gd name="T32" fmla="*/ 2147483647 w 1088"/>
              <a:gd name="T33" fmla="*/ 2147483647 h 2527"/>
              <a:gd name="T34" fmla="*/ 2147483647 w 1088"/>
              <a:gd name="T35" fmla="*/ 2147483647 h 2527"/>
              <a:gd name="T36" fmla="*/ 2147483647 w 1088"/>
              <a:gd name="T37" fmla="*/ 2147483647 h 2527"/>
              <a:gd name="T38" fmla="*/ 2147483647 w 1088"/>
              <a:gd name="T39" fmla="*/ 2147483647 h 2527"/>
              <a:gd name="T40" fmla="*/ 2147483647 w 1088"/>
              <a:gd name="T41" fmla="*/ 2147483647 h 2527"/>
              <a:gd name="T42" fmla="*/ 2147483647 w 1088"/>
              <a:gd name="T43" fmla="*/ 2147483647 h 2527"/>
              <a:gd name="T44" fmla="*/ 2147483647 w 1088"/>
              <a:gd name="T45" fmla="*/ 2147483647 h 2527"/>
              <a:gd name="T46" fmla="*/ 2147483647 w 1088"/>
              <a:gd name="T47" fmla="*/ 2147483647 h 2527"/>
              <a:gd name="T48" fmla="*/ 2147483647 w 1088"/>
              <a:gd name="T49" fmla="*/ 2147483647 h 2527"/>
              <a:gd name="T50" fmla="*/ 2147483647 w 1088"/>
              <a:gd name="T51" fmla="*/ 2147483647 h 2527"/>
              <a:gd name="T52" fmla="*/ 2147483647 w 1088"/>
              <a:gd name="T53" fmla="*/ 2147483647 h 2527"/>
              <a:gd name="T54" fmla="*/ 2147483647 w 1088"/>
              <a:gd name="T55" fmla="*/ 2147483647 h 2527"/>
              <a:gd name="T56" fmla="*/ 2147483647 w 1088"/>
              <a:gd name="T57" fmla="*/ 2147483647 h 2527"/>
              <a:gd name="T58" fmla="*/ 2147483647 w 1088"/>
              <a:gd name="T59" fmla="*/ 2147483647 h 2527"/>
              <a:gd name="T60" fmla="*/ 2147483647 w 1088"/>
              <a:gd name="T61" fmla="*/ 2147483647 h 2527"/>
              <a:gd name="T62" fmla="*/ 2147483647 w 1088"/>
              <a:gd name="T63" fmla="*/ 2147483647 h 2527"/>
              <a:gd name="T64" fmla="*/ 2147483647 w 1088"/>
              <a:gd name="T65" fmla="*/ 2147483647 h 2527"/>
              <a:gd name="T66" fmla="*/ 2147483647 w 1088"/>
              <a:gd name="T67" fmla="*/ 2147483647 h 2527"/>
              <a:gd name="T68" fmla="*/ 2147483647 w 1088"/>
              <a:gd name="T69" fmla="*/ 2147483647 h 2527"/>
              <a:gd name="T70" fmla="*/ 2147483647 w 1088"/>
              <a:gd name="T71" fmla="*/ 2147483647 h 2527"/>
              <a:gd name="T72" fmla="*/ 2147483647 w 1088"/>
              <a:gd name="T73" fmla="*/ 2147483647 h 2527"/>
              <a:gd name="T74" fmla="*/ 2147483647 w 1088"/>
              <a:gd name="T75" fmla="*/ 2147483647 h 2527"/>
              <a:gd name="T76" fmla="*/ 2147483647 w 1088"/>
              <a:gd name="T77" fmla="*/ 2147483647 h 2527"/>
              <a:gd name="T78" fmla="*/ 2147483647 w 1088"/>
              <a:gd name="T79" fmla="*/ 2147483647 h 2527"/>
              <a:gd name="T80" fmla="*/ 2147483647 w 1088"/>
              <a:gd name="T81" fmla="*/ 2147483647 h 2527"/>
              <a:gd name="T82" fmla="*/ 2147483647 w 1088"/>
              <a:gd name="T83" fmla="*/ 2147483647 h 2527"/>
              <a:gd name="T84" fmla="*/ 2147483647 w 1088"/>
              <a:gd name="T85" fmla="*/ 2147483647 h 2527"/>
              <a:gd name="T86" fmla="*/ 2147483647 w 1088"/>
              <a:gd name="T87" fmla="*/ 2147483647 h 2527"/>
              <a:gd name="T88" fmla="*/ 2147483647 w 1088"/>
              <a:gd name="T89" fmla="*/ 2147483647 h 2527"/>
              <a:gd name="T90" fmla="*/ 2147483647 w 1088"/>
              <a:gd name="T91" fmla="*/ 2147483647 h 2527"/>
              <a:gd name="T92" fmla="*/ 2147483647 w 1088"/>
              <a:gd name="T93" fmla="*/ 2147483647 h 2527"/>
              <a:gd name="T94" fmla="*/ 2147483647 w 1088"/>
              <a:gd name="T95" fmla="*/ 2147483647 h 2527"/>
              <a:gd name="T96" fmla="*/ 2147483647 w 1088"/>
              <a:gd name="T97" fmla="*/ 2147483647 h 2527"/>
              <a:gd name="T98" fmla="*/ 2147483647 w 1088"/>
              <a:gd name="T99" fmla="*/ 2147483647 h 2527"/>
              <a:gd name="T100" fmla="*/ 2147483647 w 1088"/>
              <a:gd name="T101" fmla="*/ 2147483647 h 2527"/>
              <a:gd name="T102" fmla="*/ 2147483647 w 1088"/>
              <a:gd name="T103" fmla="*/ 2147483647 h 2527"/>
              <a:gd name="T104" fmla="*/ 2147483647 w 1088"/>
              <a:gd name="T105" fmla="*/ 2147483647 h 2527"/>
              <a:gd name="T106" fmla="*/ 2147483647 w 1088"/>
              <a:gd name="T107" fmla="*/ 2147483647 h 2527"/>
              <a:gd name="T108" fmla="*/ 2147483647 w 1088"/>
              <a:gd name="T109" fmla="*/ 2147483647 h 2527"/>
              <a:gd name="T110" fmla="*/ 2147483647 w 1088"/>
              <a:gd name="T111" fmla="*/ 2147483647 h 2527"/>
              <a:gd name="T112" fmla="*/ 2147483647 w 1088"/>
              <a:gd name="T113" fmla="*/ 2147483647 h 2527"/>
              <a:gd name="T114" fmla="*/ 2147483647 w 1088"/>
              <a:gd name="T115" fmla="*/ 2147483647 h 2527"/>
              <a:gd name="T116" fmla="*/ 2147483647 w 1088"/>
              <a:gd name="T117" fmla="*/ 2147483647 h 2527"/>
              <a:gd name="T118" fmla="*/ 2147483647 w 1088"/>
              <a:gd name="T119" fmla="*/ 2147483647 h 2527"/>
              <a:gd name="T120" fmla="*/ 2147483647 w 1088"/>
              <a:gd name="T121" fmla="*/ 2147483647 h 2527"/>
              <a:gd name="T122" fmla="*/ 2147483647 w 1088"/>
              <a:gd name="T123" fmla="*/ 2147483647 h 2527"/>
              <a:gd name="T124" fmla="*/ 2147483647 w 1088"/>
              <a:gd name="T125" fmla="*/ 2147483647 h 2527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1088" h="2527">
                <a:moveTo>
                  <a:pt x="286" y="1642"/>
                </a:moveTo>
                <a:lnTo>
                  <a:pt x="288" y="1626"/>
                </a:lnTo>
                <a:lnTo>
                  <a:pt x="280" y="1620"/>
                </a:lnTo>
                <a:lnTo>
                  <a:pt x="276" y="1610"/>
                </a:lnTo>
                <a:lnTo>
                  <a:pt x="282" y="1602"/>
                </a:lnTo>
                <a:lnTo>
                  <a:pt x="292" y="1608"/>
                </a:lnTo>
                <a:lnTo>
                  <a:pt x="302" y="1614"/>
                </a:lnTo>
                <a:lnTo>
                  <a:pt x="302" y="1590"/>
                </a:lnTo>
                <a:lnTo>
                  <a:pt x="310" y="1588"/>
                </a:lnTo>
                <a:lnTo>
                  <a:pt x="328" y="1590"/>
                </a:lnTo>
                <a:lnTo>
                  <a:pt x="332" y="1586"/>
                </a:lnTo>
                <a:lnTo>
                  <a:pt x="334" y="1582"/>
                </a:lnTo>
                <a:lnTo>
                  <a:pt x="336" y="1560"/>
                </a:lnTo>
                <a:lnTo>
                  <a:pt x="350" y="1554"/>
                </a:lnTo>
                <a:lnTo>
                  <a:pt x="374" y="1550"/>
                </a:lnTo>
                <a:lnTo>
                  <a:pt x="386" y="1554"/>
                </a:lnTo>
                <a:lnTo>
                  <a:pt x="398" y="1558"/>
                </a:lnTo>
                <a:lnTo>
                  <a:pt x="412" y="1552"/>
                </a:lnTo>
                <a:lnTo>
                  <a:pt x="420" y="1546"/>
                </a:lnTo>
                <a:lnTo>
                  <a:pt x="426" y="1546"/>
                </a:lnTo>
                <a:lnTo>
                  <a:pt x="434" y="1552"/>
                </a:lnTo>
                <a:lnTo>
                  <a:pt x="450" y="1552"/>
                </a:lnTo>
                <a:lnTo>
                  <a:pt x="462" y="1538"/>
                </a:lnTo>
                <a:lnTo>
                  <a:pt x="464" y="1526"/>
                </a:lnTo>
                <a:lnTo>
                  <a:pt x="478" y="1528"/>
                </a:lnTo>
                <a:lnTo>
                  <a:pt x="482" y="1528"/>
                </a:lnTo>
                <a:lnTo>
                  <a:pt x="488" y="1524"/>
                </a:lnTo>
                <a:lnTo>
                  <a:pt x="496" y="1520"/>
                </a:lnTo>
                <a:lnTo>
                  <a:pt x="488" y="1504"/>
                </a:lnTo>
                <a:lnTo>
                  <a:pt x="490" y="1486"/>
                </a:lnTo>
                <a:lnTo>
                  <a:pt x="504" y="1474"/>
                </a:lnTo>
                <a:lnTo>
                  <a:pt x="516" y="1476"/>
                </a:lnTo>
                <a:lnTo>
                  <a:pt x="532" y="1482"/>
                </a:lnTo>
                <a:lnTo>
                  <a:pt x="548" y="1472"/>
                </a:lnTo>
                <a:lnTo>
                  <a:pt x="544" y="1452"/>
                </a:lnTo>
                <a:lnTo>
                  <a:pt x="544" y="1438"/>
                </a:lnTo>
                <a:lnTo>
                  <a:pt x="540" y="1426"/>
                </a:lnTo>
                <a:lnTo>
                  <a:pt x="554" y="1426"/>
                </a:lnTo>
                <a:lnTo>
                  <a:pt x="564" y="1416"/>
                </a:lnTo>
                <a:lnTo>
                  <a:pt x="566" y="1412"/>
                </a:lnTo>
                <a:lnTo>
                  <a:pt x="568" y="1406"/>
                </a:lnTo>
                <a:lnTo>
                  <a:pt x="570" y="1396"/>
                </a:lnTo>
                <a:lnTo>
                  <a:pt x="588" y="1378"/>
                </a:lnTo>
                <a:lnTo>
                  <a:pt x="594" y="1366"/>
                </a:lnTo>
                <a:lnTo>
                  <a:pt x="594" y="1360"/>
                </a:lnTo>
                <a:lnTo>
                  <a:pt x="594" y="1354"/>
                </a:lnTo>
                <a:lnTo>
                  <a:pt x="596" y="1350"/>
                </a:lnTo>
                <a:lnTo>
                  <a:pt x="604" y="1348"/>
                </a:lnTo>
                <a:lnTo>
                  <a:pt x="610" y="1348"/>
                </a:lnTo>
                <a:lnTo>
                  <a:pt x="624" y="1342"/>
                </a:lnTo>
                <a:lnTo>
                  <a:pt x="636" y="1328"/>
                </a:lnTo>
                <a:lnTo>
                  <a:pt x="650" y="1322"/>
                </a:lnTo>
                <a:lnTo>
                  <a:pt x="654" y="1310"/>
                </a:lnTo>
                <a:lnTo>
                  <a:pt x="666" y="1306"/>
                </a:lnTo>
                <a:lnTo>
                  <a:pt x="680" y="1308"/>
                </a:lnTo>
                <a:lnTo>
                  <a:pt x="688" y="1304"/>
                </a:lnTo>
                <a:lnTo>
                  <a:pt x="692" y="1314"/>
                </a:lnTo>
                <a:lnTo>
                  <a:pt x="706" y="1316"/>
                </a:lnTo>
                <a:lnTo>
                  <a:pt x="720" y="1310"/>
                </a:lnTo>
                <a:lnTo>
                  <a:pt x="722" y="1298"/>
                </a:lnTo>
                <a:lnTo>
                  <a:pt x="728" y="1282"/>
                </a:lnTo>
                <a:lnTo>
                  <a:pt x="734" y="1274"/>
                </a:lnTo>
                <a:lnTo>
                  <a:pt x="732" y="1254"/>
                </a:lnTo>
                <a:lnTo>
                  <a:pt x="730" y="1238"/>
                </a:lnTo>
                <a:lnTo>
                  <a:pt x="724" y="1232"/>
                </a:lnTo>
                <a:lnTo>
                  <a:pt x="712" y="1228"/>
                </a:lnTo>
                <a:lnTo>
                  <a:pt x="698" y="1216"/>
                </a:lnTo>
                <a:lnTo>
                  <a:pt x="676" y="1196"/>
                </a:lnTo>
                <a:lnTo>
                  <a:pt x="670" y="1184"/>
                </a:lnTo>
                <a:lnTo>
                  <a:pt x="658" y="1176"/>
                </a:lnTo>
                <a:lnTo>
                  <a:pt x="652" y="1168"/>
                </a:lnTo>
                <a:lnTo>
                  <a:pt x="650" y="1146"/>
                </a:lnTo>
                <a:lnTo>
                  <a:pt x="648" y="1126"/>
                </a:lnTo>
                <a:lnTo>
                  <a:pt x="632" y="1114"/>
                </a:lnTo>
                <a:lnTo>
                  <a:pt x="610" y="1108"/>
                </a:lnTo>
                <a:lnTo>
                  <a:pt x="588" y="1104"/>
                </a:lnTo>
                <a:lnTo>
                  <a:pt x="578" y="1094"/>
                </a:lnTo>
                <a:lnTo>
                  <a:pt x="562" y="1098"/>
                </a:lnTo>
                <a:lnTo>
                  <a:pt x="552" y="1092"/>
                </a:lnTo>
                <a:lnTo>
                  <a:pt x="550" y="1100"/>
                </a:lnTo>
                <a:lnTo>
                  <a:pt x="560" y="1112"/>
                </a:lnTo>
                <a:lnTo>
                  <a:pt x="576" y="1124"/>
                </a:lnTo>
                <a:lnTo>
                  <a:pt x="590" y="1120"/>
                </a:lnTo>
                <a:lnTo>
                  <a:pt x="610" y="1120"/>
                </a:lnTo>
                <a:lnTo>
                  <a:pt x="624" y="1134"/>
                </a:lnTo>
                <a:lnTo>
                  <a:pt x="636" y="1146"/>
                </a:lnTo>
                <a:lnTo>
                  <a:pt x="638" y="1158"/>
                </a:lnTo>
                <a:lnTo>
                  <a:pt x="634" y="1166"/>
                </a:lnTo>
                <a:lnTo>
                  <a:pt x="624" y="1166"/>
                </a:lnTo>
                <a:lnTo>
                  <a:pt x="614" y="1166"/>
                </a:lnTo>
                <a:lnTo>
                  <a:pt x="616" y="1174"/>
                </a:lnTo>
                <a:lnTo>
                  <a:pt x="624" y="1180"/>
                </a:lnTo>
                <a:lnTo>
                  <a:pt x="620" y="1186"/>
                </a:lnTo>
                <a:lnTo>
                  <a:pt x="608" y="1178"/>
                </a:lnTo>
                <a:lnTo>
                  <a:pt x="598" y="1166"/>
                </a:lnTo>
                <a:lnTo>
                  <a:pt x="588" y="1152"/>
                </a:lnTo>
                <a:lnTo>
                  <a:pt x="576" y="1142"/>
                </a:lnTo>
                <a:lnTo>
                  <a:pt x="572" y="1142"/>
                </a:lnTo>
                <a:lnTo>
                  <a:pt x="574" y="1150"/>
                </a:lnTo>
                <a:lnTo>
                  <a:pt x="582" y="1160"/>
                </a:lnTo>
                <a:lnTo>
                  <a:pt x="590" y="1164"/>
                </a:lnTo>
                <a:lnTo>
                  <a:pt x="592" y="1174"/>
                </a:lnTo>
                <a:lnTo>
                  <a:pt x="590" y="1180"/>
                </a:lnTo>
                <a:lnTo>
                  <a:pt x="594" y="1188"/>
                </a:lnTo>
                <a:lnTo>
                  <a:pt x="598" y="1194"/>
                </a:lnTo>
                <a:lnTo>
                  <a:pt x="588" y="1196"/>
                </a:lnTo>
                <a:lnTo>
                  <a:pt x="576" y="1188"/>
                </a:lnTo>
                <a:lnTo>
                  <a:pt x="568" y="1182"/>
                </a:lnTo>
                <a:lnTo>
                  <a:pt x="564" y="1170"/>
                </a:lnTo>
                <a:lnTo>
                  <a:pt x="556" y="1168"/>
                </a:lnTo>
                <a:lnTo>
                  <a:pt x="560" y="1174"/>
                </a:lnTo>
                <a:lnTo>
                  <a:pt x="566" y="1190"/>
                </a:lnTo>
                <a:lnTo>
                  <a:pt x="574" y="1196"/>
                </a:lnTo>
                <a:lnTo>
                  <a:pt x="586" y="1202"/>
                </a:lnTo>
                <a:lnTo>
                  <a:pt x="596" y="1208"/>
                </a:lnTo>
                <a:lnTo>
                  <a:pt x="602" y="1216"/>
                </a:lnTo>
                <a:lnTo>
                  <a:pt x="602" y="1226"/>
                </a:lnTo>
                <a:lnTo>
                  <a:pt x="592" y="1228"/>
                </a:lnTo>
                <a:lnTo>
                  <a:pt x="600" y="1238"/>
                </a:lnTo>
                <a:lnTo>
                  <a:pt x="612" y="1248"/>
                </a:lnTo>
                <a:lnTo>
                  <a:pt x="626" y="1254"/>
                </a:lnTo>
                <a:lnTo>
                  <a:pt x="640" y="1256"/>
                </a:lnTo>
                <a:lnTo>
                  <a:pt x="656" y="1254"/>
                </a:lnTo>
                <a:lnTo>
                  <a:pt x="666" y="1262"/>
                </a:lnTo>
                <a:lnTo>
                  <a:pt x="670" y="1264"/>
                </a:lnTo>
                <a:lnTo>
                  <a:pt x="674" y="1266"/>
                </a:lnTo>
                <a:lnTo>
                  <a:pt x="678" y="1268"/>
                </a:lnTo>
                <a:lnTo>
                  <a:pt x="690" y="1282"/>
                </a:lnTo>
                <a:lnTo>
                  <a:pt x="698" y="1290"/>
                </a:lnTo>
                <a:lnTo>
                  <a:pt x="696" y="1304"/>
                </a:lnTo>
                <a:lnTo>
                  <a:pt x="692" y="1304"/>
                </a:lnTo>
                <a:lnTo>
                  <a:pt x="688" y="1302"/>
                </a:lnTo>
                <a:lnTo>
                  <a:pt x="682" y="1306"/>
                </a:lnTo>
                <a:lnTo>
                  <a:pt x="676" y="1306"/>
                </a:lnTo>
                <a:lnTo>
                  <a:pt x="670" y="1304"/>
                </a:lnTo>
                <a:lnTo>
                  <a:pt x="664" y="1304"/>
                </a:lnTo>
                <a:lnTo>
                  <a:pt x="660" y="1302"/>
                </a:lnTo>
                <a:lnTo>
                  <a:pt x="654" y="1294"/>
                </a:lnTo>
                <a:lnTo>
                  <a:pt x="642" y="1294"/>
                </a:lnTo>
                <a:lnTo>
                  <a:pt x="642" y="1304"/>
                </a:lnTo>
                <a:lnTo>
                  <a:pt x="648" y="1310"/>
                </a:lnTo>
                <a:lnTo>
                  <a:pt x="652" y="1314"/>
                </a:lnTo>
                <a:lnTo>
                  <a:pt x="648" y="1320"/>
                </a:lnTo>
                <a:lnTo>
                  <a:pt x="634" y="1326"/>
                </a:lnTo>
                <a:lnTo>
                  <a:pt x="622" y="1342"/>
                </a:lnTo>
                <a:lnTo>
                  <a:pt x="610" y="1346"/>
                </a:lnTo>
                <a:lnTo>
                  <a:pt x="594" y="1350"/>
                </a:lnTo>
                <a:lnTo>
                  <a:pt x="592" y="1354"/>
                </a:lnTo>
                <a:lnTo>
                  <a:pt x="592" y="1358"/>
                </a:lnTo>
                <a:lnTo>
                  <a:pt x="592" y="1366"/>
                </a:lnTo>
                <a:lnTo>
                  <a:pt x="586" y="1376"/>
                </a:lnTo>
                <a:lnTo>
                  <a:pt x="568" y="1394"/>
                </a:lnTo>
                <a:lnTo>
                  <a:pt x="568" y="1398"/>
                </a:lnTo>
                <a:lnTo>
                  <a:pt x="564" y="1410"/>
                </a:lnTo>
                <a:lnTo>
                  <a:pt x="554" y="1420"/>
                </a:lnTo>
                <a:lnTo>
                  <a:pt x="550" y="1416"/>
                </a:lnTo>
                <a:lnTo>
                  <a:pt x="550" y="1402"/>
                </a:lnTo>
                <a:lnTo>
                  <a:pt x="538" y="1400"/>
                </a:lnTo>
                <a:lnTo>
                  <a:pt x="538" y="1390"/>
                </a:lnTo>
                <a:lnTo>
                  <a:pt x="524" y="1372"/>
                </a:lnTo>
                <a:lnTo>
                  <a:pt x="502" y="1352"/>
                </a:lnTo>
                <a:lnTo>
                  <a:pt x="478" y="1346"/>
                </a:lnTo>
                <a:lnTo>
                  <a:pt x="462" y="1342"/>
                </a:lnTo>
                <a:lnTo>
                  <a:pt x="438" y="1334"/>
                </a:lnTo>
                <a:lnTo>
                  <a:pt x="426" y="1322"/>
                </a:lnTo>
                <a:lnTo>
                  <a:pt x="416" y="1314"/>
                </a:lnTo>
                <a:lnTo>
                  <a:pt x="406" y="1312"/>
                </a:lnTo>
                <a:lnTo>
                  <a:pt x="404" y="1318"/>
                </a:lnTo>
                <a:lnTo>
                  <a:pt x="394" y="1316"/>
                </a:lnTo>
                <a:lnTo>
                  <a:pt x="388" y="1308"/>
                </a:lnTo>
                <a:lnTo>
                  <a:pt x="376" y="1310"/>
                </a:lnTo>
                <a:lnTo>
                  <a:pt x="374" y="1320"/>
                </a:lnTo>
                <a:lnTo>
                  <a:pt x="376" y="1340"/>
                </a:lnTo>
                <a:lnTo>
                  <a:pt x="368" y="1346"/>
                </a:lnTo>
                <a:lnTo>
                  <a:pt x="356" y="1354"/>
                </a:lnTo>
                <a:lnTo>
                  <a:pt x="356" y="1366"/>
                </a:lnTo>
                <a:lnTo>
                  <a:pt x="358" y="1372"/>
                </a:lnTo>
                <a:lnTo>
                  <a:pt x="356" y="1376"/>
                </a:lnTo>
                <a:lnTo>
                  <a:pt x="356" y="1378"/>
                </a:lnTo>
                <a:lnTo>
                  <a:pt x="354" y="1380"/>
                </a:lnTo>
                <a:lnTo>
                  <a:pt x="344" y="1382"/>
                </a:lnTo>
                <a:lnTo>
                  <a:pt x="348" y="1394"/>
                </a:lnTo>
                <a:lnTo>
                  <a:pt x="366" y="1406"/>
                </a:lnTo>
                <a:lnTo>
                  <a:pt x="380" y="1416"/>
                </a:lnTo>
                <a:lnTo>
                  <a:pt x="398" y="1430"/>
                </a:lnTo>
                <a:lnTo>
                  <a:pt x="398" y="1442"/>
                </a:lnTo>
                <a:lnTo>
                  <a:pt x="406" y="1454"/>
                </a:lnTo>
                <a:lnTo>
                  <a:pt x="416" y="1456"/>
                </a:lnTo>
                <a:lnTo>
                  <a:pt x="426" y="1472"/>
                </a:lnTo>
                <a:lnTo>
                  <a:pt x="440" y="1484"/>
                </a:lnTo>
                <a:lnTo>
                  <a:pt x="444" y="1490"/>
                </a:lnTo>
                <a:lnTo>
                  <a:pt x="448" y="1498"/>
                </a:lnTo>
                <a:lnTo>
                  <a:pt x="458" y="1506"/>
                </a:lnTo>
                <a:lnTo>
                  <a:pt x="462" y="1510"/>
                </a:lnTo>
                <a:lnTo>
                  <a:pt x="464" y="1512"/>
                </a:lnTo>
                <a:lnTo>
                  <a:pt x="466" y="1516"/>
                </a:lnTo>
                <a:lnTo>
                  <a:pt x="464" y="1520"/>
                </a:lnTo>
                <a:lnTo>
                  <a:pt x="462" y="1524"/>
                </a:lnTo>
                <a:lnTo>
                  <a:pt x="462" y="1526"/>
                </a:lnTo>
                <a:lnTo>
                  <a:pt x="460" y="1538"/>
                </a:lnTo>
                <a:lnTo>
                  <a:pt x="448" y="1550"/>
                </a:lnTo>
                <a:lnTo>
                  <a:pt x="434" y="1550"/>
                </a:lnTo>
                <a:lnTo>
                  <a:pt x="428" y="1544"/>
                </a:lnTo>
                <a:lnTo>
                  <a:pt x="418" y="1544"/>
                </a:lnTo>
                <a:lnTo>
                  <a:pt x="412" y="1548"/>
                </a:lnTo>
                <a:lnTo>
                  <a:pt x="406" y="1540"/>
                </a:lnTo>
                <a:lnTo>
                  <a:pt x="392" y="1540"/>
                </a:lnTo>
                <a:lnTo>
                  <a:pt x="380" y="1526"/>
                </a:lnTo>
                <a:lnTo>
                  <a:pt x="356" y="1526"/>
                </a:lnTo>
                <a:lnTo>
                  <a:pt x="346" y="1532"/>
                </a:lnTo>
                <a:lnTo>
                  <a:pt x="326" y="1538"/>
                </a:lnTo>
                <a:lnTo>
                  <a:pt x="308" y="1520"/>
                </a:lnTo>
                <a:lnTo>
                  <a:pt x="298" y="1520"/>
                </a:lnTo>
                <a:lnTo>
                  <a:pt x="284" y="1506"/>
                </a:lnTo>
                <a:lnTo>
                  <a:pt x="286" y="1500"/>
                </a:lnTo>
                <a:lnTo>
                  <a:pt x="292" y="1500"/>
                </a:lnTo>
                <a:lnTo>
                  <a:pt x="286" y="1490"/>
                </a:lnTo>
                <a:lnTo>
                  <a:pt x="286" y="1482"/>
                </a:lnTo>
                <a:lnTo>
                  <a:pt x="282" y="1474"/>
                </a:lnTo>
                <a:lnTo>
                  <a:pt x="272" y="1486"/>
                </a:lnTo>
                <a:lnTo>
                  <a:pt x="264" y="1500"/>
                </a:lnTo>
                <a:lnTo>
                  <a:pt x="256" y="1510"/>
                </a:lnTo>
                <a:lnTo>
                  <a:pt x="236" y="1510"/>
                </a:lnTo>
                <a:lnTo>
                  <a:pt x="248" y="1488"/>
                </a:lnTo>
                <a:lnTo>
                  <a:pt x="268" y="1446"/>
                </a:lnTo>
                <a:lnTo>
                  <a:pt x="278" y="1438"/>
                </a:lnTo>
                <a:lnTo>
                  <a:pt x="284" y="1422"/>
                </a:lnTo>
                <a:lnTo>
                  <a:pt x="298" y="1402"/>
                </a:lnTo>
                <a:lnTo>
                  <a:pt x="314" y="1358"/>
                </a:lnTo>
                <a:lnTo>
                  <a:pt x="340" y="1302"/>
                </a:lnTo>
                <a:lnTo>
                  <a:pt x="358" y="1246"/>
                </a:lnTo>
                <a:lnTo>
                  <a:pt x="378" y="1204"/>
                </a:lnTo>
                <a:lnTo>
                  <a:pt x="378" y="1142"/>
                </a:lnTo>
                <a:lnTo>
                  <a:pt x="356" y="1128"/>
                </a:lnTo>
                <a:lnTo>
                  <a:pt x="348" y="1112"/>
                </a:lnTo>
                <a:lnTo>
                  <a:pt x="326" y="1102"/>
                </a:lnTo>
                <a:lnTo>
                  <a:pt x="300" y="1094"/>
                </a:lnTo>
                <a:lnTo>
                  <a:pt x="258" y="1068"/>
                </a:lnTo>
                <a:lnTo>
                  <a:pt x="274" y="1052"/>
                </a:lnTo>
                <a:lnTo>
                  <a:pt x="274" y="1034"/>
                </a:lnTo>
                <a:lnTo>
                  <a:pt x="282" y="1022"/>
                </a:lnTo>
                <a:lnTo>
                  <a:pt x="282" y="1012"/>
                </a:lnTo>
                <a:lnTo>
                  <a:pt x="274" y="994"/>
                </a:lnTo>
                <a:lnTo>
                  <a:pt x="260" y="988"/>
                </a:lnTo>
                <a:lnTo>
                  <a:pt x="242" y="986"/>
                </a:lnTo>
                <a:lnTo>
                  <a:pt x="240" y="970"/>
                </a:lnTo>
                <a:lnTo>
                  <a:pt x="228" y="966"/>
                </a:lnTo>
                <a:lnTo>
                  <a:pt x="228" y="956"/>
                </a:lnTo>
                <a:lnTo>
                  <a:pt x="238" y="942"/>
                </a:lnTo>
                <a:lnTo>
                  <a:pt x="226" y="932"/>
                </a:lnTo>
                <a:lnTo>
                  <a:pt x="210" y="936"/>
                </a:lnTo>
                <a:lnTo>
                  <a:pt x="198" y="920"/>
                </a:lnTo>
                <a:lnTo>
                  <a:pt x="190" y="906"/>
                </a:lnTo>
                <a:lnTo>
                  <a:pt x="202" y="892"/>
                </a:lnTo>
                <a:lnTo>
                  <a:pt x="200" y="884"/>
                </a:lnTo>
                <a:lnTo>
                  <a:pt x="186" y="882"/>
                </a:lnTo>
                <a:lnTo>
                  <a:pt x="184" y="860"/>
                </a:lnTo>
                <a:lnTo>
                  <a:pt x="180" y="842"/>
                </a:lnTo>
                <a:lnTo>
                  <a:pt x="180" y="824"/>
                </a:lnTo>
                <a:lnTo>
                  <a:pt x="196" y="816"/>
                </a:lnTo>
                <a:lnTo>
                  <a:pt x="184" y="788"/>
                </a:lnTo>
                <a:lnTo>
                  <a:pt x="162" y="756"/>
                </a:lnTo>
                <a:lnTo>
                  <a:pt x="144" y="734"/>
                </a:lnTo>
                <a:lnTo>
                  <a:pt x="116" y="698"/>
                </a:lnTo>
                <a:lnTo>
                  <a:pt x="100" y="680"/>
                </a:lnTo>
                <a:lnTo>
                  <a:pt x="96" y="650"/>
                </a:lnTo>
                <a:lnTo>
                  <a:pt x="106" y="616"/>
                </a:lnTo>
                <a:lnTo>
                  <a:pt x="116" y="590"/>
                </a:lnTo>
                <a:lnTo>
                  <a:pt x="122" y="570"/>
                </a:lnTo>
                <a:lnTo>
                  <a:pt x="114" y="558"/>
                </a:lnTo>
                <a:lnTo>
                  <a:pt x="94" y="550"/>
                </a:lnTo>
                <a:lnTo>
                  <a:pt x="70" y="520"/>
                </a:lnTo>
                <a:lnTo>
                  <a:pt x="40" y="516"/>
                </a:lnTo>
                <a:lnTo>
                  <a:pt x="14" y="478"/>
                </a:lnTo>
                <a:lnTo>
                  <a:pt x="10" y="464"/>
                </a:lnTo>
                <a:lnTo>
                  <a:pt x="16" y="424"/>
                </a:lnTo>
                <a:lnTo>
                  <a:pt x="0" y="422"/>
                </a:lnTo>
                <a:lnTo>
                  <a:pt x="20" y="400"/>
                </a:lnTo>
                <a:lnTo>
                  <a:pt x="30" y="390"/>
                </a:lnTo>
                <a:lnTo>
                  <a:pt x="28" y="358"/>
                </a:lnTo>
                <a:lnTo>
                  <a:pt x="56" y="338"/>
                </a:lnTo>
                <a:lnTo>
                  <a:pt x="56" y="306"/>
                </a:lnTo>
                <a:lnTo>
                  <a:pt x="68" y="308"/>
                </a:lnTo>
                <a:lnTo>
                  <a:pt x="82" y="310"/>
                </a:lnTo>
                <a:lnTo>
                  <a:pt x="88" y="302"/>
                </a:lnTo>
                <a:lnTo>
                  <a:pt x="84" y="288"/>
                </a:lnTo>
                <a:lnTo>
                  <a:pt x="80" y="278"/>
                </a:lnTo>
                <a:lnTo>
                  <a:pt x="98" y="276"/>
                </a:lnTo>
                <a:lnTo>
                  <a:pt x="110" y="284"/>
                </a:lnTo>
                <a:lnTo>
                  <a:pt x="122" y="276"/>
                </a:lnTo>
                <a:lnTo>
                  <a:pt x="116" y="256"/>
                </a:lnTo>
                <a:lnTo>
                  <a:pt x="130" y="256"/>
                </a:lnTo>
                <a:lnTo>
                  <a:pt x="138" y="272"/>
                </a:lnTo>
                <a:lnTo>
                  <a:pt x="140" y="284"/>
                </a:lnTo>
                <a:lnTo>
                  <a:pt x="152" y="284"/>
                </a:lnTo>
                <a:lnTo>
                  <a:pt x="158" y="294"/>
                </a:lnTo>
                <a:lnTo>
                  <a:pt x="182" y="290"/>
                </a:lnTo>
                <a:lnTo>
                  <a:pt x="186" y="300"/>
                </a:lnTo>
                <a:lnTo>
                  <a:pt x="212" y="288"/>
                </a:lnTo>
                <a:lnTo>
                  <a:pt x="214" y="314"/>
                </a:lnTo>
                <a:lnTo>
                  <a:pt x="216" y="326"/>
                </a:lnTo>
                <a:lnTo>
                  <a:pt x="222" y="328"/>
                </a:lnTo>
                <a:lnTo>
                  <a:pt x="224" y="308"/>
                </a:lnTo>
                <a:lnTo>
                  <a:pt x="226" y="296"/>
                </a:lnTo>
                <a:lnTo>
                  <a:pt x="240" y="290"/>
                </a:lnTo>
                <a:lnTo>
                  <a:pt x="242" y="280"/>
                </a:lnTo>
                <a:lnTo>
                  <a:pt x="256" y="288"/>
                </a:lnTo>
                <a:lnTo>
                  <a:pt x="300" y="292"/>
                </a:lnTo>
                <a:lnTo>
                  <a:pt x="302" y="278"/>
                </a:lnTo>
                <a:lnTo>
                  <a:pt x="346" y="280"/>
                </a:lnTo>
                <a:lnTo>
                  <a:pt x="414" y="302"/>
                </a:lnTo>
                <a:lnTo>
                  <a:pt x="442" y="308"/>
                </a:lnTo>
                <a:lnTo>
                  <a:pt x="470" y="328"/>
                </a:lnTo>
                <a:lnTo>
                  <a:pt x="486" y="330"/>
                </a:lnTo>
                <a:lnTo>
                  <a:pt x="496" y="340"/>
                </a:lnTo>
                <a:lnTo>
                  <a:pt x="514" y="334"/>
                </a:lnTo>
                <a:lnTo>
                  <a:pt x="540" y="342"/>
                </a:lnTo>
                <a:lnTo>
                  <a:pt x="554" y="352"/>
                </a:lnTo>
                <a:lnTo>
                  <a:pt x="572" y="350"/>
                </a:lnTo>
                <a:lnTo>
                  <a:pt x="574" y="342"/>
                </a:lnTo>
                <a:lnTo>
                  <a:pt x="590" y="352"/>
                </a:lnTo>
                <a:lnTo>
                  <a:pt x="612" y="362"/>
                </a:lnTo>
                <a:lnTo>
                  <a:pt x="614" y="374"/>
                </a:lnTo>
                <a:lnTo>
                  <a:pt x="620" y="366"/>
                </a:lnTo>
                <a:lnTo>
                  <a:pt x="650" y="366"/>
                </a:lnTo>
                <a:lnTo>
                  <a:pt x="660" y="394"/>
                </a:lnTo>
                <a:lnTo>
                  <a:pt x="670" y="400"/>
                </a:lnTo>
                <a:lnTo>
                  <a:pt x="676" y="418"/>
                </a:lnTo>
                <a:lnTo>
                  <a:pt x="692" y="422"/>
                </a:lnTo>
                <a:lnTo>
                  <a:pt x="702" y="450"/>
                </a:lnTo>
                <a:lnTo>
                  <a:pt x="702" y="482"/>
                </a:lnTo>
                <a:lnTo>
                  <a:pt x="698" y="526"/>
                </a:lnTo>
                <a:lnTo>
                  <a:pt x="676" y="568"/>
                </a:lnTo>
                <a:lnTo>
                  <a:pt x="650" y="596"/>
                </a:lnTo>
                <a:lnTo>
                  <a:pt x="618" y="622"/>
                </a:lnTo>
                <a:lnTo>
                  <a:pt x="584" y="630"/>
                </a:lnTo>
                <a:lnTo>
                  <a:pt x="554" y="628"/>
                </a:lnTo>
                <a:lnTo>
                  <a:pt x="510" y="628"/>
                </a:lnTo>
                <a:lnTo>
                  <a:pt x="502" y="634"/>
                </a:lnTo>
                <a:lnTo>
                  <a:pt x="470" y="638"/>
                </a:lnTo>
                <a:lnTo>
                  <a:pt x="436" y="638"/>
                </a:lnTo>
                <a:lnTo>
                  <a:pt x="406" y="626"/>
                </a:lnTo>
                <a:lnTo>
                  <a:pt x="392" y="634"/>
                </a:lnTo>
                <a:lnTo>
                  <a:pt x="384" y="638"/>
                </a:lnTo>
                <a:lnTo>
                  <a:pt x="376" y="626"/>
                </a:lnTo>
                <a:lnTo>
                  <a:pt x="364" y="626"/>
                </a:lnTo>
                <a:lnTo>
                  <a:pt x="350" y="626"/>
                </a:lnTo>
                <a:lnTo>
                  <a:pt x="334" y="618"/>
                </a:lnTo>
                <a:lnTo>
                  <a:pt x="328" y="618"/>
                </a:lnTo>
                <a:lnTo>
                  <a:pt x="328" y="628"/>
                </a:lnTo>
                <a:lnTo>
                  <a:pt x="312" y="626"/>
                </a:lnTo>
                <a:lnTo>
                  <a:pt x="290" y="614"/>
                </a:lnTo>
                <a:lnTo>
                  <a:pt x="282" y="608"/>
                </a:lnTo>
                <a:lnTo>
                  <a:pt x="284" y="598"/>
                </a:lnTo>
                <a:lnTo>
                  <a:pt x="250" y="594"/>
                </a:lnTo>
                <a:lnTo>
                  <a:pt x="246" y="602"/>
                </a:lnTo>
                <a:lnTo>
                  <a:pt x="256" y="608"/>
                </a:lnTo>
                <a:lnTo>
                  <a:pt x="270" y="612"/>
                </a:lnTo>
                <a:lnTo>
                  <a:pt x="272" y="628"/>
                </a:lnTo>
                <a:lnTo>
                  <a:pt x="296" y="636"/>
                </a:lnTo>
                <a:lnTo>
                  <a:pt x="302" y="644"/>
                </a:lnTo>
                <a:lnTo>
                  <a:pt x="318" y="646"/>
                </a:lnTo>
                <a:lnTo>
                  <a:pt x="334" y="652"/>
                </a:lnTo>
                <a:lnTo>
                  <a:pt x="324" y="660"/>
                </a:lnTo>
                <a:lnTo>
                  <a:pt x="352" y="666"/>
                </a:lnTo>
                <a:lnTo>
                  <a:pt x="352" y="682"/>
                </a:lnTo>
                <a:lnTo>
                  <a:pt x="374" y="688"/>
                </a:lnTo>
                <a:lnTo>
                  <a:pt x="402" y="690"/>
                </a:lnTo>
                <a:lnTo>
                  <a:pt x="428" y="708"/>
                </a:lnTo>
                <a:lnTo>
                  <a:pt x="446" y="728"/>
                </a:lnTo>
                <a:lnTo>
                  <a:pt x="442" y="732"/>
                </a:lnTo>
                <a:lnTo>
                  <a:pt x="434" y="734"/>
                </a:lnTo>
                <a:lnTo>
                  <a:pt x="436" y="742"/>
                </a:lnTo>
                <a:lnTo>
                  <a:pt x="440" y="750"/>
                </a:lnTo>
                <a:lnTo>
                  <a:pt x="446" y="754"/>
                </a:lnTo>
                <a:lnTo>
                  <a:pt x="446" y="778"/>
                </a:lnTo>
                <a:lnTo>
                  <a:pt x="436" y="782"/>
                </a:lnTo>
                <a:lnTo>
                  <a:pt x="438" y="790"/>
                </a:lnTo>
                <a:lnTo>
                  <a:pt x="456" y="808"/>
                </a:lnTo>
                <a:lnTo>
                  <a:pt x="468" y="816"/>
                </a:lnTo>
                <a:lnTo>
                  <a:pt x="472" y="834"/>
                </a:lnTo>
                <a:lnTo>
                  <a:pt x="486" y="844"/>
                </a:lnTo>
                <a:lnTo>
                  <a:pt x="492" y="850"/>
                </a:lnTo>
                <a:lnTo>
                  <a:pt x="494" y="866"/>
                </a:lnTo>
                <a:lnTo>
                  <a:pt x="494" y="884"/>
                </a:lnTo>
                <a:lnTo>
                  <a:pt x="524" y="896"/>
                </a:lnTo>
                <a:lnTo>
                  <a:pt x="542" y="896"/>
                </a:lnTo>
                <a:lnTo>
                  <a:pt x="546" y="888"/>
                </a:lnTo>
                <a:lnTo>
                  <a:pt x="558" y="884"/>
                </a:lnTo>
                <a:lnTo>
                  <a:pt x="566" y="900"/>
                </a:lnTo>
                <a:lnTo>
                  <a:pt x="580" y="896"/>
                </a:lnTo>
                <a:lnTo>
                  <a:pt x="592" y="906"/>
                </a:lnTo>
                <a:lnTo>
                  <a:pt x="596" y="916"/>
                </a:lnTo>
                <a:lnTo>
                  <a:pt x="628" y="920"/>
                </a:lnTo>
                <a:lnTo>
                  <a:pt x="656" y="916"/>
                </a:lnTo>
                <a:lnTo>
                  <a:pt x="666" y="922"/>
                </a:lnTo>
                <a:lnTo>
                  <a:pt x="674" y="918"/>
                </a:lnTo>
                <a:lnTo>
                  <a:pt x="676" y="904"/>
                </a:lnTo>
                <a:lnTo>
                  <a:pt x="690" y="894"/>
                </a:lnTo>
                <a:lnTo>
                  <a:pt x="692" y="876"/>
                </a:lnTo>
                <a:lnTo>
                  <a:pt x="674" y="858"/>
                </a:lnTo>
                <a:lnTo>
                  <a:pt x="674" y="848"/>
                </a:lnTo>
                <a:lnTo>
                  <a:pt x="652" y="834"/>
                </a:lnTo>
                <a:lnTo>
                  <a:pt x="644" y="850"/>
                </a:lnTo>
                <a:lnTo>
                  <a:pt x="630" y="854"/>
                </a:lnTo>
                <a:lnTo>
                  <a:pt x="588" y="822"/>
                </a:lnTo>
                <a:lnTo>
                  <a:pt x="578" y="822"/>
                </a:lnTo>
                <a:lnTo>
                  <a:pt x="566" y="804"/>
                </a:lnTo>
                <a:lnTo>
                  <a:pt x="582" y="790"/>
                </a:lnTo>
                <a:lnTo>
                  <a:pt x="574" y="774"/>
                </a:lnTo>
                <a:lnTo>
                  <a:pt x="578" y="756"/>
                </a:lnTo>
                <a:lnTo>
                  <a:pt x="610" y="756"/>
                </a:lnTo>
                <a:lnTo>
                  <a:pt x="630" y="766"/>
                </a:lnTo>
                <a:lnTo>
                  <a:pt x="638" y="774"/>
                </a:lnTo>
                <a:lnTo>
                  <a:pt x="668" y="776"/>
                </a:lnTo>
                <a:lnTo>
                  <a:pt x="662" y="784"/>
                </a:lnTo>
                <a:lnTo>
                  <a:pt x="660" y="792"/>
                </a:lnTo>
                <a:lnTo>
                  <a:pt x="666" y="794"/>
                </a:lnTo>
                <a:lnTo>
                  <a:pt x="672" y="784"/>
                </a:lnTo>
                <a:lnTo>
                  <a:pt x="676" y="774"/>
                </a:lnTo>
                <a:lnTo>
                  <a:pt x="706" y="774"/>
                </a:lnTo>
                <a:lnTo>
                  <a:pt x="738" y="778"/>
                </a:lnTo>
                <a:lnTo>
                  <a:pt x="754" y="776"/>
                </a:lnTo>
                <a:lnTo>
                  <a:pt x="758" y="764"/>
                </a:lnTo>
                <a:lnTo>
                  <a:pt x="804" y="764"/>
                </a:lnTo>
                <a:lnTo>
                  <a:pt x="818" y="762"/>
                </a:lnTo>
                <a:lnTo>
                  <a:pt x="810" y="754"/>
                </a:lnTo>
                <a:lnTo>
                  <a:pt x="800" y="758"/>
                </a:lnTo>
                <a:lnTo>
                  <a:pt x="786" y="750"/>
                </a:lnTo>
                <a:lnTo>
                  <a:pt x="782" y="740"/>
                </a:lnTo>
                <a:lnTo>
                  <a:pt x="782" y="732"/>
                </a:lnTo>
                <a:lnTo>
                  <a:pt x="760" y="710"/>
                </a:lnTo>
                <a:lnTo>
                  <a:pt x="738" y="700"/>
                </a:lnTo>
                <a:lnTo>
                  <a:pt x="718" y="684"/>
                </a:lnTo>
                <a:lnTo>
                  <a:pt x="704" y="666"/>
                </a:lnTo>
                <a:lnTo>
                  <a:pt x="704" y="642"/>
                </a:lnTo>
                <a:lnTo>
                  <a:pt x="718" y="628"/>
                </a:lnTo>
                <a:lnTo>
                  <a:pt x="722" y="622"/>
                </a:lnTo>
                <a:lnTo>
                  <a:pt x="726" y="612"/>
                </a:lnTo>
                <a:lnTo>
                  <a:pt x="726" y="584"/>
                </a:lnTo>
                <a:lnTo>
                  <a:pt x="754" y="562"/>
                </a:lnTo>
                <a:lnTo>
                  <a:pt x="766" y="528"/>
                </a:lnTo>
                <a:lnTo>
                  <a:pt x="768" y="504"/>
                </a:lnTo>
                <a:lnTo>
                  <a:pt x="770" y="482"/>
                </a:lnTo>
                <a:lnTo>
                  <a:pt x="794" y="482"/>
                </a:lnTo>
                <a:lnTo>
                  <a:pt x="804" y="486"/>
                </a:lnTo>
                <a:lnTo>
                  <a:pt x="828" y="470"/>
                </a:lnTo>
                <a:lnTo>
                  <a:pt x="842" y="478"/>
                </a:lnTo>
                <a:lnTo>
                  <a:pt x="858" y="480"/>
                </a:lnTo>
                <a:lnTo>
                  <a:pt x="856" y="492"/>
                </a:lnTo>
                <a:lnTo>
                  <a:pt x="850" y="504"/>
                </a:lnTo>
                <a:lnTo>
                  <a:pt x="854" y="512"/>
                </a:lnTo>
                <a:lnTo>
                  <a:pt x="858" y="506"/>
                </a:lnTo>
                <a:lnTo>
                  <a:pt x="864" y="490"/>
                </a:lnTo>
                <a:lnTo>
                  <a:pt x="874" y="484"/>
                </a:lnTo>
                <a:lnTo>
                  <a:pt x="882" y="494"/>
                </a:lnTo>
                <a:lnTo>
                  <a:pt x="894" y="508"/>
                </a:lnTo>
                <a:lnTo>
                  <a:pt x="894" y="496"/>
                </a:lnTo>
                <a:lnTo>
                  <a:pt x="878" y="472"/>
                </a:lnTo>
                <a:lnTo>
                  <a:pt x="874" y="440"/>
                </a:lnTo>
                <a:lnTo>
                  <a:pt x="872" y="410"/>
                </a:lnTo>
                <a:lnTo>
                  <a:pt x="860" y="404"/>
                </a:lnTo>
                <a:lnTo>
                  <a:pt x="858" y="388"/>
                </a:lnTo>
                <a:lnTo>
                  <a:pt x="844" y="374"/>
                </a:lnTo>
                <a:lnTo>
                  <a:pt x="828" y="364"/>
                </a:lnTo>
                <a:lnTo>
                  <a:pt x="818" y="364"/>
                </a:lnTo>
                <a:lnTo>
                  <a:pt x="812" y="372"/>
                </a:lnTo>
                <a:lnTo>
                  <a:pt x="804" y="362"/>
                </a:lnTo>
                <a:lnTo>
                  <a:pt x="796" y="346"/>
                </a:lnTo>
                <a:lnTo>
                  <a:pt x="790" y="300"/>
                </a:lnTo>
                <a:lnTo>
                  <a:pt x="778" y="262"/>
                </a:lnTo>
                <a:lnTo>
                  <a:pt x="768" y="242"/>
                </a:lnTo>
                <a:lnTo>
                  <a:pt x="756" y="222"/>
                </a:lnTo>
                <a:lnTo>
                  <a:pt x="742" y="216"/>
                </a:lnTo>
                <a:lnTo>
                  <a:pt x="722" y="216"/>
                </a:lnTo>
                <a:lnTo>
                  <a:pt x="708" y="210"/>
                </a:lnTo>
                <a:lnTo>
                  <a:pt x="698" y="204"/>
                </a:lnTo>
                <a:lnTo>
                  <a:pt x="694" y="198"/>
                </a:lnTo>
                <a:lnTo>
                  <a:pt x="704" y="190"/>
                </a:lnTo>
                <a:lnTo>
                  <a:pt x="716" y="194"/>
                </a:lnTo>
                <a:lnTo>
                  <a:pt x="734" y="196"/>
                </a:lnTo>
                <a:lnTo>
                  <a:pt x="748" y="188"/>
                </a:lnTo>
                <a:lnTo>
                  <a:pt x="774" y="172"/>
                </a:lnTo>
                <a:lnTo>
                  <a:pt x="788" y="164"/>
                </a:lnTo>
                <a:lnTo>
                  <a:pt x="822" y="162"/>
                </a:lnTo>
                <a:lnTo>
                  <a:pt x="832" y="170"/>
                </a:lnTo>
                <a:lnTo>
                  <a:pt x="850" y="184"/>
                </a:lnTo>
                <a:lnTo>
                  <a:pt x="870" y="184"/>
                </a:lnTo>
                <a:lnTo>
                  <a:pt x="886" y="202"/>
                </a:lnTo>
                <a:lnTo>
                  <a:pt x="904" y="218"/>
                </a:lnTo>
                <a:lnTo>
                  <a:pt x="896" y="226"/>
                </a:lnTo>
                <a:lnTo>
                  <a:pt x="878" y="234"/>
                </a:lnTo>
                <a:lnTo>
                  <a:pt x="860" y="252"/>
                </a:lnTo>
                <a:lnTo>
                  <a:pt x="846" y="266"/>
                </a:lnTo>
                <a:lnTo>
                  <a:pt x="850" y="282"/>
                </a:lnTo>
                <a:lnTo>
                  <a:pt x="844" y="298"/>
                </a:lnTo>
                <a:lnTo>
                  <a:pt x="848" y="318"/>
                </a:lnTo>
                <a:lnTo>
                  <a:pt x="862" y="324"/>
                </a:lnTo>
                <a:lnTo>
                  <a:pt x="882" y="324"/>
                </a:lnTo>
                <a:lnTo>
                  <a:pt x="892" y="326"/>
                </a:lnTo>
                <a:lnTo>
                  <a:pt x="906" y="338"/>
                </a:lnTo>
                <a:lnTo>
                  <a:pt x="922" y="352"/>
                </a:lnTo>
                <a:lnTo>
                  <a:pt x="928" y="354"/>
                </a:lnTo>
                <a:lnTo>
                  <a:pt x="936" y="356"/>
                </a:lnTo>
                <a:lnTo>
                  <a:pt x="946" y="346"/>
                </a:lnTo>
                <a:lnTo>
                  <a:pt x="952" y="338"/>
                </a:lnTo>
                <a:lnTo>
                  <a:pt x="956" y="346"/>
                </a:lnTo>
                <a:lnTo>
                  <a:pt x="974" y="330"/>
                </a:lnTo>
                <a:lnTo>
                  <a:pt x="994" y="306"/>
                </a:lnTo>
                <a:lnTo>
                  <a:pt x="1000" y="306"/>
                </a:lnTo>
                <a:lnTo>
                  <a:pt x="1000" y="286"/>
                </a:lnTo>
                <a:lnTo>
                  <a:pt x="988" y="266"/>
                </a:lnTo>
                <a:lnTo>
                  <a:pt x="982" y="236"/>
                </a:lnTo>
                <a:lnTo>
                  <a:pt x="966" y="218"/>
                </a:lnTo>
                <a:lnTo>
                  <a:pt x="982" y="198"/>
                </a:lnTo>
                <a:lnTo>
                  <a:pt x="998" y="186"/>
                </a:lnTo>
                <a:lnTo>
                  <a:pt x="1004" y="184"/>
                </a:lnTo>
                <a:lnTo>
                  <a:pt x="1002" y="174"/>
                </a:lnTo>
                <a:lnTo>
                  <a:pt x="988" y="164"/>
                </a:lnTo>
                <a:lnTo>
                  <a:pt x="994" y="162"/>
                </a:lnTo>
                <a:lnTo>
                  <a:pt x="1006" y="152"/>
                </a:lnTo>
                <a:lnTo>
                  <a:pt x="1028" y="116"/>
                </a:lnTo>
                <a:lnTo>
                  <a:pt x="1036" y="80"/>
                </a:lnTo>
                <a:lnTo>
                  <a:pt x="1042" y="54"/>
                </a:lnTo>
                <a:lnTo>
                  <a:pt x="1054" y="52"/>
                </a:lnTo>
                <a:lnTo>
                  <a:pt x="1070" y="20"/>
                </a:lnTo>
                <a:lnTo>
                  <a:pt x="1082" y="4"/>
                </a:lnTo>
                <a:lnTo>
                  <a:pt x="1088" y="0"/>
                </a:lnTo>
                <a:lnTo>
                  <a:pt x="1088" y="2512"/>
                </a:lnTo>
                <a:lnTo>
                  <a:pt x="1076" y="2523"/>
                </a:lnTo>
                <a:lnTo>
                  <a:pt x="1068" y="2523"/>
                </a:lnTo>
                <a:lnTo>
                  <a:pt x="1062" y="2518"/>
                </a:lnTo>
                <a:lnTo>
                  <a:pt x="1040" y="2527"/>
                </a:lnTo>
                <a:lnTo>
                  <a:pt x="1030" y="2525"/>
                </a:lnTo>
                <a:lnTo>
                  <a:pt x="1030" y="2512"/>
                </a:lnTo>
                <a:lnTo>
                  <a:pt x="1022" y="2510"/>
                </a:lnTo>
                <a:lnTo>
                  <a:pt x="1020" y="2496"/>
                </a:lnTo>
                <a:lnTo>
                  <a:pt x="1004" y="2478"/>
                </a:lnTo>
                <a:lnTo>
                  <a:pt x="1026" y="2464"/>
                </a:lnTo>
                <a:lnTo>
                  <a:pt x="1008" y="2446"/>
                </a:lnTo>
                <a:lnTo>
                  <a:pt x="990" y="2442"/>
                </a:lnTo>
                <a:lnTo>
                  <a:pt x="982" y="2420"/>
                </a:lnTo>
                <a:lnTo>
                  <a:pt x="950" y="2404"/>
                </a:lnTo>
                <a:lnTo>
                  <a:pt x="936" y="2412"/>
                </a:lnTo>
                <a:lnTo>
                  <a:pt x="924" y="2410"/>
                </a:lnTo>
                <a:lnTo>
                  <a:pt x="906" y="2416"/>
                </a:lnTo>
                <a:lnTo>
                  <a:pt x="886" y="2438"/>
                </a:lnTo>
                <a:lnTo>
                  <a:pt x="848" y="2442"/>
                </a:lnTo>
                <a:lnTo>
                  <a:pt x="846" y="2476"/>
                </a:lnTo>
                <a:lnTo>
                  <a:pt x="826" y="2486"/>
                </a:lnTo>
                <a:lnTo>
                  <a:pt x="812" y="2482"/>
                </a:lnTo>
                <a:lnTo>
                  <a:pt x="792" y="2466"/>
                </a:lnTo>
                <a:lnTo>
                  <a:pt x="782" y="2452"/>
                </a:lnTo>
                <a:lnTo>
                  <a:pt x="778" y="2430"/>
                </a:lnTo>
                <a:lnTo>
                  <a:pt x="768" y="2422"/>
                </a:lnTo>
                <a:lnTo>
                  <a:pt x="768" y="2402"/>
                </a:lnTo>
                <a:lnTo>
                  <a:pt x="752" y="2396"/>
                </a:lnTo>
                <a:lnTo>
                  <a:pt x="738" y="2380"/>
                </a:lnTo>
                <a:lnTo>
                  <a:pt x="740" y="2354"/>
                </a:lnTo>
                <a:lnTo>
                  <a:pt x="746" y="2352"/>
                </a:lnTo>
                <a:lnTo>
                  <a:pt x="766" y="2348"/>
                </a:lnTo>
                <a:lnTo>
                  <a:pt x="780" y="2356"/>
                </a:lnTo>
                <a:lnTo>
                  <a:pt x="786" y="2356"/>
                </a:lnTo>
                <a:lnTo>
                  <a:pt x="800" y="2354"/>
                </a:lnTo>
                <a:lnTo>
                  <a:pt x="816" y="2332"/>
                </a:lnTo>
                <a:lnTo>
                  <a:pt x="816" y="2316"/>
                </a:lnTo>
                <a:lnTo>
                  <a:pt x="830" y="2312"/>
                </a:lnTo>
                <a:lnTo>
                  <a:pt x="832" y="2300"/>
                </a:lnTo>
                <a:lnTo>
                  <a:pt x="802" y="2286"/>
                </a:lnTo>
                <a:lnTo>
                  <a:pt x="798" y="2270"/>
                </a:lnTo>
                <a:lnTo>
                  <a:pt x="788" y="2264"/>
                </a:lnTo>
                <a:lnTo>
                  <a:pt x="768" y="2264"/>
                </a:lnTo>
                <a:lnTo>
                  <a:pt x="758" y="2270"/>
                </a:lnTo>
                <a:lnTo>
                  <a:pt x="744" y="2274"/>
                </a:lnTo>
                <a:lnTo>
                  <a:pt x="744" y="2254"/>
                </a:lnTo>
                <a:lnTo>
                  <a:pt x="740" y="2240"/>
                </a:lnTo>
                <a:lnTo>
                  <a:pt x="716" y="2238"/>
                </a:lnTo>
                <a:lnTo>
                  <a:pt x="694" y="2228"/>
                </a:lnTo>
                <a:lnTo>
                  <a:pt x="682" y="2210"/>
                </a:lnTo>
                <a:lnTo>
                  <a:pt x="666" y="2200"/>
                </a:lnTo>
                <a:lnTo>
                  <a:pt x="668" y="2186"/>
                </a:lnTo>
                <a:lnTo>
                  <a:pt x="634" y="2168"/>
                </a:lnTo>
                <a:lnTo>
                  <a:pt x="640" y="2130"/>
                </a:lnTo>
                <a:lnTo>
                  <a:pt x="618" y="2108"/>
                </a:lnTo>
                <a:lnTo>
                  <a:pt x="624" y="2094"/>
                </a:lnTo>
                <a:lnTo>
                  <a:pt x="614" y="2070"/>
                </a:lnTo>
                <a:lnTo>
                  <a:pt x="602" y="2074"/>
                </a:lnTo>
                <a:lnTo>
                  <a:pt x="590" y="2064"/>
                </a:lnTo>
                <a:lnTo>
                  <a:pt x="572" y="2054"/>
                </a:lnTo>
                <a:lnTo>
                  <a:pt x="540" y="2056"/>
                </a:lnTo>
                <a:lnTo>
                  <a:pt x="524" y="2070"/>
                </a:lnTo>
                <a:lnTo>
                  <a:pt x="512" y="2088"/>
                </a:lnTo>
                <a:lnTo>
                  <a:pt x="496" y="2074"/>
                </a:lnTo>
                <a:lnTo>
                  <a:pt x="500" y="2062"/>
                </a:lnTo>
                <a:lnTo>
                  <a:pt x="494" y="2054"/>
                </a:lnTo>
                <a:lnTo>
                  <a:pt x="468" y="2054"/>
                </a:lnTo>
                <a:lnTo>
                  <a:pt x="448" y="2070"/>
                </a:lnTo>
                <a:lnTo>
                  <a:pt x="438" y="2056"/>
                </a:lnTo>
                <a:lnTo>
                  <a:pt x="422" y="2056"/>
                </a:lnTo>
                <a:lnTo>
                  <a:pt x="420" y="2062"/>
                </a:lnTo>
                <a:lnTo>
                  <a:pt x="410" y="2060"/>
                </a:lnTo>
                <a:lnTo>
                  <a:pt x="402" y="2054"/>
                </a:lnTo>
                <a:lnTo>
                  <a:pt x="402" y="2032"/>
                </a:lnTo>
                <a:lnTo>
                  <a:pt x="378" y="1998"/>
                </a:lnTo>
                <a:lnTo>
                  <a:pt x="366" y="1984"/>
                </a:lnTo>
                <a:lnTo>
                  <a:pt x="362" y="1970"/>
                </a:lnTo>
                <a:lnTo>
                  <a:pt x="346" y="1968"/>
                </a:lnTo>
                <a:lnTo>
                  <a:pt x="348" y="1948"/>
                </a:lnTo>
                <a:lnTo>
                  <a:pt x="342" y="1940"/>
                </a:lnTo>
                <a:lnTo>
                  <a:pt x="348" y="1932"/>
                </a:lnTo>
                <a:lnTo>
                  <a:pt x="348" y="1922"/>
                </a:lnTo>
                <a:lnTo>
                  <a:pt x="336" y="1912"/>
                </a:lnTo>
                <a:lnTo>
                  <a:pt x="318" y="1904"/>
                </a:lnTo>
                <a:lnTo>
                  <a:pt x="316" y="1896"/>
                </a:lnTo>
                <a:lnTo>
                  <a:pt x="300" y="1894"/>
                </a:lnTo>
                <a:lnTo>
                  <a:pt x="302" y="1876"/>
                </a:lnTo>
                <a:lnTo>
                  <a:pt x="310" y="1856"/>
                </a:lnTo>
                <a:lnTo>
                  <a:pt x="318" y="1856"/>
                </a:lnTo>
                <a:lnTo>
                  <a:pt x="324" y="1846"/>
                </a:lnTo>
                <a:lnTo>
                  <a:pt x="310" y="1836"/>
                </a:lnTo>
                <a:lnTo>
                  <a:pt x="306" y="1822"/>
                </a:lnTo>
                <a:lnTo>
                  <a:pt x="298" y="1820"/>
                </a:lnTo>
                <a:lnTo>
                  <a:pt x="288" y="1806"/>
                </a:lnTo>
                <a:lnTo>
                  <a:pt x="290" y="1786"/>
                </a:lnTo>
                <a:lnTo>
                  <a:pt x="282" y="1766"/>
                </a:lnTo>
                <a:lnTo>
                  <a:pt x="274" y="1748"/>
                </a:lnTo>
                <a:lnTo>
                  <a:pt x="268" y="1732"/>
                </a:lnTo>
                <a:lnTo>
                  <a:pt x="274" y="1718"/>
                </a:lnTo>
                <a:lnTo>
                  <a:pt x="282" y="1708"/>
                </a:lnTo>
                <a:lnTo>
                  <a:pt x="282" y="1670"/>
                </a:lnTo>
                <a:lnTo>
                  <a:pt x="294" y="1660"/>
                </a:lnTo>
                <a:lnTo>
                  <a:pt x="300" y="1652"/>
                </a:lnTo>
                <a:lnTo>
                  <a:pt x="294" y="1644"/>
                </a:lnTo>
                <a:lnTo>
                  <a:pt x="286" y="164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04" name="Freeform 61"/>
          <p:cNvSpPr>
            <a:spLocks/>
          </p:cNvSpPr>
          <p:nvPr/>
        </p:nvSpPr>
        <p:spPr bwMode="auto">
          <a:xfrm>
            <a:off x="7486650" y="63500"/>
            <a:ext cx="123825" cy="134938"/>
          </a:xfrm>
          <a:custGeom>
            <a:avLst/>
            <a:gdLst>
              <a:gd name="T0" fmla="*/ 2147483647 w 96"/>
              <a:gd name="T1" fmla="*/ 0 h 104"/>
              <a:gd name="T2" fmla="*/ 2147483647 w 96"/>
              <a:gd name="T3" fmla="*/ 0 h 104"/>
              <a:gd name="T4" fmla="*/ 2147483647 w 96"/>
              <a:gd name="T5" fmla="*/ 0 h 104"/>
              <a:gd name="T6" fmla="*/ 2147483647 w 96"/>
              <a:gd name="T7" fmla="*/ 2147483647 h 104"/>
              <a:gd name="T8" fmla="*/ 2147483647 w 96"/>
              <a:gd name="T9" fmla="*/ 2147483647 h 104"/>
              <a:gd name="T10" fmla="*/ 2147483647 w 96"/>
              <a:gd name="T11" fmla="*/ 2147483647 h 104"/>
              <a:gd name="T12" fmla="*/ 2147483647 w 96"/>
              <a:gd name="T13" fmla="*/ 2147483647 h 104"/>
              <a:gd name="T14" fmla="*/ 2147483647 w 96"/>
              <a:gd name="T15" fmla="*/ 2147483647 h 104"/>
              <a:gd name="T16" fmla="*/ 2147483647 w 96"/>
              <a:gd name="T17" fmla="*/ 2147483647 h 104"/>
              <a:gd name="T18" fmla="*/ 2147483647 w 96"/>
              <a:gd name="T19" fmla="*/ 2147483647 h 104"/>
              <a:gd name="T20" fmla="*/ 2147483647 w 96"/>
              <a:gd name="T21" fmla="*/ 2147483647 h 104"/>
              <a:gd name="T22" fmla="*/ 2147483647 w 96"/>
              <a:gd name="T23" fmla="*/ 2147483647 h 104"/>
              <a:gd name="T24" fmla="*/ 2147483647 w 96"/>
              <a:gd name="T25" fmla="*/ 2147483647 h 104"/>
              <a:gd name="T26" fmla="*/ 2147483647 w 96"/>
              <a:gd name="T27" fmla="*/ 2147483647 h 104"/>
              <a:gd name="T28" fmla="*/ 2147483647 w 96"/>
              <a:gd name="T29" fmla="*/ 2147483647 h 104"/>
              <a:gd name="T30" fmla="*/ 2147483647 w 96"/>
              <a:gd name="T31" fmla="*/ 2147483647 h 104"/>
              <a:gd name="T32" fmla="*/ 2147483647 w 96"/>
              <a:gd name="T33" fmla="*/ 2147483647 h 104"/>
              <a:gd name="T34" fmla="*/ 2147483647 w 96"/>
              <a:gd name="T35" fmla="*/ 2147483647 h 104"/>
              <a:gd name="T36" fmla="*/ 2147483647 w 96"/>
              <a:gd name="T37" fmla="*/ 2147483647 h 104"/>
              <a:gd name="T38" fmla="*/ 2147483647 w 96"/>
              <a:gd name="T39" fmla="*/ 2147483647 h 104"/>
              <a:gd name="T40" fmla="*/ 2147483647 w 96"/>
              <a:gd name="T41" fmla="*/ 2147483647 h 104"/>
              <a:gd name="T42" fmla="*/ 2147483647 w 96"/>
              <a:gd name="T43" fmla="*/ 2147483647 h 104"/>
              <a:gd name="T44" fmla="*/ 2147483647 w 96"/>
              <a:gd name="T45" fmla="*/ 2147483647 h 104"/>
              <a:gd name="T46" fmla="*/ 2147483647 w 96"/>
              <a:gd name="T47" fmla="*/ 2147483647 h 104"/>
              <a:gd name="T48" fmla="*/ 2147483647 w 96"/>
              <a:gd name="T49" fmla="*/ 2147483647 h 104"/>
              <a:gd name="T50" fmla="*/ 0 w 96"/>
              <a:gd name="T51" fmla="*/ 2147483647 h 104"/>
              <a:gd name="T52" fmla="*/ 2147483647 w 96"/>
              <a:gd name="T53" fmla="*/ 2147483647 h 104"/>
              <a:gd name="T54" fmla="*/ 2147483647 w 96"/>
              <a:gd name="T55" fmla="*/ 2147483647 h 104"/>
              <a:gd name="T56" fmla="*/ 2147483647 w 96"/>
              <a:gd name="T57" fmla="*/ 0 h 104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0" t="0" r="r" b="b"/>
            <a:pathLst>
              <a:path w="96" h="104">
                <a:moveTo>
                  <a:pt x="18" y="0"/>
                </a:moveTo>
                <a:lnTo>
                  <a:pt x="38" y="0"/>
                </a:lnTo>
                <a:lnTo>
                  <a:pt x="58" y="0"/>
                </a:lnTo>
                <a:lnTo>
                  <a:pt x="62" y="2"/>
                </a:lnTo>
                <a:lnTo>
                  <a:pt x="80" y="2"/>
                </a:lnTo>
                <a:lnTo>
                  <a:pt x="90" y="8"/>
                </a:lnTo>
                <a:lnTo>
                  <a:pt x="96" y="14"/>
                </a:lnTo>
                <a:lnTo>
                  <a:pt x="96" y="24"/>
                </a:lnTo>
                <a:lnTo>
                  <a:pt x="94" y="28"/>
                </a:lnTo>
                <a:lnTo>
                  <a:pt x="92" y="24"/>
                </a:lnTo>
                <a:lnTo>
                  <a:pt x="86" y="22"/>
                </a:lnTo>
                <a:lnTo>
                  <a:pt x="84" y="30"/>
                </a:lnTo>
                <a:lnTo>
                  <a:pt x="86" y="40"/>
                </a:lnTo>
                <a:lnTo>
                  <a:pt x="86" y="52"/>
                </a:lnTo>
                <a:lnTo>
                  <a:pt x="86" y="66"/>
                </a:lnTo>
                <a:lnTo>
                  <a:pt x="80" y="72"/>
                </a:lnTo>
                <a:lnTo>
                  <a:pt x="74" y="86"/>
                </a:lnTo>
                <a:lnTo>
                  <a:pt x="58" y="100"/>
                </a:lnTo>
                <a:lnTo>
                  <a:pt x="50" y="104"/>
                </a:lnTo>
                <a:lnTo>
                  <a:pt x="36" y="100"/>
                </a:lnTo>
                <a:lnTo>
                  <a:pt x="24" y="94"/>
                </a:lnTo>
                <a:lnTo>
                  <a:pt x="16" y="82"/>
                </a:lnTo>
                <a:lnTo>
                  <a:pt x="14" y="74"/>
                </a:lnTo>
                <a:lnTo>
                  <a:pt x="10" y="62"/>
                </a:lnTo>
                <a:lnTo>
                  <a:pt x="2" y="54"/>
                </a:lnTo>
                <a:lnTo>
                  <a:pt x="0" y="22"/>
                </a:lnTo>
                <a:lnTo>
                  <a:pt x="6" y="12"/>
                </a:lnTo>
                <a:lnTo>
                  <a:pt x="12" y="6"/>
                </a:lnTo>
                <a:lnTo>
                  <a:pt x="18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05" name="Freeform 62"/>
          <p:cNvSpPr>
            <a:spLocks/>
          </p:cNvSpPr>
          <p:nvPr/>
        </p:nvSpPr>
        <p:spPr bwMode="auto">
          <a:xfrm>
            <a:off x="2760663" y="739775"/>
            <a:ext cx="757237" cy="604838"/>
          </a:xfrm>
          <a:custGeom>
            <a:avLst/>
            <a:gdLst>
              <a:gd name="T0" fmla="*/ 2147483647 w 584"/>
              <a:gd name="T1" fmla="*/ 2147483647 h 468"/>
              <a:gd name="T2" fmla="*/ 2147483647 w 584"/>
              <a:gd name="T3" fmla="*/ 2147483647 h 468"/>
              <a:gd name="T4" fmla="*/ 2147483647 w 584"/>
              <a:gd name="T5" fmla="*/ 2147483647 h 468"/>
              <a:gd name="T6" fmla="*/ 2147483647 w 584"/>
              <a:gd name="T7" fmla="*/ 2147483647 h 468"/>
              <a:gd name="T8" fmla="*/ 2147483647 w 584"/>
              <a:gd name="T9" fmla="*/ 2147483647 h 468"/>
              <a:gd name="T10" fmla="*/ 2147483647 w 584"/>
              <a:gd name="T11" fmla="*/ 2147483647 h 468"/>
              <a:gd name="T12" fmla="*/ 0 w 584"/>
              <a:gd name="T13" fmla="*/ 2147483647 h 468"/>
              <a:gd name="T14" fmla="*/ 2147483647 w 584"/>
              <a:gd name="T15" fmla="*/ 2147483647 h 468"/>
              <a:gd name="T16" fmla="*/ 2147483647 w 584"/>
              <a:gd name="T17" fmla="*/ 2147483647 h 468"/>
              <a:gd name="T18" fmla="*/ 2147483647 w 584"/>
              <a:gd name="T19" fmla="*/ 2147483647 h 468"/>
              <a:gd name="T20" fmla="*/ 2147483647 w 584"/>
              <a:gd name="T21" fmla="*/ 2147483647 h 468"/>
              <a:gd name="T22" fmla="*/ 2147483647 w 584"/>
              <a:gd name="T23" fmla="*/ 2147483647 h 468"/>
              <a:gd name="T24" fmla="*/ 2147483647 w 584"/>
              <a:gd name="T25" fmla="*/ 2147483647 h 468"/>
              <a:gd name="T26" fmla="*/ 2147483647 w 584"/>
              <a:gd name="T27" fmla="*/ 2147483647 h 468"/>
              <a:gd name="T28" fmla="*/ 2147483647 w 584"/>
              <a:gd name="T29" fmla="*/ 2147483647 h 468"/>
              <a:gd name="T30" fmla="*/ 2147483647 w 584"/>
              <a:gd name="T31" fmla="*/ 2147483647 h 468"/>
              <a:gd name="T32" fmla="*/ 2147483647 w 584"/>
              <a:gd name="T33" fmla="*/ 2147483647 h 468"/>
              <a:gd name="T34" fmla="*/ 2147483647 w 584"/>
              <a:gd name="T35" fmla="*/ 2147483647 h 468"/>
              <a:gd name="T36" fmla="*/ 2147483647 w 584"/>
              <a:gd name="T37" fmla="*/ 2147483647 h 468"/>
              <a:gd name="T38" fmla="*/ 2147483647 w 584"/>
              <a:gd name="T39" fmla="*/ 2147483647 h 468"/>
              <a:gd name="T40" fmla="*/ 2147483647 w 584"/>
              <a:gd name="T41" fmla="*/ 2147483647 h 468"/>
              <a:gd name="T42" fmla="*/ 2147483647 w 584"/>
              <a:gd name="T43" fmla="*/ 2147483647 h 468"/>
              <a:gd name="T44" fmla="*/ 2147483647 w 584"/>
              <a:gd name="T45" fmla="*/ 2147483647 h 468"/>
              <a:gd name="T46" fmla="*/ 2147483647 w 584"/>
              <a:gd name="T47" fmla="*/ 2147483647 h 468"/>
              <a:gd name="T48" fmla="*/ 2147483647 w 584"/>
              <a:gd name="T49" fmla="*/ 2147483647 h 468"/>
              <a:gd name="T50" fmla="*/ 2147483647 w 584"/>
              <a:gd name="T51" fmla="*/ 2147483647 h 468"/>
              <a:gd name="T52" fmla="*/ 2147483647 w 584"/>
              <a:gd name="T53" fmla="*/ 0 h 468"/>
              <a:gd name="T54" fmla="*/ 2147483647 w 584"/>
              <a:gd name="T55" fmla="*/ 2147483647 h 468"/>
              <a:gd name="T56" fmla="*/ 2147483647 w 584"/>
              <a:gd name="T57" fmla="*/ 2147483647 h 468"/>
              <a:gd name="T58" fmla="*/ 2147483647 w 584"/>
              <a:gd name="T59" fmla="*/ 2147483647 h 468"/>
              <a:gd name="T60" fmla="*/ 2147483647 w 584"/>
              <a:gd name="T61" fmla="*/ 2147483647 h 468"/>
              <a:gd name="T62" fmla="*/ 2147483647 w 584"/>
              <a:gd name="T63" fmla="*/ 2147483647 h 468"/>
              <a:gd name="T64" fmla="*/ 2147483647 w 584"/>
              <a:gd name="T65" fmla="*/ 2147483647 h 468"/>
              <a:gd name="T66" fmla="*/ 2147483647 w 584"/>
              <a:gd name="T67" fmla="*/ 2147483647 h 468"/>
              <a:gd name="T68" fmla="*/ 2147483647 w 584"/>
              <a:gd name="T69" fmla="*/ 2147483647 h 468"/>
              <a:gd name="T70" fmla="*/ 2147483647 w 584"/>
              <a:gd name="T71" fmla="*/ 2147483647 h 468"/>
              <a:gd name="T72" fmla="*/ 2147483647 w 584"/>
              <a:gd name="T73" fmla="*/ 2147483647 h 468"/>
              <a:gd name="T74" fmla="*/ 2147483647 w 584"/>
              <a:gd name="T75" fmla="*/ 2147483647 h 468"/>
              <a:gd name="T76" fmla="*/ 2147483647 w 584"/>
              <a:gd name="T77" fmla="*/ 2147483647 h 468"/>
              <a:gd name="T78" fmla="*/ 2147483647 w 584"/>
              <a:gd name="T79" fmla="*/ 2147483647 h 468"/>
              <a:gd name="T80" fmla="*/ 2147483647 w 584"/>
              <a:gd name="T81" fmla="*/ 2147483647 h 468"/>
              <a:gd name="T82" fmla="*/ 2147483647 w 584"/>
              <a:gd name="T83" fmla="*/ 2147483647 h 468"/>
              <a:gd name="T84" fmla="*/ 2147483647 w 584"/>
              <a:gd name="T85" fmla="*/ 2147483647 h 468"/>
              <a:gd name="T86" fmla="*/ 2147483647 w 584"/>
              <a:gd name="T87" fmla="*/ 2147483647 h 468"/>
              <a:gd name="T88" fmla="*/ 2147483647 w 584"/>
              <a:gd name="T89" fmla="*/ 2147483647 h 468"/>
              <a:gd name="T90" fmla="*/ 2147483647 w 584"/>
              <a:gd name="T91" fmla="*/ 2147483647 h 468"/>
              <a:gd name="T92" fmla="*/ 2147483647 w 584"/>
              <a:gd name="T93" fmla="*/ 2147483647 h 468"/>
              <a:gd name="T94" fmla="*/ 2147483647 w 584"/>
              <a:gd name="T95" fmla="*/ 2147483647 h 468"/>
              <a:gd name="T96" fmla="*/ 2147483647 w 584"/>
              <a:gd name="T97" fmla="*/ 2147483647 h 468"/>
              <a:gd name="T98" fmla="*/ 2147483647 w 584"/>
              <a:gd name="T99" fmla="*/ 2147483647 h 468"/>
              <a:gd name="T100" fmla="*/ 2147483647 w 584"/>
              <a:gd name="T101" fmla="*/ 2147483647 h 468"/>
              <a:gd name="T102" fmla="*/ 2147483647 w 584"/>
              <a:gd name="T103" fmla="*/ 2147483647 h 468"/>
              <a:gd name="T104" fmla="*/ 2147483647 w 584"/>
              <a:gd name="T105" fmla="*/ 2147483647 h 468"/>
              <a:gd name="T106" fmla="*/ 2147483647 w 584"/>
              <a:gd name="T107" fmla="*/ 2147483647 h 468"/>
              <a:gd name="T108" fmla="*/ 2147483647 w 584"/>
              <a:gd name="T109" fmla="*/ 2147483647 h 468"/>
              <a:gd name="T110" fmla="*/ 2147483647 w 584"/>
              <a:gd name="T111" fmla="*/ 2147483647 h 468"/>
              <a:gd name="T112" fmla="*/ 2147483647 w 584"/>
              <a:gd name="T113" fmla="*/ 2147483647 h 468"/>
              <a:gd name="T114" fmla="*/ 2147483647 w 584"/>
              <a:gd name="T115" fmla="*/ 2147483647 h 468"/>
              <a:gd name="T116" fmla="*/ 2147483647 w 584"/>
              <a:gd name="T117" fmla="*/ 2147483647 h 468"/>
              <a:gd name="T118" fmla="*/ 2147483647 w 584"/>
              <a:gd name="T119" fmla="*/ 2147483647 h 468"/>
              <a:gd name="T120" fmla="*/ 2147483647 w 584"/>
              <a:gd name="T121" fmla="*/ 2147483647 h 468"/>
              <a:gd name="T122" fmla="*/ 2147483647 w 584"/>
              <a:gd name="T123" fmla="*/ 2147483647 h 468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0" t="0" r="r" b="b"/>
            <a:pathLst>
              <a:path w="584" h="468">
                <a:moveTo>
                  <a:pt x="94" y="348"/>
                </a:moveTo>
                <a:lnTo>
                  <a:pt x="74" y="350"/>
                </a:lnTo>
                <a:lnTo>
                  <a:pt x="68" y="340"/>
                </a:lnTo>
                <a:lnTo>
                  <a:pt x="52" y="338"/>
                </a:lnTo>
                <a:lnTo>
                  <a:pt x="36" y="328"/>
                </a:lnTo>
                <a:lnTo>
                  <a:pt x="18" y="324"/>
                </a:lnTo>
                <a:lnTo>
                  <a:pt x="14" y="318"/>
                </a:lnTo>
                <a:lnTo>
                  <a:pt x="14" y="312"/>
                </a:lnTo>
                <a:lnTo>
                  <a:pt x="16" y="302"/>
                </a:lnTo>
                <a:lnTo>
                  <a:pt x="24" y="288"/>
                </a:lnTo>
                <a:lnTo>
                  <a:pt x="30" y="298"/>
                </a:lnTo>
                <a:lnTo>
                  <a:pt x="40" y="308"/>
                </a:lnTo>
                <a:lnTo>
                  <a:pt x="60" y="310"/>
                </a:lnTo>
                <a:lnTo>
                  <a:pt x="78" y="308"/>
                </a:lnTo>
                <a:lnTo>
                  <a:pt x="78" y="292"/>
                </a:lnTo>
                <a:lnTo>
                  <a:pt x="72" y="284"/>
                </a:lnTo>
                <a:lnTo>
                  <a:pt x="74" y="278"/>
                </a:lnTo>
                <a:lnTo>
                  <a:pt x="88" y="280"/>
                </a:lnTo>
                <a:lnTo>
                  <a:pt x="100" y="278"/>
                </a:lnTo>
                <a:lnTo>
                  <a:pt x="88" y="270"/>
                </a:lnTo>
                <a:lnTo>
                  <a:pt x="78" y="266"/>
                </a:lnTo>
                <a:lnTo>
                  <a:pt x="74" y="258"/>
                </a:lnTo>
                <a:lnTo>
                  <a:pt x="84" y="254"/>
                </a:lnTo>
                <a:lnTo>
                  <a:pt x="102" y="252"/>
                </a:lnTo>
                <a:lnTo>
                  <a:pt x="94" y="248"/>
                </a:lnTo>
                <a:lnTo>
                  <a:pt x="72" y="246"/>
                </a:lnTo>
                <a:lnTo>
                  <a:pt x="72" y="228"/>
                </a:lnTo>
                <a:lnTo>
                  <a:pt x="84" y="222"/>
                </a:lnTo>
                <a:lnTo>
                  <a:pt x="84" y="214"/>
                </a:lnTo>
                <a:lnTo>
                  <a:pt x="66" y="204"/>
                </a:lnTo>
                <a:lnTo>
                  <a:pt x="50" y="192"/>
                </a:lnTo>
                <a:lnTo>
                  <a:pt x="34" y="184"/>
                </a:lnTo>
                <a:lnTo>
                  <a:pt x="18" y="186"/>
                </a:lnTo>
                <a:lnTo>
                  <a:pt x="0" y="178"/>
                </a:lnTo>
                <a:lnTo>
                  <a:pt x="0" y="166"/>
                </a:lnTo>
                <a:lnTo>
                  <a:pt x="2" y="162"/>
                </a:lnTo>
                <a:lnTo>
                  <a:pt x="6" y="158"/>
                </a:lnTo>
                <a:lnTo>
                  <a:pt x="8" y="156"/>
                </a:lnTo>
                <a:lnTo>
                  <a:pt x="10" y="158"/>
                </a:lnTo>
                <a:lnTo>
                  <a:pt x="14" y="160"/>
                </a:lnTo>
                <a:lnTo>
                  <a:pt x="18" y="164"/>
                </a:lnTo>
                <a:lnTo>
                  <a:pt x="28" y="168"/>
                </a:lnTo>
                <a:lnTo>
                  <a:pt x="44" y="170"/>
                </a:lnTo>
                <a:lnTo>
                  <a:pt x="58" y="174"/>
                </a:lnTo>
                <a:lnTo>
                  <a:pt x="72" y="172"/>
                </a:lnTo>
                <a:lnTo>
                  <a:pt x="80" y="170"/>
                </a:lnTo>
                <a:lnTo>
                  <a:pt x="82" y="178"/>
                </a:lnTo>
                <a:lnTo>
                  <a:pt x="102" y="180"/>
                </a:lnTo>
                <a:lnTo>
                  <a:pt x="112" y="192"/>
                </a:lnTo>
                <a:lnTo>
                  <a:pt x="116" y="194"/>
                </a:lnTo>
                <a:lnTo>
                  <a:pt x="120" y="196"/>
                </a:lnTo>
                <a:lnTo>
                  <a:pt x="124" y="196"/>
                </a:lnTo>
                <a:lnTo>
                  <a:pt x="130" y="192"/>
                </a:lnTo>
                <a:lnTo>
                  <a:pt x="134" y="188"/>
                </a:lnTo>
                <a:lnTo>
                  <a:pt x="140" y="180"/>
                </a:lnTo>
                <a:lnTo>
                  <a:pt x="130" y="180"/>
                </a:lnTo>
                <a:lnTo>
                  <a:pt x="116" y="182"/>
                </a:lnTo>
                <a:lnTo>
                  <a:pt x="108" y="172"/>
                </a:lnTo>
                <a:lnTo>
                  <a:pt x="98" y="162"/>
                </a:lnTo>
                <a:lnTo>
                  <a:pt x="106" y="156"/>
                </a:lnTo>
                <a:lnTo>
                  <a:pt x="116" y="154"/>
                </a:lnTo>
                <a:lnTo>
                  <a:pt x="128" y="154"/>
                </a:lnTo>
                <a:lnTo>
                  <a:pt x="142" y="150"/>
                </a:lnTo>
                <a:lnTo>
                  <a:pt x="146" y="140"/>
                </a:lnTo>
                <a:lnTo>
                  <a:pt x="142" y="134"/>
                </a:lnTo>
                <a:lnTo>
                  <a:pt x="132" y="138"/>
                </a:lnTo>
                <a:lnTo>
                  <a:pt x="124" y="138"/>
                </a:lnTo>
                <a:lnTo>
                  <a:pt x="122" y="132"/>
                </a:lnTo>
                <a:lnTo>
                  <a:pt x="128" y="124"/>
                </a:lnTo>
                <a:lnTo>
                  <a:pt x="120" y="118"/>
                </a:lnTo>
                <a:lnTo>
                  <a:pt x="112" y="118"/>
                </a:lnTo>
                <a:lnTo>
                  <a:pt x="108" y="108"/>
                </a:lnTo>
                <a:lnTo>
                  <a:pt x="92" y="106"/>
                </a:lnTo>
                <a:lnTo>
                  <a:pt x="78" y="106"/>
                </a:lnTo>
                <a:lnTo>
                  <a:pt x="64" y="104"/>
                </a:lnTo>
                <a:lnTo>
                  <a:pt x="48" y="104"/>
                </a:lnTo>
                <a:lnTo>
                  <a:pt x="40" y="96"/>
                </a:lnTo>
                <a:lnTo>
                  <a:pt x="38" y="88"/>
                </a:lnTo>
                <a:lnTo>
                  <a:pt x="34" y="86"/>
                </a:lnTo>
                <a:lnTo>
                  <a:pt x="22" y="82"/>
                </a:lnTo>
                <a:lnTo>
                  <a:pt x="22" y="74"/>
                </a:lnTo>
                <a:lnTo>
                  <a:pt x="28" y="68"/>
                </a:lnTo>
                <a:lnTo>
                  <a:pt x="36" y="66"/>
                </a:lnTo>
                <a:lnTo>
                  <a:pt x="44" y="72"/>
                </a:lnTo>
                <a:lnTo>
                  <a:pt x="48" y="80"/>
                </a:lnTo>
                <a:lnTo>
                  <a:pt x="54" y="80"/>
                </a:lnTo>
                <a:lnTo>
                  <a:pt x="54" y="70"/>
                </a:lnTo>
                <a:lnTo>
                  <a:pt x="50" y="62"/>
                </a:lnTo>
                <a:lnTo>
                  <a:pt x="52" y="52"/>
                </a:lnTo>
                <a:lnTo>
                  <a:pt x="60" y="52"/>
                </a:lnTo>
                <a:lnTo>
                  <a:pt x="66" y="60"/>
                </a:lnTo>
                <a:lnTo>
                  <a:pt x="70" y="68"/>
                </a:lnTo>
                <a:lnTo>
                  <a:pt x="76" y="76"/>
                </a:lnTo>
                <a:lnTo>
                  <a:pt x="82" y="76"/>
                </a:lnTo>
                <a:lnTo>
                  <a:pt x="86" y="72"/>
                </a:lnTo>
                <a:lnTo>
                  <a:pt x="80" y="66"/>
                </a:lnTo>
                <a:lnTo>
                  <a:pt x="74" y="58"/>
                </a:lnTo>
                <a:lnTo>
                  <a:pt x="68" y="50"/>
                </a:lnTo>
                <a:lnTo>
                  <a:pt x="72" y="44"/>
                </a:lnTo>
                <a:lnTo>
                  <a:pt x="80" y="46"/>
                </a:lnTo>
                <a:lnTo>
                  <a:pt x="86" y="54"/>
                </a:lnTo>
                <a:lnTo>
                  <a:pt x="96" y="64"/>
                </a:lnTo>
                <a:lnTo>
                  <a:pt x="96" y="58"/>
                </a:lnTo>
                <a:lnTo>
                  <a:pt x="86" y="42"/>
                </a:lnTo>
                <a:lnTo>
                  <a:pt x="84" y="34"/>
                </a:lnTo>
                <a:lnTo>
                  <a:pt x="84" y="26"/>
                </a:lnTo>
                <a:lnTo>
                  <a:pt x="92" y="26"/>
                </a:lnTo>
                <a:lnTo>
                  <a:pt x="100" y="36"/>
                </a:lnTo>
                <a:lnTo>
                  <a:pt x="100" y="28"/>
                </a:lnTo>
                <a:lnTo>
                  <a:pt x="100" y="22"/>
                </a:lnTo>
                <a:lnTo>
                  <a:pt x="108" y="20"/>
                </a:lnTo>
                <a:lnTo>
                  <a:pt x="112" y="18"/>
                </a:lnTo>
                <a:lnTo>
                  <a:pt x="118" y="28"/>
                </a:lnTo>
                <a:lnTo>
                  <a:pt x="124" y="38"/>
                </a:lnTo>
                <a:lnTo>
                  <a:pt x="126" y="42"/>
                </a:lnTo>
                <a:lnTo>
                  <a:pt x="130" y="54"/>
                </a:lnTo>
                <a:lnTo>
                  <a:pt x="138" y="52"/>
                </a:lnTo>
                <a:lnTo>
                  <a:pt x="142" y="56"/>
                </a:lnTo>
                <a:lnTo>
                  <a:pt x="140" y="64"/>
                </a:lnTo>
                <a:lnTo>
                  <a:pt x="138" y="72"/>
                </a:lnTo>
                <a:lnTo>
                  <a:pt x="150" y="78"/>
                </a:lnTo>
                <a:lnTo>
                  <a:pt x="154" y="64"/>
                </a:lnTo>
                <a:lnTo>
                  <a:pt x="154" y="56"/>
                </a:lnTo>
                <a:lnTo>
                  <a:pt x="148" y="48"/>
                </a:lnTo>
                <a:lnTo>
                  <a:pt x="142" y="38"/>
                </a:lnTo>
                <a:lnTo>
                  <a:pt x="136" y="30"/>
                </a:lnTo>
                <a:lnTo>
                  <a:pt x="142" y="24"/>
                </a:lnTo>
                <a:lnTo>
                  <a:pt x="148" y="26"/>
                </a:lnTo>
                <a:lnTo>
                  <a:pt x="158" y="30"/>
                </a:lnTo>
                <a:lnTo>
                  <a:pt x="162" y="24"/>
                </a:lnTo>
                <a:lnTo>
                  <a:pt x="156" y="18"/>
                </a:lnTo>
                <a:lnTo>
                  <a:pt x="152" y="14"/>
                </a:lnTo>
                <a:lnTo>
                  <a:pt x="142" y="14"/>
                </a:lnTo>
                <a:lnTo>
                  <a:pt x="138" y="10"/>
                </a:lnTo>
                <a:lnTo>
                  <a:pt x="146" y="0"/>
                </a:lnTo>
                <a:lnTo>
                  <a:pt x="154" y="0"/>
                </a:lnTo>
                <a:lnTo>
                  <a:pt x="162" y="4"/>
                </a:lnTo>
                <a:lnTo>
                  <a:pt x="172" y="8"/>
                </a:lnTo>
                <a:lnTo>
                  <a:pt x="180" y="18"/>
                </a:lnTo>
                <a:lnTo>
                  <a:pt x="180" y="24"/>
                </a:lnTo>
                <a:lnTo>
                  <a:pt x="180" y="32"/>
                </a:lnTo>
                <a:lnTo>
                  <a:pt x="188" y="44"/>
                </a:lnTo>
                <a:lnTo>
                  <a:pt x="188" y="52"/>
                </a:lnTo>
                <a:lnTo>
                  <a:pt x="194" y="60"/>
                </a:lnTo>
                <a:lnTo>
                  <a:pt x="196" y="68"/>
                </a:lnTo>
                <a:lnTo>
                  <a:pt x="200" y="76"/>
                </a:lnTo>
                <a:lnTo>
                  <a:pt x="204" y="82"/>
                </a:lnTo>
                <a:lnTo>
                  <a:pt x="210" y="92"/>
                </a:lnTo>
                <a:lnTo>
                  <a:pt x="204" y="100"/>
                </a:lnTo>
                <a:lnTo>
                  <a:pt x="198" y="108"/>
                </a:lnTo>
                <a:lnTo>
                  <a:pt x="192" y="118"/>
                </a:lnTo>
                <a:lnTo>
                  <a:pt x="190" y="126"/>
                </a:lnTo>
                <a:lnTo>
                  <a:pt x="178" y="126"/>
                </a:lnTo>
                <a:lnTo>
                  <a:pt x="170" y="126"/>
                </a:lnTo>
                <a:lnTo>
                  <a:pt x="180" y="138"/>
                </a:lnTo>
                <a:lnTo>
                  <a:pt x="180" y="146"/>
                </a:lnTo>
                <a:lnTo>
                  <a:pt x="178" y="156"/>
                </a:lnTo>
                <a:lnTo>
                  <a:pt x="182" y="168"/>
                </a:lnTo>
                <a:lnTo>
                  <a:pt x="182" y="178"/>
                </a:lnTo>
                <a:lnTo>
                  <a:pt x="192" y="168"/>
                </a:lnTo>
                <a:lnTo>
                  <a:pt x="200" y="158"/>
                </a:lnTo>
                <a:lnTo>
                  <a:pt x="206" y="150"/>
                </a:lnTo>
                <a:lnTo>
                  <a:pt x="218" y="144"/>
                </a:lnTo>
                <a:lnTo>
                  <a:pt x="222" y="146"/>
                </a:lnTo>
                <a:lnTo>
                  <a:pt x="216" y="154"/>
                </a:lnTo>
                <a:lnTo>
                  <a:pt x="216" y="162"/>
                </a:lnTo>
                <a:lnTo>
                  <a:pt x="220" y="170"/>
                </a:lnTo>
                <a:lnTo>
                  <a:pt x="228" y="164"/>
                </a:lnTo>
                <a:lnTo>
                  <a:pt x="236" y="158"/>
                </a:lnTo>
                <a:lnTo>
                  <a:pt x="246" y="144"/>
                </a:lnTo>
                <a:lnTo>
                  <a:pt x="248" y="132"/>
                </a:lnTo>
                <a:lnTo>
                  <a:pt x="252" y="120"/>
                </a:lnTo>
                <a:lnTo>
                  <a:pt x="252" y="104"/>
                </a:lnTo>
                <a:lnTo>
                  <a:pt x="256" y="100"/>
                </a:lnTo>
                <a:lnTo>
                  <a:pt x="266" y="98"/>
                </a:lnTo>
                <a:lnTo>
                  <a:pt x="274" y="102"/>
                </a:lnTo>
                <a:lnTo>
                  <a:pt x="278" y="112"/>
                </a:lnTo>
                <a:lnTo>
                  <a:pt x="276" y="120"/>
                </a:lnTo>
                <a:lnTo>
                  <a:pt x="278" y="132"/>
                </a:lnTo>
                <a:lnTo>
                  <a:pt x="278" y="140"/>
                </a:lnTo>
                <a:lnTo>
                  <a:pt x="278" y="152"/>
                </a:lnTo>
                <a:lnTo>
                  <a:pt x="284" y="162"/>
                </a:lnTo>
                <a:lnTo>
                  <a:pt x="296" y="158"/>
                </a:lnTo>
                <a:lnTo>
                  <a:pt x="298" y="148"/>
                </a:lnTo>
                <a:lnTo>
                  <a:pt x="300" y="136"/>
                </a:lnTo>
                <a:lnTo>
                  <a:pt x="304" y="128"/>
                </a:lnTo>
                <a:lnTo>
                  <a:pt x="310" y="122"/>
                </a:lnTo>
                <a:lnTo>
                  <a:pt x="318" y="124"/>
                </a:lnTo>
                <a:lnTo>
                  <a:pt x="326" y="124"/>
                </a:lnTo>
                <a:lnTo>
                  <a:pt x="332" y="118"/>
                </a:lnTo>
                <a:lnTo>
                  <a:pt x="342" y="118"/>
                </a:lnTo>
                <a:lnTo>
                  <a:pt x="350" y="126"/>
                </a:lnTo>
                <a:lnTo>
                  <a:pt x="352" y="136"/>
                </a:lnTo>
                <a:lnTo>
                  <a:pt x="352" y="150"/>
                </a:lnTo>
                <a:lnTo>
                  <a:pt x="352" y="158"/>
                </a:lnTo>
                <a:lnTo>
                  <a:pt x="356" y="170"/>
                </a:lnTo>
                <a:lnTo>
                  <a:pt x="356" y="180"/>
                </a:lnTo>
                <a:lnTo>
                  <a:pt x="364" y="174"/>
                </a:lnTo>
                <a:lnTo>
                  <a:pt x="364" y="158"/>
                </a:lnTo>
                <a:lnTo>
                  <a:pt x="362" y="144"/>
                </a:lnTo>
                <a:lnTo>
                  <a:pt x="366" y="136"/>
                </a:lnTo>
                <a:lnTo>
                  <a:pt x="376" y="134"/>
                </a:lnTo>
                <a:lnTo>
                  <a:pt x="382" y="140"/>
                </a:lnTo>
                <a:lnTo>
                  <a:pt x="388" y="150"/>
                </a:lnTo>
                <a:lnTo>
                  <a:pt x="396" y="162"/>
                </a:lnTo>
                <a:lnTo>
                  <a:pt x="394" y="172"/>
                </a:lnTo>
                <a:lnTo>
                  <a:pt x="402" y="174"/>
                </a:lnTo>
                <a:lnTo>
                  <a:pt x="412" y="166"/>
                </a:lnTo>
                <a:lnTo>
                  <a:pt x="420" y="156"/>
                </a:lnTo>
                <a:lnTo>
                  <a:pt x="428" y="152"/>
                </a:lnTo>
                <a:lnTo>
                  <a:pt x="436" y="160"/>
                </a:lnTo>
                <a:lnTo>
                  <a:pt x="442" y="170"/>
                </a:lnTo>
                <a:lnTo>
                  <a:pt x="460" y="172"/>
                </a:lnTo>
                <a:lnTo>
                  <a:pt x="470" y="162"/>
                </a:lnTo>
                <a:lnTo>
                  <a:pt x="472" y="144"/>
                </a:lnTo>
                <a:lnTo>
                  <a:pt x="470" y="132"/>
                </a:lnTo>
                <a:lnTo>
                  <a:pt x="482" y="126"/>
                </a:lnTo>
                <a:lnTo>
                  <a:pt x="494" y="126"/>
                </a:lnTo>
                <a:lnTo>
                  <a:pt x="504" y="134"/>
                </a:lnTo>
                <a:lnTo>
                  <a:pt x="506" y="150"/>
                </a:lnTo>
                <a:lnTo>
                  <a:pt x="508" y="160"/>
                </a:lnTo>
                <a:lnTo>
                  <a:pt x="508" y="172"/>
                </a:lnTo>
                <a:lnTo>
                  <a:pt x="508" y="184"/>
                </a:lnTo>
                <a:lnTo>
                  <a:pt x="520" y="192"/>
                </a:lnTo>
                <a:lnTo>
                  <a:pt x="526" y="182"/>
                </a:lnTo>
                <a:lnTo>
                  <a:pt x="542" y="178"/>
                </a:lnTo>
                <a:lnTo>
                  <a:pt x="554" y="172"/>
                </a:lnTo>
                <a:lnTo>
                  <a:pt x="564" y="174"/>
                </a:lnTo>
                <a:lnTo>
                  <a:pt x="566" y="180"/>
                </a:lnTo>
                <a:lnTo>
                  <a:pt x="556" y="182"/>
                </a:lnTo>
                <a:lnTo>
                  <a:pt x="546" y="186"/>
                </a:lnTo>
                <a:lnTo>
                  <a:pt x="538" y="196"/>
                </a:lnTo>
                <a:lnTo>
                  <a:pt x="530" y="202"/>
                </a:lnTo>
                <a:lnTo>
                  <a:pt x="530" y="210"/>
                </a:lnTo>
                <a:lnTo>
                  <a:pt x="542" y="218"/>
                </a:lnTo>
                <a:lnTo>
                  <a:pt x="552" y="222"/>
                </a:lnTo>
                <a:lnTo>
                  <a:pt x="550" y="234"/>
                </a:lnTo>
                <a:lnTo>
                  <a:pt x="546" y="238"/>
                </a:lnTo>
                <a:lnTo>
                  <a:pt x="530" y="242"/>
                </a:lnTo>
                <a:lnTo>
                  <a:pt x="530" y="252"/>
                </a:lnTo>
                <a:lnTo>
                  <a:pt x="536" y="256"/>
                </a:lnTo>
                <a:lnTo>
                  <a:pt x="554" y="256"/>
                </a:lnTo>
                <a:lnTo>
                  <a:pt x="552" y="262"/>
                </a:lnTo>
                <a:lnTo>
                  <a:pt x="552" y="270"/>
                </a:lnTo>
                <a:lnTo>
                  <a:pt x="554" y="276"/>
                </a:lnTo>
                <a:lnTo>
                  <a:pt x="558" y="280"/>
                </a:lnTo>
                <a:lnTo>
                  <a:pt x="566" y="288"/>
                </a:lnTo>
                <a:lnTo>
                  <a:pt x="574" y="296"/>
                </a:lnTo>
                <a:lnTo>
                  <a:pt x="584" y="304"/>
                </a:lnTo>
                <a:lnTo>
                  <a:pt x="578" y="314"/>
                </a:lnTo>
                <a:lnTo>
                  <a:pt x="572" y="322"/>
                </a:lnTo>
                <a:lnTo>
                  <a:pt x="566" y="326"/>
                </a:lnTo>
                <a:lnTo>
                  <a:pt x="570" y="336"/>
                </a:lnTo>
                <a:lnTo>
                  <a:pt x="572" y="342"/>
                </a:lnTo>
                <a:lnTo>
                  <a:pt x="562" y="344"/>
                </a:lnTo>
                <a:lnTo>
                  <a:pt x="564" y="354"/>
                </a:lnTo>
                <a:lnTo>
                  <a:pt x="566" y="362"/>
                </a:lnTo>
                <a:lnTo>
                  <a:pt x="556" y="370"/>
                </a:lnTo>
                <a:lnTo>
                  <a:pt x="548" y="364"/>
                </a:lnTo>
                <a:lnTo>
                  <a:pt x="544" y="360"/>
                </a:lnTo>
                <a:lnTo>
                  <a:pt x="544" y="366"/>
                </a:lnTo>
                <a:lnTo>
                  <a:pt x="546" y="376"/>
                </a:lnTo>
                <a:lnTo>
                  <a:pt x="542" y="386"/>
                </a:lnTo>
                <a:lnTo>
                  <a:pt x="530" y="394"/>
                </a:lnTo>
                <a:lnTo>
                  <a:pt x="516" y="394"/>
                </a:lnTo>
                <a:lnTo>
                  <a:pt x="510" y="388"/>
                </a:lnTo>
                <a:lnTo>
                  <a:pt x="502" y="396"/>
                </a:lnTo>
                <a:lnTo>
                  <a:pt x="498" y="406"/>
                </a:lnTo>
                <a:lnTo>
                  <a:pt x="488" y="420"/>
                </a:lnTo>
                <a:lnTo>
                  <a:pt x="480" y="426"/>
                </a:lnTo>
                <a:lnTo>
                  <a:pt x="470" y="428"/>
                </a:lnTo>
                <a:lnTo>
                  <a:pt x="462" y="428"/>
                </a:lnTo>
                <a:lnTo>
                  <a:pt x="454" y="434"/>
                </a:lnTo>
                <a:lnTo>
                  <a:pt x="442" y="426"/>
                </a:lnTo>
                <a:lnTo>
                  <a:pt x="436" y="418"/>
                </a:lnTo>
                <a:lnTo>
                  <a:pt x="430" y="426"/>
                </a:lnTo>
                <a:lnTo>
                  <a:pt x="410" y="430"/>
                </a:lnTo>
                <a:lnTo>
                  <a:pt x="402" y="430"/>
                </a:lnTo>
                <a:lnTo>
                  <a:pt x="398" y="430"/>
                </a:lnTo>
                <a:lnTo>
                  <a:pt x="394" y="430"/>
                </a:lnTo>
                <a:lnTo>
                  <a:pt x="382" y="436"/>
                </a:lnTo>
                <a:lnTo>
                  <a:pt x="366" y="442"/>
                </a:lnTo>
                <a:lnTo>
                  <a:pt x="354" y="448"/>
                </a:lnTo>
                <a:lnTo>
                  <a:pt x="352" y="450"/>
                </a:lnTo>
                <a:lnTo>
                  <a:pt x="348" y="454"/>
                </a:lnTo>
                <a:lnTo>
                  <a:pt x="344" y="454"/>
                </a:lnTo>
                <a:lnTo>
                  <a:pt x="326" y="454"/>
                </a:lnTo>
                <a:lnTo>
                  <a:pt x="318" y="448"/>
                </a:lnTo>
                <a:lnTo>
                  <a:pt x="310" y="450"/>
                </a:lnTo>
                <a:lnTo>
                  <a:pt x="296" y="448"/>
                </a:lnTo>
                <a:lnTo>
                  <a:pt x="280" y="446"/>
                </a:lnTo>
                <a:lnTo>
                  <a:pt x="270" y="442"/>
                </a:lnTo>
                <a:lnTo>
                  <a:pt x="266" y="448"/>
                </a:lnTo>
                <a:lnTo>
                  <a:pt x="264" y="458"/>
                </a:lnTo>
                <a:lnTo>
                  <a:pt x="258" y="466"/>
                </a:lnTo>
                <a:lnTo>
                  <a:pt x="236" y="468"/>
                </a:lnTo>
                <a:lnTo>
                  <a:pt x="206" y="468"/>
                </a:lnTo>
                <a:lnTo>
                  <a:pt x="184" y="456"/>
                </a:lnTo>
                <a:lnTo>
                  <a:pt x="170" y="440"/>
                </a:lnTo>
                <a:lnTo>
                  <a:pt x="160" y="428"/>
                </a:lnTo>
                <a:lnTo>
                  <a:pt x="154" y="422"/>
                </a:lnTo>
                <a:lnTo>
                  <a:pt x="132" y="414"/>
                </a:lnTo>
                <a:lnTo>
                  <a:pt x="126" y="400"/>
                </a:lnTo>
                <a:lnTo>
                  <a:pt x="120" y="384"/>
                </a:lnTo>
                <a:lnTo>
                  <a:pt x="124" y="378"/>
                </a:lnTo>
                <a:lnTo>
                  <a:pt x="118" y="374"/>
                </a:lnTo>
                <a:lnTo>
                  <a:pt x="118" y="368"/>
                </a:lnTo>
                <a:lnTo>
                  <a:pt x="106" y="366"/>
                </a:lnTo>
                <a:lnTo>
                  <a:pt x="98" y="358"/>
                </a:lnTo>
                <a:lnTo>
                  <a:pt x="94" y="34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06" name="Freeform 63"/>
          <p:cNvSpPr>
            <a:spLocks/>
          </p:cNvSpPr>
          <p:nvPr/>
        </p:nvSpPr>
        <p:spPr bwMode="auto">
          <a:xfrm>
            <a:off x="3806825" y="1795463"/>
            <a:ext cx="84138" cy="65087"/>
          </a:xfrm>
          <a:custGeom>
            <a:avLst/>
            <a:gdLst>
              <a:gd name="T0" fmla="*/ 2147483647 w 64"/>
              <a:gd name="T1" fmla="*/ 0 h 50"/>
              <a:gd name="T2" fmla="*/ 2147483647 w 64"/>
              <a:gd name="T3" fmla="*/ 2147483647 h 50"/>
              <a:gd name="T4" fmla="*/ 2147483647 w 64"/>
              <a:gd name="T5" fmla="*/ 2147483647 h 50"/>
              <a:gd name="T6" fmla="*/ 2147483647 w 64"/>
              <a:gd name="T7" fmla="*/ 2147483647 h 50"/>
              <a:gd name="T8" fmla="*/ 2147483647 w 64"/>
              <a:gd name="T9" fmla="*/ 2147483647 h 50"/>
              <a:gd name="T10" fmla="*/ 2147483647 w 64"/>
              <a:gd name="T11" fmla="*/ 2147483647 h 50"/>
              <a:gd name="T12" fmla="*/ 2147483647 w 64"/>
              <a:gd name="T13" fmla="*/ 2147483647 h 50"/>
              <a:gd name="T14" fmla="*/ 2147483647 w 64"/>
              <a:gd name="T15" fmla="*/ 2147483647 h 50"/>
              <a:gd name="T16" fmla="*/ 2147483647 w 64"/>
              <a:gd name="T17" fmla="*/ 2147483647 h 50"/>
              <a:gd name="T18" fmla="*/ 2147483647 w 64"/>
              <a:gd name="T19" fmla="*/ 2147483647 h 50"/>
              <a:gd name="T20" fmla="*/ 2147483647 w 64"/>
              <a:gd name="T21" fmla="*/ 2147483647 h 50"/>
              <a:gd name="T22" fmla="*/ 2147483647 w 64"/>
              <a:gd name="T23" fmla="*/ 2147483647 h 50"/>
              <a:gd name="T24" fmla="*/ 2147483647 w 64"/>
              <a:gd name="T25" fmla="*/ 2147483647 h 50"/>
              <a:gd name="T26" fmla="*/ 2147483647 w 64"/>
              <a:gd name="T27" fmla="*/ 2147483647 h 50"/>
              <a:gd name="T28" fmla="*/ 2147483647 w 64"/>
              <a:gd name="T29" fmla="*/ 2147483647 h 50"/>
              <a:gd name="T30" fmla="*/ 0 w 64"/>
              <a:gd name="T31" fmla="*/ 2147483647 h 50"/>
              <a:gd name="T32" fmla="*/ 2147483647 w 64"/>
              <a:gd name="T33" fmla="*/ 2147483647 h 50"/>
              <a:gd name="T34" fmla="*/ 2147483647 w 64"/>
              <a:gd name="T35" fmla="*/ 2147483647 h 50"/>
              <a:gd name="T36" fmla="*/ 2147483647 w 64"/>
              <a:gd name="T37" fmla="*/ 2147483647 h 50"/>
              <a:gd name="T38" fmla="*/ 2147483647 w 64"/>
              <a:gd name="T39" fmla="*/ 2147483647 h 50"/>
              <a:gd name="T40" fmla="*/ 2147483647 w 64"/>
              <a:gd name="T41" fmla="*/ 2147483647 h 50"/>
              <a:gd name="T42" fmla="*/ 2147483647 w 64"/>
              <a:gd name="T43" fmla="*/ 0 h 50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0" t="0" r="r" b="b"/>
            <a:pathLst>
              <a:path w="64" h="50">
                <a:moveTo>
                  <a:pt x="32" y="0"/>
                </a:moveTo>
                <a:lnTo>
                  <a:pt x="40" y="12"/>
                </a:lnTo>
                <a:lnTo>
                  <a:pt x="46" y="22"/>
                </a:lnTo>
                <a:lnTo>
                  <a:pt x="54" y="18"/>
                </a:lnTo>
                <a:lnTo>
                  <a:pt x="58" y="4"/>
                </a:lnTo>
                <a:lnTo>
                  <a:pt x="64" y="8"/>
                </a:lnTo>
                <a:lnTo>
                  <a:pt x="60" y="22"/>
                </a:lnTo>
                <a:lnTo>
                  <a:pt x="50" y="30"/>
                </a:lnTo>
                <a:lnTo>
                  <a:pt x="50" y="46"/>
                </a:lnTo>
                <a:lnTo>
                  <a:pt x="36" y="44"/>
                </a:lnTo>
                <a:lnTo>
                  <a:pt x="28" y="50"/>
                </a:lnTo>
                <a:lnTo>
                  <a:pt x="26" y="34"/>
                </a:lnTo>
                <a:lnTo>
                  <a:pt x="20" y="36"/>
                </a:lnTo>
                <a:lnTo>
                  <a:pt x="8" y="36"/>
                </a:lnTo>
                <a:lnTo>
                  <a:pt x="2" y="28"/>
                </a:lnTo>
                <a:lnTo>
                  <a:pt x="0" y="16"/>
                </a:lnTo>
                <a:lnTo>
                  <a:pt x="8" y="14"/>
                </a:lnTo>
                <a:lnTo>
                  <a:pt x="14" y="18"/>
                </a:lnTo>
                <a:lnTo>
                  <a:pt x="22" y="20"/>
                </a:lnTo>
                <a:lnTo>
                  <a:pt x="28" y="18"/>
                </a:lnTo>
                <a:lnTo>
                  <a:pt x="26" y="6"/>
                </a:lnTo>
                <a:lnTo>
                  <a:pt x="32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07" name="Freeform 64"/>
          <p:cNvSpPr>
            <a:spLocks/>
          </p:cNvSpPr>
          <p:nvPr/>
        </p:nvSpPr>
        <p:spPr bwMode="auto">
          <a:xfrm>
            <a:off x="3100388" y="2927350"/>
            <a:ext cx="504825" cy="581025"/>
          </a:xfrm>
          <a:custGeom>
            <a:avLst/>
            <a:gdLst>
              <a:gd name="T0" fmla="*/ 2147483647 w 390"/>
              <a:gd name="T1" fmla="*/ 2147483647 h 449"/>
              <a:gd name="T2" fmla="*/ 2147483647 w 390"/>
              <a:gd name="T3" fmla="*/ 2147483647 h 449"/>
              <a:gd name="T4" fmla="*/ 2147483647 w 390"/>
              <a:gd name="T5" fmla="*/ 2147483647 h 449"/>
              <a:gd name="T6" fmla="*/ 2147483647 w 390"/>
              <a:gd name="T7" fmla="*/ 2147483647 h 449"/>
              <a:gd name="T8" fmla="*/ 2147483647 w 390"/>
              <a:gd name="T9" fmla="*/ 2147483647 h 449"/>
              <a:gd name="T10" fmla="*/ 2147483647 w 390"/>
              <a:gd name="T11" fmla="*/ 2147483647 h 449"/>
              <a:gd name="T12" fmla="*/ 2147483647 w 390"/>
              <a:gd name="T13" fmla="*/ 2147483647 h 449"/>
              <a:gd name="T14" fmla="*/ 2147483647 w 390"/>
              <a:gd name="T15" fmla="*/ 2147483647 h 449"/>
              <a:gd name="T16" fmla="*/ 2147483647 w 390"/>
              <a:gd name="T17" fmla="*/ 2147483647 h 449"/>
              <a:gd name="T18" fmla="*/ 2147483647 w 390"/>
              <a:gd name="T19" fmla="*/ 2147483647 h 449"/>
              <a:gd name="T20" fmla="*/ 2147483647 w 390"/>
              <a:gd name="T21" fmla="*/ 2147483647 h 449"/>
              <a:gd name="T22" fmla="*/ 2147483647 w 390"/>
              <a:gd name="T23" fmla="*/ 2147483647 h 449"/>
              <a:gd name="T24" fmla="*/ 2147483647 w 390"/>
              <a:gd name="T25" fmla="*/ 2147483647 h 449"/>
              <a:gd name="T26" fmla="*/ 2147483647 w 390"/>
              <a:gd name="T27" fmla="*/ 2147483647 h 449"/>
              <a:gd name="T28" fmla="*/ 2147483647 w 390"/>
              <a:gd name="T29" fmla="*/ 2147483647 h 449"/>
              <a:gd name="T30" fmla="*/ 2147483647 w 390"/>
              <a:gd name="T31" fmla="*/ 2147483647 h 449"/>
              <a:gd name="T32" fmla="*/ 2147483647 w 390"/>
              <a:gd name="T33" fmla="*/ 2147483647 h 449"/>
              <a:gd name="T34" fmla="*/ 2147483647 w 390"/>
              <a:gd name="T35" fmla="*/ 2147483647 h 449"/>
              <a:gd name="T36" fmla="*/ 2147483647 w 390"/>
              <a:gd name="T37" fmla="*/ 2147483647 h 449"/>
              <a:gd name="T38" fmla="*/ 2147483647 w 390"/>
              <a:gd name="T39" fmla="*/ 2147483647 h 449"/>
              <a:gd name="T40" fmla="*/ 2147483647 w 390"/>
              <a:gd name="T41" fmla="*/ 2147483647 h 449"/>
              <a:gd name="T42" fmla="*/ 2147483647 w 390"/>
              <a:gd name="T43" fmla="*/ 2147483647 h 449"/>
              <a:gd name="T44" fmla="*/ 2147483647 w 390"/>
              <a:gd name="T45" fmla="*/ 2147483647 h 449"/>
              <a:gd name="T46" fmla="*/ 2147483647 w 390"/>
              <a:gd name="T47" fmla="*/ 2147483647 h 449"/>
              <a:gd name="T48" fmla="*/ 2147483647 w 390"/>
              <a:gd name="T49" fmla="*/ 2147483647 h 449"/>
              <a:gd name="T50" fmla="*/ 2147483647 w 390"/>
              <a:gd name="T51" fmla="*/ 2147483647 h 449"/>
              <a:gd name="T52" fmla="*/ 2147483647 w 390"/>
              <a:gd name="T53" fmla="*/ 2147483647 h 449"/>
              <a:gd name="T54" fmla="*/ 2147483647 w 390"/>
              <a:gd name="T55" fmla="*/ 2147483647 h 449"/>
              <a:gd name="T56" fmla="*/ 2147483647 w 390"/>
              <a:gd name="T57" fmla="*/ 2147483647 h 449"/>
              <a:gd name="T58" fmla="*/ 2147483647 w 390"/>
              <a:gd name="T59" fmla="*/ 2147483647 h 449"/>
              <a:gd name="T60" fmla="*/ 2147483647 w 390"/>
              <a:gd name="T61" fmla="*/ 2147483647 h 449"/>
              <a:gd name="T62" fmla="*/ 2147483647 w 390"/>
              <a:gd name="T63" fmla="*/ 2147483647 h 449"/>
              <a:gd name="T64" fmla="*/ 2147483647 w 390"/>
              <a:gd name="T65" fmla="*/ 2147483647 h 449"/>
              <a:gd name="T66" fmla="*/ 2147483647 w 390"/>
              <a:gd name="T67" fmla="*/ 2147483647 h 449"/>
              <a:gd name="T68" fmla="*/ 2147483647 w 390"/>
              <a:gd name="T69" fmla="*/ 2147483647 h 449"/>
              <a:gd name="T70" fmla="*/ 2147483647 w 390"/>
              <a:gd name="T71" fmla="*/ 2147483647 h 449"/>
              <a:gd name="T72" fmla="*/ 2147483647 w 390"/>
              <a:gd name="T73" fmla="*/ 2147483647 h 449"/>
              <a:gd name="T74" fmla="*/ 2147483647 w 390"/>
              <a:gd name="T75" fmla="*/ 2147483647 h 449"/>
              <a:gd name="T76" fmla="*/ 2147483647 w 390"/>
              <a:gd name="T77" fmla="*/ 2147483647 h 449"/>
              <a:gd name="T78" fmla="*/ 2147483647 w 390"/>
              <a:gd name="T79" fmla="*/ 2147483647 h 449"/>
              <a:gd name="T80" fmla="*/ 2147483647 w 390"/>
              <a:gd name="T81" fmla="*/ 2147483647 h 449"/>
              <a:gd name="T82" fmla="*/ 2147483647 w 390"/>
              <a:gd name="T83" fmla="*/ 2147483647 h 449"/>
              <a:gd name="T84" fmla="*/ 2147483647 w 390"/>
              <a:gd name="T85" fmla="*/ 2147483647 h 449"/>
              <a:gd name="T86" fmla="*/ 2147483647 w 390"/>
              <a:gd name="T87" fmla="*/ 2147483647 h 449"/>
              <a:gd name="T88" fmla="*/ 2147483647 w 390"/>
              <a:gd name="T89" fmla="*/ 2147483647 h 449"/>
              <a:gd name="T90" fmla="*/ 2147483647 w 390"/>
              <a:gd name="T91" fmla="*/ 2147483647 h 449"/>
              <a:gd name="T92" fmla="*/ 2147483647 w 390"/>
              <a:gd name="T93" fmla="*/ 2147483647 h 449"/>
              <a:gd name="T94" fmla="*/ 2147483647 w 390"/>
              <a:gd name="T95" fmla="*/ 2147483647 h 449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0" t="0" r="r" b="b"/>
            <a:pathLst>
              <a:path w="390" h="449">
                <a:moveTo>
                  <a:pt x="114" y="86"/>
                </a:moveTo>
                <a:lnTo>
                  <a:pt x="124" y="92"/>
                </a:lnTo>
                <a:lnTo>
                  <a:pt x="138" y="86"/>
                </a:lnTo>
                <a:lnTo>
                  <a:pt x="150" y="94"/>
                </a:lnTo>
                <a:lnTo>
                  <a:pt x="166" y="96"/>
                </a:lnTo>
                <a:lnTo>
                  <a:pt x="168" y="106"/>
                </a:lnTo>
                <a:lnTo>
                  <a:pt x="176" y="112"/>
                </a:lnTo>
                <a:lnTo>
                  <a:pt x="184" y="106"/>
                </a:lnTo>
                <a:lnTo>
                  <a:pt x="194" y="110"/>
                </a:lnTo>
                <a:lnTo>
                  <a:pt x="212" y="118"/>
                </a:lnTo>
                <a:lnTo>
                  <a:pt x="224" y="114"/>
                </a:lnTo>
                <a:lnTo>
                  <a:pt x="218" y="106"/>
                </a:lnTo>
                <a:lnTo>
                  <a:pt x="222" y="100"/>
                </a:lnTo>
                <a:lnTo>
                  <a:pt x="230" y="94"/>
                </a:lnTo>
                <a:lnTo>
                  <a:pt x="250" y="94"/>
                </a:lnTo>
                <a:lnTo>
                  <a:pt x="254" y="98"/>
                </a:lnTo>
                <a:lnTo>
                  <a:pt x="256" y="88"/>
                </a:lnTo>
                <a:lnTo>
                  <a:pt x="260" y="78"/>
                </a:lnTo>
                <a:lnTo>
                  <a:pt x="246" y="76"/>
                </a:lnTo>
                <a:lnTo>
                  <a:pt x="238" y="72"/>
                </a:lnTo>
                <a:lnTo>
                  <a:pt x="224" y="70"/>
                </a:lnTo>
                <a:lnTo>
                  <a:pt x="218" y="60"/>
                </a:lnTo>
                <a:lnTo>
                  <a:pt x="220" y="52"/>
                </a:lnTo>
                <a:lnTo>
                  <a:pt x="242" y="54"/>
                </a:lnTo>
                <a:lnTo>
                  <a:pt x="242" y="44"/>
                </a:lnTo>
                <a:lnTo>
                  <a:pt x="254" y="42"/>
                </a:lnTo>
                <a:lnTo>
                  <a:pt x="252" y="26"/>
                </a:lnTo>
                <a:lnTo>
                  <a:pt x="266" y="22"/>
                </a:lnTo>
                <a:lnTo>
                  <a:pt x="270" y="10"/>
                </a:lnTo>
                <a:lnTo>
                  <a:pt x="284" y="16"/>
                </a:lnTo>
                <a:lnTo>
                  <a:pt x="292" y="10"/>
                </a:lnTo>
                <a:lnTo>
                  <a:pt x="296" y="16"/>
                </a:lnTo>
                <a:lnTo>
                  <a:pt x="306" y="10"/>
                </a:lnTo>
                <a:lnTo>
                  <a:pt x="316" y="8"/>
                </a:lnTo>
                <a:lnTo>
                  <a:pt x="316" y="16"/>
                </a:lnTo>
                <a:lnTo>
                  <a:pt x="326" y="16"/>
                </a:lnTo>
                <a:lnTo>
                  <a:pt x="334" y="10"/>
                </a:lnTo>
                <a:lnTo>
                  <a:pt x="342" y="4"/>
                </a:lnTo>
                <a:lnTo>
                  <a:pt x="350" y="0"/>
                </a:lnTo>
                <a:lnTo>
                  <a:pt x="356" y="12"/>
                </a:lnTo>
                <a:lnTo>
                  <a:pt x="366" y="18"/>
                </a:lnTo>
                <a:lnTo>
                  <a:pt x="366" y="24"/>
                </a:lnTo>
                <a:lnTo>
                  <a:pt x="356" y="30"/>
                </a:lnTo>
                <a:lnTo>
                  <a:pt x="342" y="34"/>
                </a:lnTo>
                <a:lnTo>
                  <a:pt x="334" y="38"/>
                </a:lnTo>
                <a:lnTo>
                  <a:pt x="328" y="46"/>
                </a:lnTo>
                <a:lnTo>
                  <a:pt x="314" y="62"/>
                </a:lnTo>
                <a:lnTo>
                  <a:pt x="310" y="72"/>
                </a:lnTo>
                <a:lnTo>
                  <a:pt x="296" y="74"/>
                </a:lnTo>
                <a:lnTo>
                  <a:pt x="286" y="72"/>
                </a:lnTo>
                <a:lnTo>
                  <a:pt x="278" y="70"/>
                </a:lnTo>
                <a:lnTo>
                  <a:pt x="284" y="80"/>
                </a:lnTo>
                <a:lnTo>
                  <a:pt x="292" y="88"/>
                </a:lnTo>
                <a:lnTo>
                  <a:pt x="286" y="94"/>
                </a:lnTo>
                <a:lnTo>
                  <a:pt x="274" y="94"/>
                </a:lnTo>
                <a:lnTo>
                  <a:pt x="268" y="90"/>
                </a:lnTo>
                <a:lnTo>
                  <a:pt x="262" y="98"/>
                </a:lnTo>
                <a:lnTo>
                  <a:pt x="254" y="106"/>
                </a:lnTo>
                <a:lnTo>
                  <a:pt x="262" y="118"/>
                </a:lnTo>
                <a:lnTo>
                  <a:pt x="270" y="134"/>
                </a:lnTo>
                <a:lnTo>
                  <a:pt x="278" y="138"/>
                </a:lnTo>
                <a:lnTo>
                  <a:pt x="286" y="148"/>
                </a:lnTo>
                <a:lnTo>
                  <a:pt x="308" y="156"/>
                </a:lnTo>
                <a:lnTo>
                  <a:pt x="322" y="146"/>
                </a:lnTo>
                <a:lnTo>
                  <a:pt x="322" y="132"/>
                </a:lnTo>
                <a:lnTo>
                  <a:pt x="338" y="126"/>
                </a:lnTo>
                <a:lnTo>
                  <a:pt x="346" y="134"/>
                </a:lnTo>
                <a:lnTo>
                  <a:pt x="346" y="150"/>
                </a:lnTo>
                <a:lnTo>
                  <a:pt x="352" y="156"/>
                </a:lnTo>
                <a:lnTo>
                  <a:pt x="360" y="158"/>
                </a:lnTo>
                <a:lnTo>
                  <a:pt x="358" y="174"/>
                </a:lnTo>
                <a:lnTo>
                  <a:pt x="372" y="176"/>
                </a:lnTo>
                <a:lnTo>
                  <a:pt x="384" y="178"/>
                </a:lnTo>
                <a:lnTo>
                  <a:pt x="390" y="188"/>
                </a:lnTo>
                <a:lnTo>
                  <a:pt x="380" y="190"/>
                </a:lnTo>
                <a:lnTo>
                  <a:pt x="374" y="192"/>
                </a:lnTo>
                <a:lnTo>
                  <a:pt x="372" y="204"/>
                </a:lnTo>
                <a:lnTo>
                  <a:pt x="378" y="210"/>
                </a:lnTo>
                <a:lnTo>
                  <a:pt x="376" y="232"/>
                </a:lnTo>
                <a:lnTo>
                  <a:pt x="386" y="250"/>
                </a:lnTo>
                <a:lnTo>
                  <a:pt x="376" y="256"/>
                </a:lnTo>
                <a:lnTo>
                  <a:pt x="374" y="272"/>
                </a:lnTo>
                <a:lnTo>
                  <a:pt x="374" y="286"/>
                </a:lnTo>
                <a:lnTo>
                  <a:pt x="374" y="328"/>
                </a:lnTo>
                <a:lnTo>
                  <a:pt x="358" y="344"/>
                </a:lnTo>
                <a:lnTo>
                  <a:pt x="348" y="357"/>
                </a:lnTo>
                <a:lnTo>
                  <a:pt x="348" y="373"/>
                </a:lnTo>
                <a:lnTo>
                  <a:pt x="330" y="389"/>
                </a:lnTo>
                <a:lnTo>
                  <a:pt x="320" y="395"/>
                </a:lnTo>
                <a:lnTo>
                  <a:pt x="324" y="405"/>
                </a:lnTo>
                <a:lnTo>
                  <a:pt x="328" y="419"/>
                </a:lnTo>
                <a:lnTo>
                  <a:pt x="312" y="419"/>
                </a:lnTo>
                <a:lnTo>
                  <a:pt x="298" y="413"/>
                </a:lnTo>
                <a:lnTo>
                  <a:pt x="292" y="407"/>
                </a:lnTo>
                <a:lnTo>
                  <a:pt x="286" y="411"/>
                </a:lnTo>
                <a:lnTo>
                  <a:pt x="280" y="407"/>
                </a:lnTo>
                <a:lnTo>
                  <a:pt x="274" y="415"/>
                </a:lnTo>
                <a:lnTo>
                  <a:pt x="264" y="417"/>
                </a:lnTo>
                <a:lnTo>
                  <a:pt x="244" y="405"/>
                </a:lnTo>
                <a:lnTo>
                  <a:pt x="230" y="409"/>
                </a:lnTo>
                <a:lnTo>
                  <a:pt x="224" y="413"/>
                </a:lnTo>
                <a:lnTo>
                  <a:pt x="224" y="421"/>
                </a:lnTo>
                <a:lnTo>
                  <a:pt x="200" y="423"/>
                </a:lnTo>
                <a:lnTo>
                  <a:pt x="196" y="431"/>
                </a:lnTo>
                <a:lnTo>
                  <a:pt x="180" y="435"/>
                </a:lnTo>
                <a:lnTo>
                  <a:pt x="158" y="435"/>
                </a:lnTo>
                <a:lnTo>
                  <a:pt x="146" y="441"/>
                </a:lnTo>
                <a:lnTo>
                  <a:pt x="140" y="445"/>
                </a:lnTo>
                <a:lnTo>
                  <a:pt x="136" y="447"/>
                </a:lnTo>
                <a:lnTo>
                  <a:pt x="130" y="447"/>
                </a:lnTo>
                <a:lnTo>
                  <a:pt x="96" y="447"/>
                </a:lnTo>
                <a:lnTo>
                  <a:pt x="66" y="449"/>
                </a:lnTo>
                <a:lnTo>
                  <a:pt x="62" y="441"/>
                </a:lnTo>
                <a:lnTo>
                  <a:pt x="46" y="441"/>
                </a:lnTo>
                <a:lnTo>
                  <a:pt x="32" y="439"/>
                </a:lnTo>
                <a:lnTo>
                  <a:pt x="36" y="429"/>
                </a:lnTo>
                <a:lnTo>
                  <a:pt x="52" y="429"/>
                </a:lnTo>
                <a:lnTo>
                  <a:pt x="60" y="425"/>
                </a:lnTo>
                <a:lnTo>
                  <a:pt x="66" y="417"/>
                </a:lnTo>
                <a:lnTo>
                  <a:pt x="62" y="413"/>
                </a:lnTo>
                <a:lnTo>
                  <a:pt x="52" y="417"/>
                </a:lnTo>
                <a:lnTo>
                  <a:pt x="30" y="417"/>
                </a:lnTo>
                <a:lnTo>
                  <a:pt x="20" y="421"/>
                </a:lnTo>
                <a:lnTo>
                  <a:pt x="16" y="411"/>
                </a:lnTo>
                <a:lnTo>
                  <a:pt x="30" y="407"/>
                </a:lnTo>
                <a:lnTo>
                  <a:pt x="40" y="405"/>
                </a:lnTo>
                <a:lnTo>
                  <a:pt x="44" y="405"/>
                </a:lnTo>
                <a:lnTo>
                  <a:pt x="48" y="401"/>
                </a:lnTo>
                <a:lnTo>
                  <a:pt x="54" y="397"/>
                </a:lnTo>
                <a:lnTo>
                  <a:pt x="40" y="395"/>
                </a:lnTo>
                <a:lnTo>
                  <a:pt x="22" y="397"/>
                </a:lnTo>
                <a:lnTo>
                  <a:pt x="14" y="389"/>
                </a:lnTo>
                <a:lnTo>
                  <a:pt x="0" y="385"/>
                </a:lnTo>
                <a:lnTo>
                  <a:pt x="2" y="379"/>
                </a:lnTo>
                <a:lnTo>
                  <a:pt x="12" y="377"/>
                </a:lnTo>
                <a:lnTo>
                  <a:pt x="16" y="369"/>
                </a:lnTo>
                <a:lnTo>
                  <a:pt x="30" y="369"/>
                </a:lnTo>
                <a:lnTo>
                  <a:pt x="42" y="367"/>
                </a:lnTo>
                <a:lnTo>
                  <a:pt x="52" y="361"/>
                </a:lnTo>
                <a:lnTo>
                  <a:pt x="40" y="357"/>
                </a:lnTo>
                <a:lnTo>
                  <a:pt x="18" y="353"/>
                </a:lnTo>
                <a:lnTo>
                  <a:pt x="4" y="349"/>
                </a:lnTo>
                <a:lnTo>
                  <a:pt x="10" y="334"/>
                </a:lnTo>
                <a:lnTo>
                  <a:pt x="24" y="330"/>
                </a:lnTo>
                <a:lnTo>
                  <a:pt x="38" y="338"/>
                </a:lnTo>
                <a:lnTo>
                  <a:pt x="54" y="346"/>
                </a:lnTo>
                <a:lnTo>
                  <a:pt x="60" y="332"/>
                </a:lnTo>
                <a:lnTo>
                  <a:pt x="60" y="320"/>
                </a:lnTo>
                <a:lnTo>
                  <a:pt x="80" y="320"/>
                </a:lnTo>
                <a:lnTo>
                  <a:pt x="80" y="308"/>
                </a:lnTo>
                <a:lnTo>
                  <a:pt x="90" y="308"/>
                </a:lnTo>
                <a:lnTo>
                  <a:pt x="98" y="302"/>
                </a:lnTo>
                <a:lnTo>
                  <a:pt x="84" y="300"/>
                </a:lnTo>
                <a:lnTo>
                  <a:pt x="78" y="296"/>
                </a:lnTo>
                <a:lnTo>
                  <a:pt x="90" y="288"/>
                </a:lnTo>
                <a:lnTo>
                  <a:pt x="114" y="274"/>
                </a:lnTo>
                <a:lnTo>
                  <a:pt x="112" y="260"/>
                </a:lnTo>
                <a:lnTo>
                  <a:pt x="126" y="246"/>
                </a:lnTo>
                <a:lnTo>
                  <a:pt x="146" y="250"/>
                </a:lnTo>
                <a:lnTo>
                  <a:pt x="152" y="244"/>
                </a:lnTo>
                <a:lnTo>
                  <a:pt x="154" y="232"/>
                </a:lnTo>
                <a:lnTo>
                  <a:pt x="142" y="234"/>
                </a:lnTo>
                <a:lnTo>
                  <a:pt x="126" y="232"/>
                </a:lnTo>
                <a:lnTo>
                  <a:pt x="114" y="226"/>
                </a:lnTo>
                <a:lnTo>
                  <a:pt x="108" y="216"/>
                </a:lnTo>
                <a:lnTo>
                  <a:pt x="108" y="208"/>
                </a:lnTo>
                <a:lnTo>
                  <a:pt x="92" y="210"/>
                </a:lnTo>
                <a:lnTo>
                  <a:pt x="94" y="200"/>
                </a:lnTo>
                <a:lnTo>
                  <a:pt x="84" y="198"/>
                </a:lnTo>
                <a:lnTo>
                  <a:pt x="80" y="188"/>
                </a:lnTo>
                <a:lnTo>
                  <a:pt x="78" y="176"/>
                </a:lnTo>
                <a:lnTo>
                  <a:pt x="94" y="174"/>
                </a:lnTo>
                <a:lnTo>
                  <a:pt x="100" y="170"/>
                </a:lnTo>
                <a:lnTo>
                  <a:pt x="102" y="154"/>
                </a:lnTo>
                <a:lnTo>
                  <a:pt x="114" y="150"/>
                </a:lnTo>
                <a:lnTo>
                  <a:pt x="124" y="154"/>
                </a:lnTo>
                <a:lnTo>
                  <a:pt x="128" y="144"/>
                </a:lnTo>
                <a:lnTo>
                  <a:pt x="122" y="138"/>
                </a:lnTo>
                <a:lnTo>
                  <a:pt x="106" y="138"/>
                </a:lnTo>
                <a:lnTo>
                  <a:pt x="100" y="130"/>
                </a:lnTo>
                <a:lnTo>
                  <a:pt x="92" y="124"/>
                </a:lnTo>
                <a:lnTo>
                  <a:pt x="86" y="116"/>
                </a:lnTo>
                <a:lnTo>
                  <a:pt x="96" y="114"/>
                </a:lnTo>
                <a:lnTo>
                  <a:pt x="100" y="116"/>
                </a:lnTo>
                <a:lnTo>
                  <a:pt x="104" y="120"/>
                </a:lnTo>
                <a:lnTo>
                  <a:pt x="108" y="124"/>
                </a:lnTo>
                <a:lnTo>
                  <a:pt x="114" y="112"/>
                </a:lnTo>
                <a:lnTo>
                  <a:pt x="112" y="98"/>
                </a:lnTo>
                <a:lnTo>
                  <a:pt x="108" y="96"/>
                </a:lnTo>
                <a:lnTo>
                  <a:pt x="102" y="102"/>
                </a:lnTo>
                <a:lnTo>
                  <a:pt x="98" y="96"/>
                </a:lnTo>
                <a:lnTo>
                  <a:pt x="106" y="88"/>
                </a:lnTo>
                <a:lnTo>
                  <a:pt x="114" y="8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1908" name="Group 65"/>
          <p:cNvGrpSpPr>
            <a:grpSpLocks/>
          </p:cNvGrpSpPr>
          <p:nvPr/>
        </p:nvGrpSpPr>
        <p:grpSpPr bwMode="auto">
          <a:xfrm>
            <a:off x="3419475" y="2133600"/>
            <a:ext cx="925513" cy="1716088"/>
            <a:chOff x="848" y="1921"/>
            <a:chExt cx="714" cy="1325"/>
          </a:xfrm>
        </p:grpSpPr>
        <p:sp>
          <p:nvSpPr>
            <p:cNvPr id="121989" name="Freeform 66"/>
            <p:cNvSpPr>
              <a:spLocks/>
            </p:cNvSpPr>
            <p:nvPr/>
          </p:nvSpPr>
          <p:spPr bwMode="auto">
            <a:xfrm>
              <a:off x="1450" y="1921"/>
              <a:ext cx="72" cy="118"/>
            </a:xfrm>
            <a:custGeom>
              <a:avLst/>
              <a:gdLst>
                <a:gd name="T0" fmla="*/ 22 w 72"/>
                <a:gd name="T1" fmla="*/ 74 h 118"/>
                <a:gd name="T2" fmla="*/ 12 w 72"/>
                <a:gd name="T3" fmla="*/ 78 h 118"/>
                <a:gd name="T4" fmla="*/ 4 w 72"/>
                <a:gd name="T5" fmla="*/ 72 h 118"/>
                <a:gd name="T6" fmla="*/ 0 w 72"/>
                <a:gd name="T7" fmla="*/ 62 h 118"/>
                <a:gd name="T8" fmla="*/ 8 w 72"/>
                <a:gd name="T9" fmla="*/ 58 h 118"/>
                <a:gd name="T10" fmla="*/ 20 w 72"/>
                <a:gd name="T11" fmla="*/ 60 h 118"/>
                <a:gd name="T12" fmla="*/ 26 w 72"/>
                <a:gd name="T13" fmla="*/ 56 h 118"/>
                <a:gd name="T14" fmla="*/ 22 w 72"/>
                <a:gd name="T15" fmla="*/ 50 h 118"/>
                <a:gd name="T16" fmla="*/ 18 w 72"/>
                <a:gd name="T17" fmla="*/ 44 h 118"/>
                <a:gd name="T18" fmla="*/ 12 w 72"/>
                <a:gd name="T19" fmla="*/ 32 h 118"/>
                <a:gd name="T20" fmla="*/ 20 w 72"/>
                <a:gd name="T21" fmla="*/ 26 h 118"/>
                <a:gd name="T22" fmla="*/ 28 w 72"/>
                <a:gd name="T23" fmla="*/ 22 h 118"/>
                <a:gd name="T24" fmla="*/ 32 w 72"/>
                <a:gd name="T25" fmla="*/ 28 h 118"/>
                <a:gd name="T26" fmla="*/ 28 w 72"/>
                <a:gd name="T27" fmla="*/ 36 h 118"/>
                <a:gd name="T28" fmla="*/ 38 w 72"/>
                <a:gd name="T29" fmla="*/ 38 h 118"/>
                <a:gd name="T30" fmla="*/ 38 w 72"/>
                <a:gd name="T31" fmla="*/ 24 h 118"/>
                <a:gd name="T32" fmla="*/ 46 w 72"/>
                <a:gd name="T33" fmla="*/ 12 h 118"/>
                <a:gd name="T34" fmla="*/ 54 w 72"/>
                <a:gd name="T35" fmla="*/ 14 h 118"/>
                <a:gd name="T36" fmla="*/ 62 w 72"/>
                <a:gd name="T37" fmla="*/ 6 h 118"/>
                <a:gd name="T38" fmla="*/ 68 w 72"/>
                <a:gd name="T39" fmla="*/ 0 h 118"/>
                <a:gd name="T40" fmla="*/ 72 w 72"/>
                <a:gd name="T41" fmla="*/ 8 h 118"/>
                <a:gd name="T42" fmla="*/ 66 w 72"/>
                <a:gd name="T43" fmla="*/ 14 h 118"/>
                <a:gd name="T44" fmla="*/ 62 w 72"/>
                <a:gd name="T45" fmla="*/ 20 h 118"/>
                <a:gd name="T46" fmla="*/ 64 w 72"/>
                <a:gd name="T47" fmla="*/ 30 h 118"/>
                <a:gd name="T48" fmla="*/ 54 w 72"/>
                <a:gd name="T49" fmla="*/ 32 h 118"/>
                <a:gd name="T50" fmla="*/ 50 w 72"/>
                <a:gd name="T51" fmla="*/ 22 h 118"/>
                <a:gd name="T52" fmla="*/ 46 w 72"/>
                <a:gd name="T53" fmla="*/ 28 h 118"/>
                <a:gd name="T54" fmla="*/ 46 w 72"/>
                <a:gd name="T55" fmla="*/ 40 h 118"/>
                <a:gd name="T56" fmla="*/ 36 w 72"/>
                <a:gd name="T57" fmla="*/ 46 h 118"/>
                <a:gd name="T58" fmla="*/ 38 w 72"/>
                <a:gd name="T59" fmla="*/ 52 h 118"/>
                <a:gd name="T60" fmla="*/ 40 w 72"/>
                <a:gd name="T61" fmla="*/ 62 h 118"/>
                <a:gd name="T62" fmla="*/ 34 w 72"/>
                <a:gd name="T63" fmla="*/ 72 h 118"/>
                <a:gd name="T64" fmla="*/ 32 w 72"/>
                <a:gd name="T65" fmla="*/ 82 h 118"/>
                <a:gd name="T66" fmla="*/ 30 w 72"/>
                <a:gd name="T67" fmla="*/ 92 h 118"/>
                <a:gd name="T68" fmla="*/ 26 w 72"/>
                <a:gd name="T69" fmla="*/ 102 h 118"/>
                <a:gd name="T70" fmla="*/ 22 w 72"/>
                <a:gd name="T71" fmla="*/ 116 h 118"/>
                <a:gd name="T72" fmla="*/ 12 w 72"/>
                <a:gd name="T73" fmla="*/ 118 h 118"/>
                <a:gd name="T74" fmla="*/ 12 w 72"/>
                <a:gd name="T75" fmla="*/ 104 h 118"/>
                <a:gd name="T76" fmla="*/ 18 w 72"/>
                <a:gd name="T77" fmla="*/ 94 h 118"/>
                <a:gd name="T78" fmla="*/ 24 w 72"/>
                <a:gd name="T79" fmla="*/ 84 h 118"/>
                <a:gd name="T80" fmla="*/ 22 w 72"/>
                <a:gd name="T81" fmla="*/ 74 h 118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0" t="0" r="r" b="b"/>
              <a:pathLst>
                <a:path w="72" h="118">
                  <a:moveTo>
                    <a:pt x="22" y="74"/>
                  </a:moveTo>
                  <a:lnTo>
                    <a:pt x="12" y="78"/>
                  </a:lnTo>
                  <a:lnTo>
                    <a:pt x="4" y="72"/>
                  </a:lnTo>
                  <a:lnTo>
                    <a:pt x="0" y="62"/>
                  </a:lnTo>
                  <a:lnTo>
                    <a:pt x="8" y="58"/>
                  </a:lnTo>
                  <a:lnTo>
                    <a:pt x="20" y="60"/>
                  </a:lnTo>
                  <a:lnTo>
                    <a:pt x="26" y="56"/>
                  </a:lnTo>
                  <a:lnTo>
                    <a:pt x="22" y="50"/>
                  </a:lnTo>
                  <a:lnTo>
                    <a:pt x="18" y="44"/>
                  </a:lnTo>
                  <a:lnTo>
                    <a:pt x="12" y="32"/>
                  </a:lnTo>
                  <a:lnTo>
                    <a:pt x="20" y="26"/>
                  </a:lnTo>
                  <a:lnTo>
                    <a:pt x="28" y="22"/>
                  </a:lnTo>
                  <a:lnTo>
                    <a:pt x="32" y="28"/>
                  </a:lnTo>
                  <a:lnTo>
                    <a:pt x="28" y="36"/>
                  </a:lnTo>
                  <a:lnTo>
                    <a:pt x="38" y="38"/>
                  </a:lnTo>
                  <a:lnTo>
                    <a:pt x="38" y="24"/>
                  </a:lnTo>
                  <a:lnTo>
                    <a:pt x="46" y="12"/>
                  </a:lnTo>
                  <a:lnTo>
                    <a:pt x="54" y="14"/>
                  </a:lnTo>
                  <a:lnTo>
                    <a:pt x="62" y="6"/>
                  </a:lnTo>
                  <a:lnTo>
                    <a:pt x="68" y="0"/>
                  </a:lnTo>
                  <a:lnTo>
                    <a:pt x="72" y="8"/>
                  </a:lnTo>
                  <a:lnTo>
                    <a:pt x="66" y="14"/>
                  </a:lnTo>
                  <a:lnTo>
                    <a:pt x="62" y="20"/>
                  </a:lnTo>
                  <a:lnTo>
                    <a:pt x="64" y="30"/>
                  </a:lnTo>
                  <a:lnTo>
                    <a:pt x="54" y="32"/>
                  </a:lnTo>
                  <a:lnTo>
                    <a:pt x="50" y="22"/>
                  </a:lnTo>
                  <a:lnTo>
                    <a:pt x="46" y="28"/>
                  </a:lnTo>
                  <a:lnTo>
                    <a:pt x="46" y="40"/>
                  </a:lnTo>
                  <a:lnTo>
                    <a:pt x="36" y="46"/>
                  </a:lnTo>
                  <a:lnTo>
                    <a:pt x="38" y="52"/>
                  </a:lnTo>
                  <a:lnTo>
                    <a:pt x="40" y="62"/>
                  </a:lnTo>
                  <a:lnTo>
                    <a:pt x="34" y="72"/>
                  </a:lnTo>
                  <a:lnTo>
                    <a:pt x="32" y="82"/>
                  </a:lnTo>
                  <a:lnTo>
                    <a:pt x="30" y="92"/>
                  </a:lnTo>
                  <a:lnTo>
                    <a:pt x="26" y="102"/>
                  </a:lnTo>
                  <a:lnTo>
                    <a:pt x="22" y="116"/>
                  </a:lnTo>
                  <a:lnTo>
                    <a:pt x="12" y="118"/>
                  </a:lnTo>
                  <a:lnTo>
                    <a:pt x="12" y="104"/>
                  </a:lnTo>
                  <a:lnTo>
                    <a:pt x="18" y="94"/>
                  </a:lnTo>
                  <a:lnTo>
                    <a:pt x="24" y="84"/>
                  </a:lnTo>
                  <a:lnTo>
                    <a:pt x="22" y="74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90" name="Freeform 67"/>
            <p:cNvSpPr>
              <a:spLocks/>
            </p:cNvSpPr>
            <p:nvPr/>
          </p:nvSpPr>
          <p:spPr bwMode="auto">
            <a:xfrm>
              <a:off x="1304" y="2111"/>
              <a:ext cx="48" cy="46"/>
            </a:xfrm>
            <a:custGeom>
              <a:avLst/>
              <a:gdLst>
                <a:gd name="T0" fmla="*/ 22 w 48"/>
                <a:gd name="T1" fmla="*/ 32 h 46"/>
                <a:gd name="T2" fmla="*/ 12 w 48"/>
                <a:gd name="T3" fmla="*/ 30 h 46"/>
                <a:gd name="T4" fmla="*/ 12 w 48"/>
                <a:gd name="T5" fmla="*/ 38 h 46"/>
                <a:gd name="T6" fmla="*/ 8 w 48"/>
                <a:gd name="T7" fmla="*/ 46 h 46"/>
                <a:gd name="T8" fmla="*/ 0 w 48"/>
                <a:gd name="T9" fmla="*/ 38 h 46"/>
                <a:gd name="T10" fmla="*/ 2 w 48"/>
                <a:gd name="T11" fmla="*/ 28 h 46"/>
                <a:gd name="T12" fmla="*/ 8 w 48"/>
                <a:gd name="T13" fmla="*/ 24 h 46"/>
                <a:gd name="T14" fmla="*/ 8 w 48"/>
                <a:gd name="T15" fmla="*/ 10 h 46"/>
                <a:gd name="T16" fmla="*/ 14 w 48"/>
                <a:gd name="T17" fmla="*/ 2 h 46"/>
                <a:gd name="T18" fmla="*/ 24 w 48"/>
                <a:gd name="T19" fmla="*/ 0 h 46"/>
                <a:gd name="T20" fmla="*/ 34 w 48"/>
                <a:gd name="T21" fmla="*/ 0 h 46"/>
                <a:gd name="T22" fmla="*/ 30 w 48"/>
                <a:gd name="T23" fmla="*/ 8 h 46"/>
                <a:gd name="T24" fmla="*/ 30 w 48"/>
                <a:gd name="T25" fmla="*/ 18 h 46"/>
                <a:gd name="T26" fmla="*/ 38 w 48"/>
                <a:gd name="T27" fmla="*/ 24 h 46"/>
                <a:gd name="T28" fmla="*/ 44 w 48"/>
                <a:gd name="T29" fmla="*/ 26 h 46"/>
                <a:gd name="T30" fmla="*/ 48 w 48"/>
                <a:gd name="T31" fmla="*/ 34 h 46"/>
                <a:gd name="T32" fmla="*/ 42 w 48"/>
                <a:gd name="T33" fmla="*/ 40 h 46"/>
                <a:gd name="T34" fmla="*/ 32 w 48"/>
                <a:gd name="T35" fmla="*/ 36 h 46"/>
                <a:gd name="T36" fmla="*/ 28 w 48"/>
                <a:gd name="T37" fmla="*/ 30 h 46"/>
                <a:gd name="T38" fmla="*/ 22 w 48"/>
                <a:gd name="T39" fmla="*/ 32 h 4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0" t="0" r="r" b="b"/>
              <a:pathLst>
                <a:path w="48" h="46">
                  <a:moveTo>
                    <a:pt x="22" y="32"/>
                  </a:moveTo>
                  <a:lnTo>
                    <a:pt x="12" y="30"/>
                  </a:lnTo>
                  <a:lnTo>
                    <a:pt x="12" y="38"/>
                  </a:lnTo>
                  <a:lnTo>
                    <a:pt x="8" y="46"/>
                  </a:lnTo>
                  <a:lnTo>
                    <a:pt x="0" y="38"/>
                  </a:lnTo>
                  <a:lnTo>
                    <a:pt x="2" y="28"/>
                  </a:lnTo>
                  <a:lnTo>
                    <a:pt x="8" y="24"/>
                  </a:lnTo>
                  <a:lnTo>
                    <a:pt x="8" y="10"/>
                  </a:lnTo>
                  <a:lnTo>
                    <a:pt x="14" y="2"/>
                  </a:lnTo>
                  <a:lnTo>
                    <a:pt x="24" y="0"/>
                  </a:lnTo>
                  <a:lnTo>
                    <a:pt x="34" y="0"/>
                  </a:lnTo>
                  <a:lnTo>
                    <a:pt x="30" y="8"/>
                  </a:lnTo>
                  <a:lnTo>
                    <a:pt x="30" y="18"/>
                  </a:lnTo>
                  <a:lnTo>
                    <a:pt x="38" y="24"/>
                  </a:lnTo>
                  <a:lnTo>
                    <a:pt x="44" y="26"/>
                  </a:lnTo>
                  <a:lnTo>
                    <a:pt x="48" y="34"/>
                  </a:lnTo>
                  <a:lnTo>
                    <a:pt x="42" y="40"/>
                  </a:lnTo>
                  <a:lnTo>
                    <a:pt x="32" y="36"/>
                  </a:lnTo>
                  <a:lnTo>
                    <a:pt x="28" y="30"/>
                  </a:lnTo>
                  <a:lnTo>
                    <a:pt x="22" y="32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91" name="Freeform 68"/>
            <p:cNvSpPr>
              <a:spLocks/>
            </p:cNvSpPr>
            <p:nvPr/>
          </p:nvSpPr>
          <p:spPr bwMode="auto">
            <a:xfrm>
              <a:off x="1028" y="2153"/>
              <a:ext cx="84" cy="86"/>
            </a:xfrm>
            <a:custGeom>
              <a:avLst/>
              <a:gdLst>
                <a:gd name="T0" fmla="*/ 16 w 84"/>
                <a:gd name="T1" fmla="*/ 28 h 86"/>
                <a:gd name="T2" fmla="*/ 24 w 84"/>
                <a:gd name="T3" fmla="*/ 28 h 86"/>
                <a:gd name="T4" fmla="*/ 26 w 84"/>
                <a:gd name="T5" fmla="*/ 34 h 86"/>
                <a:gd name="T6" fmla="*/ 34 w 84"/>
                <a:gd name="T7" fmla="*/ 34 h 86"/>
                <a:gd name="T8" fmla="*/ 36 w 84"/>
                <a:gd name="T9" fmla="*/ 26 h 86"/>
                <a:gd name="T10" fmla="*/ 36 w 84"/>
                <a:gd name="T11" fmla="*/ 18 h 86"/>
                <a:gd name="T12" fmla="*/ 50 w 84"/>
                <a:gd name="T13" fmla="*/ 14 h 86"/>
                <a:gd name="T14" fmla="*/ 56 w 84"/>
                <a:gd name="T15" fmla="*/ 10 h 86"/>
                <a:gd name="T16" fmla="*/ 62 w 84"/>
                <a:gd name="T17" fmla="*/ 8 h 86"/>
                <a:gd name="T18" fmla="*/ 72 w 84"/>
                <a:gd name="T19" fmla="*/ 2 h 86"/>
                <a:gd name="T20" fmla="*/ 82 w 84"/>
                <a:gd name="T21" fmla="*/ 0 h 86"/>
                <a:gd name="T22" fmla="*/ 84 w 84"/>
                <a:gd name="T23" fmla="*/ 12 h 86"/>
                <a:gd name="T24" fmla="*/ 78 w 84"/>
                <a:gd name="T25" fmla="*/ 26 h 86"/>
                <a:gd name="T26" fmla="*/ 66 w 84"/>
                <a:gd name="T27" fmla="*/ 30 h 86"/>
                <a:gd name="T28" fmla="*/ 68 w 84"/>
                <a:gd name="T29" fmla="*/ 38 h 86"/>
                <a:gd name="T30" fmla="*/ 58 w 84"/>
                <a:gd name="T31" fmla="*/ 44 h 86"/>
                <a:gd name="T32" fmla="*/ 52 w 84"/>
                <a:gd name="T33" fmla="*/ 48 h 86"/>
                <a:gd name="T34" fmla="*/ 38 w 84"/>
                <a:gd name="T35" fmla="*/ 52 h 86"/>
                <a:gd name="T36" fmla="*/ 32 w 84"/>
                <a:gd name="T37" fmla="*/ 58 h 86"/>
                <a:gd name="T38" fmla="*/ 32 w 84"/>
                <a:gd name="T39" fmla="*/ 70 h 86"/>
                <a:gd name="T40" fmla="*/ 24 w 84"/>
                <a:gd name="T41" fmla="*/ 70 h 86"/>
                <a:gd name="T42" fmla="*/ 22 w 84"/>
                <a:gd name="T43" fmla="*/ 78 h 86"/>
                <a:gd name="T44" fmla="*/ 10 w 84"/>
                <a:gd name="T45" fmla="*/ 86 h 86"/>
                <a:gd name="T46" fmla="*/ 0 w 84"/>
                <a:gd name="T47" fmla="*/ 82 h 86"/>
                <a:gd name="T48" fmla="*/ 0 w 84"/>
                <a:gd name="T49" fmla="*/ 74 h 86"/>
                <a:gd name="T50" fmla="*/ 14 w 84"/>
                <a:gd name="T51" fmla="*/ 70 h 86"/>
                <a:gd name="T52" fmla="*/ 12 w 84"/>
                <a:gd name="T53" fmla="*/ 62 h 86"/>
                <a:gd name="T54" fmla="*/ 6 w 84"/>
                <a:gd name="T55" fmla="*/ 56 h 86"/>
                <a:gd name="T56" fmla="*/ 8 w 84"/>
                <a:gd name="T57" fmla="*/ 50 h 86"/>
                <a:gd name="T58" fmla="*/ 16 w 84"/>
                <a:gd name="T59" fmla="*/ 46 h 86"/>
                <a:gd name="T60" fmla="*/ 12 w 84"/>
                <a:gd name="T61" fmla="*/ 42 h 86"/>
                <a:gd name="T62" fmla="*/ 6 w 84"/>
                <a:gd name="T63" fmla="*/ 34 h 86"/>
                <a:gd name="T64" fmla="*/ 16 w 84"/>
                <a:gd name="T65" fmla="*/ 28 h 8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0" t="0" r="r" b="b"/>
              <a:pathLst>
                <a:path w="84" h="86">
                  <a:moveTo>
                    <a:pt x="16" y="28"/>
                  </a:moveTo>
                  <a:lnTo>
                    <a:pt x="24" y="28"/>
                  </a:lnTo>
                  <a:lnTo>
                    <a:pt x="26" y="34"/>
                  </a:lnTo>
                  <a:lnTo>
                    <a:pt x="34" y="34"/>
                  </a:lnTo>
                  <a:lnTo>
                    <a:pt x="36" y="26"/>
                  </a:lnTo>
                  <a:lnTo>
                    <a:pt x="36" y="18"/>
                  </a:lnTo>
                  <a:lnTo>
                    <a:pt x="50" y="14"/>
                  </a:lnTo>
                  <a:lnTo>
                    <a:pt x="56" y="10"/>
                  </a:lnTo>
                  <a:lnTo>
                    <a:pt x="62" y="8"/>
                  </a:lnTo>
                  <a:lnTo>
                    <a:pt x="72" y="2"/>
                  </a:lnTo>
                  <a:lnTo>
                    <a:pt x="82" y="0"/>
                  </a:lnTo>
                  <a:lnTo>
                    <a:pt x="84" y="12"/>
                  </a:lnTo>
                  <a:lnTo>
                    <a:pt x="78" y="26"/>
                  </a:lnTo>
                  <a:lnTo>
                    <a:pt x="66" y="30"/>
                  </a:lnTo>
                  <a:lnTo>
                    <a:pt x="68" y="38"/>
                  </a:lnTo>
                  <a:lnTo>
                    <a:pt x="58" y="44"/>
                  </a:lnTo>
                  <a:lnTo>
                    <a:pt x="52" y="48"/>
                  </a:lnTo>
                  <a:lnTo>
                    <a:pt x="38" y="52"/>
                  </a:lnTo>
                  <a:lnTo>
                    <a:pt x="32" y="58"/>
                  </a:lnTo>
                  <a:lnTo>
                    <a:pt x="32" y="70"/>
                  </a:lnTo>
                  <a:lnTo>
                    <a:pt x="24" y="70"/>
                  </a:lnTo>
                  <a:lnTo>
                    <a:pt x="22" y="78"/>
                  </a:lnTo>
                  <a:lnTo>
                    <a:pt x="10" y="86"/>
                  </a:lnTo>
                  <a:lnTo>
                    <a:pt x="0" y="82"/>
                  </a:lnTo>
                  <a:lnTo>
                    <a:pt x="0" y="74"/>
                  </a:lnTo>
                  <a:lnTo>
                    <a:pt x="14" y="70"/>
                  </a:lnTo>
                  <a:lnTo>
                    <a:pt x="12" y="62"/>
                  </a:lnTo>
                  <a:lnTo>
                    <a:pt x="6" y="56"/>
                  </a:lnTo>
                  <a:lnTo>
                    <a:pt x="8" y="50"/>
                  </a:lnTo>
                  <a:lnTo>
                    <a:pt x="16" y="46"/>
                  </a:lnTo>
                  <a:lnTo>
                    <a:pt x="12" y="42"/>
                  </a:lnTo>
                  <a:lnTo>
                    <a:pt x="6" y="34"/>
                  </a:lnTo>
                  <a:lnTo>
                    <a:pt x="16" y="28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92" name="Freeform 69"/>
            <p:cNvSpPr>
              <a:spLocks/>
            </p:cNvSpPr>
            <p:nvPr/>
          </p:nvSpPr>
          <p:spPr bwMode="auto">
            <a:xfrm>
              <a:off x="1040" y="2257"/>
              <a:ext cx="48" cy="66"/>
            </a:xfrm>
            <a:custGeom>
              <a:avLst/>
              <a:gdLst>
                <a:gd name="T0" fmla="*/ 0 w 48"/>
                <a:gd name="T1" fmla="*/ 20 h 66"/>
                <a:gd name="T2" fmla="*/ 12 w 48"/>
                <a:gd name="T3" fmla="*/ 22 h 66"/>
                <a:gd name="T4" fmla="*/ 10 w 48"/>
                <a:gd name="T5" fmla="*/ 14 h 66"/>
                <a:gd name="T6" fmla="*/ 12 w 48"/>
                <a:gd name="T7" fmla="*/ 4 h 66"/>
                <a:gd name="T8" fmla="*/ 18 w 48"/>
                <a:gd name="T9" fmla="*/ 8 h 66"/>
                <a:gd name="T10" fmla="*/ 20 w 48"/>
                <a:gd name="T11" fmla="*/ 16 h 66"/>
                <a:gd name="T12" fmla="*/ 26 w 48"/>
                <a:gd name="T13" fmla="*/ 20 h 66"/>
                <a:gd name="T14" fmla="*/ 30 w 48"/>
                <a:gd name="T15" fmla="*/ 12 h 66"/>
                <a:gd name="T16" fmla="*/ 30 w 48"/>
                <a:gd name="T17" fmla="*/ 4 h 66"/>
                <a:gd name="T18" fmla="*/ 38 w 48"/>
                <a:gd name="T19" fmla="*/ 0 h 66"/>
                <a:gd name="T20" fmla="*/ 42 w 48"/>
                <a:gd name="T21" fmla="*/ 6 h 66"/>
                <a:gd name="T22" fmla="*/ 44 w 48"/>
                <a:gd name="T23" fmla="*/ 16 h 66"/>
                <a:gd name="T24" fmla="*/ 46 w 48"/>
                <a:gd name="T25" fmla="*/ 24 h 66"/>
                <a:gd name="T26" fmla="*/ 40 w 48"/>
                <a:gd name="T27" fmla="*/ 32 h 66"/>
                <a:gd name="T28" fmla="*/ 48 w 48"/>
                <a:gd name="T29" fmla="*/ 36 h 66"/>
                <a:gd name="T30" fmla="*/ 44 w 48"/>
                <a:gd name="T31" fmla="*/ 46 h 66"/>
                <a:gd name="T32" fmla="*/ 40 w 48"/>
                <a:gd name="T33" fmla="*/ 50 h 66"/>
                <a:gd name="T34" fmla="*/ 48 w 48"/>
                <a:gd name="T35" fmla="*/ 52 h 66"/>
                <a:gd name="T36" fmla="*/ 48 w 48"/>
                <a:gd name="T37" fmla="*/ 58 h 66"/>
                <a:gd name="T38" fmla="*/ 44 w 48"/>
                <a:gd name="T39" fmla="*/ 64 h 66"/>
                <a:gd name="T40" fmla="*/ 34 w 48"/>
                <a:gd name="T41" fmla="*/ 64 h 66"/>
                <a:gd name="T42" fmla="*/ 30 w 48"/>
                <a:gd name="T43" fmla="*/ 62 h 66"/>
                <a:gd name="T44" fmla="*/ 24 w 48"/>
                <a:gd name="T45" fmla="*/ 66 h 66"/>
                <a:gd name="T46" fmla="*/ 16 w 48"/>
                <a:gd name="T47" fmla="*/ 58 h 66"/>
                <a:gd name="T48" fmla="*/ 16 w 48"/>
                <a:gd name="T49" fmla="*/ 48 h 66"/>
                <a:gd name="T50" fmla="*/ 22 w 48"/>
                <a:gd name="T51" fmla="*/ 40 h 66"/>
                <a:gd name="T52" fmla="*/ 14 w 48"/>
                <a:gd name="T53" fmla="*/ 32 h 66"/>
                <a:gd name="T54" fmla="*/ 10 w 48"/>
                <a:gd name="T55" fmla="*/ 36 h 66"/>
                <a:gd name="T56" fmla="*/ 2 w 48"/>
                <a:gd name="T57" fmla="*/ 30 h 66"/>
                <a:gd name="T58" fmla="*/ 0 w 48"/>
                <a:gd name="T59" fmla="*/ 20 h 6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0" t="0" r="r" b="b"/>
              <a:pathLst>
                <a:path w="48" h="66">
                  <a:moveTo>
                    <a:pt x="0" y="20"/>
                  </a:moveTo>
                  <a:lnTo>
                    <a:pt x="12" y="22"/>
                  </a:lnTo>
                  <a:lnTo>
                    <a:pt x="10" y="14"/>
                  </a:lnTo>
                  <a:lnTo>
                    <a:pt x="12" y="4"/>
                  </a:lnTo>
                  <a:lnTo>
                    <a:pt x="18" y="8"/>
                  </a:lnTo>
                  <a:lnTo>
                    <a:pt x="20" y="16"/>
                  </a:lnTo>
                  <a:lnTo>
                    <a:pt x="26" y="20"/>
                  </a:lnTo>
                  <a:lnTo>
                    <a:pt x="30" y="12"/>
                  </a:lnTo>
                  <a:lnTo>
                    <a:pt x="30" y="4"/>
                  </a:lnTo>
                  <a:lnTo>
                    <a:pt x="38" y="0"/>
                  </a:lnTo>
                  <a:lnTo>
                    <a:pt x="42" y="6"/>
                  </a:lnTo>
                  <a:lnTo>
                    <a:pt x="44" y="16"/>
                  </a:lnTo>
                  <a:lnTo>
                    <a:pt x="46" y="24"/>
                  </a:lnTo>
                  <a:lnTo>
                    <a:pt x="40" y="32"/>
                  </a:lnTo>
                  <a:lnTo>
                    <a:pt x="48" y="36"/>
                  </a:lnTo>
                  <a:lnTo>
                    <a:pt x="44" y="46"/>
                  </a:lnTo>
                  <a:lnTo>
                    <a:pt x="40" y="50"/>
                  </a:lnTo>
                  <a:lnTo>
                    <a:pt x="48" y="52"/>
                  </a:lnTo>
                  <a:lnTo>
                    <a:pt x="48" y="58"/>
                  </a:lnTo>
                  <a:lnTo>
                    <a:pt x="44" y="64"/>
                  </a:lnTo>
                  <a:lnTo>
                    <a:pt x="34" y="64"/>
                  </a:lnTo>
                  <a:lnTo>
                    <a:pt x="30" y="62"/>
                  </a:lnTo>
                  <a:lnTo>
                    <a:pt x="24" y="66"/>
                  </a:lnTo>
                  <a:lnTo>
                    <a:pt x="16" y="58"/>
                  </a:lnTo>
                  <a:lnTo>
                    <a:pt x="16" y="48"/>
                  </a:lnTo>
                  <a:lnTo>
                    <a:pt x="22" y="40"/>
                  </a:lnTo>
                  <a:lnTo>
                    <a:pt x="14" y="32"/>
                  </a:lnTo>
                  <a:lnTo>
                    <a:pt x="10" y="36"/>
                  </a:lnTo>
                  <a:lnTo>
                    <a:pt x="2" y="30"/>
                  </a:lnTo>
                  <a:lnTo>
                    <a:pt x="0" y="2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93" name="Freeform 70"/>
            <p:cNvSpPr>
              <a:spLocks/>
            </p:cNvSpPr>
            <p:nvPr/>
          </p:nvSpPr>
          <p:spPr bwMode="auto">
            <a:xfrm>
              <a:off x="984" y="2281"/>
              <a:ext cx="16" cy="32"/>
            </a:xfrm>
            <a:custGeom>
              <a:avLst/>
              <a:gdLst>
                <a:gd name="T0" fmla="*/ 14 w 16"/>
                <a:gd name="T1" fmla="*/ 14 h 32"/>
                <a:gd name="T2" fmla="*/ 16 w 16"/>
                <a:gd name="T3" fmla="*/ 22 h 32"/>
                <a:gd name="T4" fmla="*/ 8 w 16"/>
                <a:gd name="T5" fmla="*/ 32 h 32"/>
                <a:gd name="T6" fmla="*/ 0 w 16"/>
                <a:gd name="T7" fmla="*/ 24 h 32"/>
                <a:gd name="T8" fmla="*/ 2 w 16"/>
                <a:gd name="T9" fmla="*/ 14 h 32"/>
                <a:gd name="T10" fmla="*/ 6 w 16"/>
                <a:gd name="T11" fmla="*/ 4 h 32"/>
                <a:gd name="T12" fmla="*/ 12 w 16"/>
                <a:gd name="T13" fmla="*/ 0 h 32"/>
                <a:gd name="T14" fmla="*/ 16 w 16"/>
                <a:gd name="T15" fmla="*/ 4 h 32"/>
                <a:gd name="T16" fmla="*/ 14 w 16"/>
                <a:gd name="T17" fmla="*/ 14 h 32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16" h="32">
                  <a:moveTo>
                    <a:pt x="14" y="14"/>
                  </a:moveTo>
                  <a:lnTo>
                    <a:pt x="16" y="22"/>
                  </a:lnTo>
                  <a:lnTo>
                    <a:pt x="8" y="32"/>
                  </a:lnTo>
                  <a:lnTo>
                    <a:pt x="0" y="24"/>
                  </a:lnTo>
                  <a:lnTo>
                    <a:pt x="2" y="14"/>
                  </a:lnTo>
                  <a:lnTo>
                    <a:pt x="6" y="4"/>
                  </a:lnTo>
                  <a:lnTo>
                    <a:pt x="12" y="0"/>
                  </a:lnTo>
                  <a:lnTo>
                    <a:pt x="16" y="4"/>
                  </a:lnTo>
                  <a:lnTo>
                    <a:pt x="14" y="14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94" name="Freeform 71"/>
            <p:cNvSpPr>
              <a:spLocks/>
            </p:cNvSpPr>
            <p:nvPr/>
          </p:nvSpPr>
          <p:spPr bwMode="auto">
            <a:xfrm>
              <a:off x="994" y="2239"/>
              <a:ext cx="28" cy="32"/>
            </a:xfrm>
            <a:custGeom>
              <a:avLst/>
              <a:gdLst>
                <a:gd name="T0" fmla="*/ 10 w 28"/>
                <a:gd name="T1" fmla="*/ 24 h 32"/>
                <a:gd name="T2" fmla="*/ 6 w 28"/>
                <a:gd name="T3" fmla="*/ 16 h 32"/>
                <a:gd name="T4" fmla="*/ 0 w 28"/>
                <a:gd name="T5" fmla="*/ 10 h 32"/>
                <a:gd name="T6" fmla="*/ 6 w 28"/>
                <a:gd name="T7" fmla="*/ 2 h 32"/>
                <a:gd name="T8" fmla="*/ 12 w 28"/>
                <a:gd name="T9" fmla="*/ 0 h 32"/>
                <a:gd name="T10" fmla="*/ 22 w 28"/>
                <a:gd name="T11" fmla="*/ 2 h 32"/>
                <a:gd name="T12" fmla="*/ 28 w 28"/>
                <a:gd name="T13" fmla="*/ 12 h 32"/>
                <a:gd name="T14" fmla="*/ 20 w 28"/>
                <a:gd name="T15" fmla="*/ 18 h 32"/>
                <a:gd name="T16" fmla="*/ 18 w 28"/>
                <a:gd name="T17" fmla="*/ 28 h 32"/>
                <a:gd name="T18" fmla="*/ 12 w 28"/>
                <a:gd name="T19" fmla="*/ 32 h 32"/>
                <a:gd name="T20" fmla="*/ 10 w 28"/>
                <a:gd name="T21" fmla="*/ 24 h 32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28" h="32">
                  <a:moveTo>
                    <a:pt x="10" y="24"/>
                  </a:moveTo>
                  <a:lnTo>
                    <a:pt x="6" y="16"/>
                  </a:lnTo>
                  <a:lnTo>
                    <a:pt x="0" y="10"/>
                  </a:lnTo>
                  <a:lnTo>
                    <a:pt x="6" y="2"/>
                  </a:lnTo>
                  <a:lnTo>
                    <a:pt x="12" y="0"/>
                  </a:lnTo>
                  <a:lnTo>
                    <a:pt x="22" y="2"/>
                  </a:lnTo>
                  <a:lnTo>
                    <a:pt x="28" y="12"/>
                  </a:lnTo>
                  <a:lnTo>
                    <a:pt x="20" y="18"/>
                  </a:lnTo>
                  <a:lnTo>
                    <a:pt x="18" y="28"/>
                  </a:lnTo>
                  <a:lnTo>
                    <a:pt x="12" y="32"/>
                  </a:lnTo>
                  <a:lnTo>
                    <a:pt x="10" y="24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95" name="Freeform 72"/>
            <p:cNvSpPr>
              <a:spLocks/>
            </p:cNvSpPr>
            <p:nvPr/>
          </p:nvSpPr>
          <p:spPr bwMode="auto">
            <a:xfrm>
              <a:off x="1012" y="2457"/>
              <a:ext cx="66" cy="64"/>
            </a:xfrm>
            <a:custGeom>
              <a:avLst/>
              <a:gdLst>
                <a:gd name="T0" fmla="*/ 4 w 66"/>
                <a:gd name="T1" fmla="*/ 30 h 64"/>
                <a:gd name="T2" fmla="*/ 12 w 66"/>
                <a:gd name="T3" fmla="*/ 32 h 64"/>
                <a:gd name="T4" fmla="*/ 20 w 66"/>
                <a:gd name="T5" fmla="*/ 26 h 64"/>
                <a:gd name="T6" fmla="*/ 26 w 66"/>
                <a:gd name="T7" fmla="*/ 22 h 64"/>
                <a:gd name="T8" fmla="*/ 30 w 66"/>
                <a:gd name="T9" fmla="*/ 28 h 64"/>
                <a:gd name="T10" fmla="*/ 38 w 66"/>
                <a:gd name="T11" fmla="*/ 28 h 64"/>
                <a:gd name="T12" fmla="*/ 42 w 66"/>
                <a:gd name="T13" fmla="*/ 20 h 64"/>
                <a:gd name="T14" fmla="*/ 48 w 66"/>
                <a:gd name="T15" fmla="*/ 10 h 64"/>
                <a:gd name="T16" fmla="*/ 56 w 66"/>
                <a:gd name="T17" fmla="*/ 4 h 64"/>
                <a:gd name="T18" fmla="*/ 64 w 66"/>
                <a:gd name="T19" fmla="*/ 0 h 64"/>
                <a:gd name="T20" fmla="*/ 66 w 66"/>
                <a:gd name="T21" fmla="*/ 2 h 64"/>
                <a:gd name="T22" fmla="*/ 62 w 66"/>
                <a:gd name="T23" fmla="*/ 16 h 64"/>
                <a:gd name="T24" fmla="*/ 48 w 66"/>
                <a:gd name="T25" fmla="*/ 22 h 64"/>
                <a:gd name="T26" fmla="*/ 44 w 66"/>
                <a:gd name="T27" fmla="*/ 32 h 64"/>
                <a:gd name="T28" fmla="*/ 44 w 66"/>
                <a:gd name="T29" fmla="*/ 36 h 64"/>
                <a:gd name="T30" fmla="*/ 42 w 66"/>
                <a:gd name="T31" fmla="*/ 40 h 64"/>
                <a:gd name="T32" fmla="*/ 30 w 66"/>
                <a:gd name="T33" fmla="*/ 44 h 64"/>
                <a:gd name="T34" fmla="*/ 28 w 66"/>
                <a:gd name="T35" fmla="*/ 52 h 64"/>
                <a:gd name="T36" fmla="*/ 24 w 66"/>
                <a:gd name="T37" fmla="*/ 58 h 64"/>
                <a:gd name="T38" fmla="*/ 14 w 66"/>
                <a:gd name="T39" fmla="*/ 64 h 64"/>
                <a:gd name="T40" fmla="*/ 6 w 66"/>
                <a:gd name="T41" fmla="*/ 58 h 64"/>
                <a:gd name="T42" fmla="*/ 8 w 66"/>
                <a:gd name="T43" fmla="*/ 48 h 64"/>
                <a:gd name="T44" fmla="*/ 8 w 66"/>
                <a:gd name="T45" fmla="*/ 44 h 64"/>
                <a:gd name="T46" fmla="*/ 0 w 66"/>
                <a:gd name="T47" fmla="*/ 44 h 64"/>
                <a:gd name="T48" fmla="*/ 2 w 66"/>
                <a:gd name="T49" fmla="*/ 36 h 64"/>
                <a:gd name="T50" fmla="*/ 4 w 66"/>
                <a:gd name="T51" fmla="*/ 30 h 64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</a:gdLst>
              <a:ahLst/>
              <a:cxnLst>
                <a:cxn ang="T52">
                  <a:pos x="T0" y="T1"/>
                </a:cxn>
                <a:cxn ang="T53">
                  <a:pos x="T2" y="T3"/>
                </a:cxn>
                <a:cxn ang="T54">
                  <a:pos x="T4" y="T5"/>
                </a:cxn>
                <a:cxn ang="T55">
                  <a:pos x="T6" y="T7"/>
                </a:cxn>
                <a:cxn ang="T56">
                  <a:pos x="T8" y="T9"/>
                </a:cxn>
                <a:cxn ang="T57">
                  <a:pos x="T10" y="T11"/>
                </a:cxn>
                <a:cxn ang="T58">
                  <a:pos x="T12" y="T13"/>
                </a:cxn>
                <a:cxn ang="T59">
                  <a:pos x="T14" y="T15"/>
                </a:cxn>
                <a:cxn ang="T60">
                  <a:pos x="T16" y="T17"/>
                </a:cxn>
                <a:cxn ang="T61">
                  <a:pos x="T18" y="T19"/>
                </a:cxn>
                <a:cxn ang="T62">
                  <a:pos x="T20" y="T21"/>
                </a:cxn>
                <a:cxn ang="T63">
                  <a:pos x="T22" y="T23"/>
                </a:cxn>
                <a:cxn ang="T64">
                  <a:pos x="T24" y="T25"/>
                </a:cxn>
                <a:cxn ang="T65">
                  <a:pos x="T26" y="T27"/>
                </a:cxn>
                <a:cxn ang="T66">
                  <a:pos x="T28" y="T29"/>
                </a:cxn>
                <a:cxn ang="T67">
                  <a:pos x="T30" y="T31"/>
                </a:cxn>
                <a:cxn ang="T68">
                  <a:pos x="T32" y="T33"/>
                </a:cxn>
                <a:cxn ang="T69">
                  <a:pos x="T34" y="T35"/>
                </a:cxn>
                <a:cxn ang="T70">
                  <a:pos x="T36" y="T37"/>
                </a:cxn>
                <a:cxn ang="T71">
                  <a:pos x="T38" y="T39"/>
                </a:cxn>
                <a:cxn ang="T72">
                  <a:pos x="T40" y="T41"/>
                </a:cxn>
                <a:cxn ang="T73">
                  <a:pos x="T42" y="T43"/>
                </a:cxn>
                <a:cxn ang="T74">
                  <a:pos x="T44" y="T45"/>
                </a:cxn>
                <a:cxn ang="T75">
                  <a:pos x="T46" y="T47"/>
                </a:cxn>
                <a:cxn ang="T76">
                  <a:pos x="T48" y="T49"/>
                </a:cxn>
                <a:cxn ang="T77">
                  <a:pos x="T50" y="T51"/>
                </a:cxn>
              </a:cxnLst>
              <a:rect l="0" t="0" r="r" b="b"/>
              <a:pathLst>
                <a:path w="66" h="64">
                  <a:moveTo>
                    <a:pt x="4" y="30"/>
                  </a:moveTo>
                  <a:lnTo>
                    <a:pt x="12" y="32"/>
                  </a:lnTo>
                  <a:lnTo>
                    <a:pt x="20" y="26"/>
                  </a:lnTo>
                  <a:lnTo>
                    <a:pt x="26" y="22"/>
                  </a:lnTo>
                  <a:lnTo>
                    <a:pt x="30" y="28"/>
                  </a:lnTo>
                  <a:lnTo>
                    <a:pt x="38" y="28"/>
                  </a:lnTo>
                  <a:lnTo>
                    <a:pt x="42" y="20"/>
                  </a:lnTo>
                  <a:lnTo>
                    <a:pt x="48" y="10"/>
                  </a:lnTo>
                  <a:lnTo>
                    <a:pt x="56" y="4"/>
                  </a:lnTo>
                  <a:lnTo>
                    <a:pt x="64" y="0"/>
                  </a:lnTo>
                  <a:lnTo>
                    <a:pt x="66" y="2"/>
                  </a:lnTo>
                  <a:lnTo>
                    <a:pt x="62" y="16"/>
                  </a:lnTo>
                  <a:lnTo>
                    <a:pt x="48" y="22"/>
                  </a:lnTo>
                  <a:lnTo>
                    <a:pt x="44" y="32"/>
                  </a:lnTo>
                  <a:lnTo>
                    <a:pt x="44" y="36"/>
                  </a:lnTo>
                  <a:lnTo>
                    <a:pt x="42" y="40"/>
                  </a:lnTo>
                  <a:lnTo>
                    <a:pt x="30" y="44"/>
                  </a:lnTo>
                  <a:lnTo>
                    <a:pt x="28" y="52"/>
                  </a:lnTo>
                  <a:lnTo>
                    <a:pt x="24" y="58"/>
                  </a:lnTo>
                  <a:lnTo>
                    <a:pt x="14" y="64"/>
                  </a:lnTo>
                  <a:lnTo>
                    <a:pt x="6" y="58"/>
                  </a:lnTo>
                  <a:lnTo>
                    <a:pt x="8" y="48"/>
                  </a:lnTo>
                  <a:lnTo>
                    <a:pt x="8" y="44"/>
                  </a:lnTo>
                  <a:lnTo>
                    <a:pt x="0" y="44"/>
                  </a:lnTo>
                  <a:lnTo>
                    <a:pt x="2" y="36"/>
                  </a:lnTo>
                  <a:lnTo>
                    <a:pt x="4" y="3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96" name="Freeform 73"/>
            <p:cNvSpPr>
              <a:spLocks/>
            </p:cNvSpPr>
            <p:nvPr/>
          </p:nvSpPr>
          <p:spPr bwMode="auto">
            <a:xfrm>
              <a:off x="1084" y="2521"/>
              <a:ext cx="18" cy="36"/>
            </a:xfrm>
            <a:custGeom>
              <a:avLst/>
              <a:gdLst>
                <a:gd name="T0" fmla="*/ 8 w 18"/>
                <a:gd name="T1" fmla="*/ 0 h 36"/>
                <a:gd name="T2" fmla="*/ 18 w 18"/>
                <a:gd name="T3" fmla="*/ 4 h 36"/>
                <a:gd name="T4" fmla="*/ 18 w 18"/>
                <a:gd name="T5" fmla="*/ 12 h 36"/>
                <a:gd name="T6" fmla="*/ 16 w 18"/>
                <a:gd name="T7" fmla="*/ 22 h 36"/>
                <a:gd name="T8" fmla="*/ 18 w 18"/>
                <a:gd name="T9" fmla="*/ 34 h 36"/>
                <a:gd name="T10" fmla="*/ 8 w 18"/>
                <a:gd name="T11" fmla="*/ 36 h 36"/>
                <a:gd name="T12" fmla="*/ 0 w 18"/>
                <a:gd name="T13" fmla="*/ 22 h 36"/>
                <a:gd name="T14" fmla="*/ 2 w 18"/>
                <a:gd name="T15" fmla="*/ 12 h 36"/>
                <a:gd name="T16" fmla="*/ 2 w 18"/>
                <a:gd name="T17" fmla="*/ 6 h 36"/>
                <a:gd name="T18" fmla="*/ 8 w 18"/>
                <a:gd name="T19" fmla="*/ 0 h 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0" t="0" r="r" b="b"/>
              <a:pathLst>
                <a:path w="18" h="36">
                  <a:moveTo>
                    <a:pt x="8" y="0"/>
                  </a:moveTo>
                  <a:lnTo>
                    <a:pt x="18" y="4"/>
                  </a:lnTo>
                  <a:lnTo>
                    <a:pt x="18" y="12"/>
                  </a:lnTo>
                  <a:lnTo>
                    <a:pt x="16" y="22"/>
                  </a:lnTo>
                  <a:lnTo>
                    <a:pt x="18" y="34"/>
                  </a:lnTo>
                  <a:lnTo>
                    <a:pt x="8" y="36"/>
                  </a:lnTo>
                  <a:lnTo>
                    <a:pt x="0" y="22"/>
                  </a:lnTo>
                  <a:lnTo>
                    <a:pt x="2" y="12"/>
                  </a:lnTo>
                  <a:lnTo>
                    <a:pt x="2" y="6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97" name="Freeform 74"/>
            <p:cNvSpPr>
              <a:spLocks/>
            </p:cNvSpPr>
            <p:nvPr/>
          </p:nvSpPr>
          <p:spPr bwMode="auto">
            <a:xfrm>
              <a:off x="1088" y="2699"/>
              <a:ext cx="40" cy="38"/>
            </a:xfrm>
            <a:custGeom>
              <a:avLst/>
              <a:gdLst>
                <a:gd name="T0" fmla="*/ 34 w 40"/>
                <a:gd name="T1" fmla="*/ 0 h 38"/>
                <a:gd name="T2" fmla="*/ 38 w 40"/>
                <a:gd name="T3" fmla="*/ 6 h 38"/>
                <a:gd name="T4" fmla="*/ 40 w 40"/>
                <a:gd name="T5" fmla="*/ 16 h 38"/>
                <a:gd name="T6" fmla="*/ 38 w 40"/>
                <a:gd name="T7" fmla="*/ 20 h 38"/>
                <a:gd name="T8" fmla="*/ 34 w 40"/>
                <a:gd name="T9" fmla="*/ 24 h 38"/>
                <a:gd name="T10" fmla="*/ 26 w 40"/>
                <a:gd name="T11" fmla="*/ 32 h 38"/>
                <a:gd name="T12" fmla="*/ 24 w 40"/>
                <a:gd name="T13" fmla="*/ 36 h 38"/>
                <a:gd name="T14" fmla="*/ 14 w 40"/>
                <a:gd name="T15" fmla="*/ 38 h 38"/>
                <a:gd name="T16" fmla="*/ 0 w 40"/>
                <a:gd name="T17" fmla="*/ 38 h 38"/>
                <a:gd name="T18" fmla="*/ 6 w 40"/>
                <a:gd name="T19" fmla="*/ 24 h 38"/>
                <a:gd name="T20" fmla="*/ 18 w 40"/>
                <a:gd name="T21" fmla="*/ 10 h 38"/>
                <a:gd name="T22" fmla="*/ 24 w 40"/>
                <a:gd name="T23" fmla="*/ 4 h 38"/>
                <a:gd name="T24" fmla="*/ 34 w 40"/>
                <a:gd name="T25" fmla="*/ 0 h 38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0" t="0" r="r" b="b"/>
              <a:pathLst>
                <a:path w="40" h="38">
                  <a:moveTo>
                    <a:pt x="34" y="0"/>
                  </a:moveTo>
                  <a:lnTo>
                    <a:pt x="38" y="6"/>
                  </a:lnTo>
                  <a:lnTo>
                    <a:pt x="40" y="16"/>
                  </a:lnTo>
                  <a:lnTo>
                    <a:pt x="38" y="20"/>
                  </a:lnTo>
                  <a:lnTo>
                    <a:pt x="34" y="24"/>
                  </a:lnTo>
                  <a:lnTo>
                    <a:pt x="26" y="32"/>
                  </a:lnTo>
                  <a:lnTo>
                    <a:pt x="24" y="36"/>
                  </a:lnTo>
                  <a:lnTo>
                    <a:pt x="14" y="38"/>
                  </a:lnTo>
                  <a:lnTo>
                    <a:pt x="0" y="38"/>
                  </a:lnTo>
                  <a:lnTo>
                    <a:pt x="6" y="24"/>
                  </a:lnTo>
                  <a:lnTo>
                    <a:pt x="18" y="10"/>
                  </a:lnTo>
                  <a:lnTo>
                    <a:pt x="24" y="4"/>
                  </a:lnTo>
                  <a:lnTo>
                    <a:pt x="34" y="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98" name="Freeform 75"/>
            <p:cNvSpPr>
              <a:spLocks/>
            </p:cNvSpPr>
            <p:nvPr/>
          </p:nvSpPr>
          <p:spPr bwMode="auto">
            <a:xfrm>
              <a:off x="1270" y="3206"/>
              <a:ext cx="32" cy="24"/>
            </a:xfrm>
            <a:custGeom>
              <a:avLst/>
              <a:gdLst>
                <a:gd name="T0" fmla="*/ 0 w 32"/>
                <a:gd name="T1" fmla="*/ 10 h 24"/>
                <a:gd name="T2" fmla="*/ 8 w 32"/>
                <a:gd name="T3" fmla="*/ 4 h 24"/>
                <a:gd name="T4" fmla="*/ 14 w 32"/>
                <a:gd name="T5" fmla="*/ 0 h 24"/>
                <a:gd name="T6" fmla="*/ 22 w 32"/>
                <a:gd name="T7" fmla="*/ 2 h 24"/>
                <a:gd name="T8" fmla="*/ 30 w 32"/>
                <a:gd name="T9" fmla="*/ 8 h 24"/>
                <a:gd name="T10" fmla="*/ 32 w 32"/>
                <a:gd name="T11" fmla="*/ 14 h 24"/>
                <a:gd name="T12" fmla="*/ 24 w 32"/>
                <a:gd name="T13" fmla="*/ 20 h 24"/>
                <a:gd name="T14" fmla="*/ 20 w 32"/>
                <a:gd name="T15" fmla="*/ 24 h 24"/>
                <a:gd name="T16" fmla="*/ 10 w 32"/>
                <a:gd name="T17" fmla="*/ 24 h 24"/>
                <a:gd name="T18" fmla="*/ 2 w 32"/>
                <a:gd name="T19" fmla="*/ 16 h 24"/>
                <a:gd name="T20" fmla="*/ 0 w 32"/>
                <a:gd name="T21" fmla="*/ 10 h 24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32" h="24">
                  <a:moveTo>
                    <a:pt x="0" y="10"/>
                  </a:moveTo>
                  <a:lnTo>
                    <a:pt x="8" y="4"/>
                  </a:lnTo>
                  <a:lnTo>
                    <a:pt x="14" y="0"/>
                  </a:lnTo>
                  <a:lnTo>
                    <a:pt x="22" y="2"/>
                  </a:lnTo>
                  <a:lnTo>
                    <a:pt x="30" y="8"/>
                  </a:lnTo>
                  <a:lnTo>
                    <a:pt x="32" y="14"/>
                  </a:lnTo>
                  <a:lnTo>
                    <a:pt x="24" y="20"/>
                  </a:lnTo>
                  <a:lnTo>
                    <a:pt x="20" y="24"/>
                  </a:lnTo>
                  <a:lnTo>
                    <a:pt x="10" y="24"/>
                  </a:lnTo>
                  <a:lnTo>
                    <a:pt x="2" y="16"/>
                  </a:lnTo>
                  <a:lnTo>
                    <a:pt x="0" y="1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99" name="Freeform 76"/>
            <p:cNvSpPr>
              <a:spLocks/>
            </p:cNvSpPr>
            <p:nvPr/>
          </p:nvSpPr>
          <p:spPr bwMode="auto">
            <a:xfrm>
              <a:off x="908" y="2153"/>
              <a:ext cx="654" cy="1093"/>
            </a:xfrm>
            <a:custGeom>
              <a:avLst/>
              <a:gdLst>
                <a:gd name="T0" fmla="*/ 202 w 654"/>
                <a:gd name="T1" fmla="*/ 1041 h 1093"/>
                <a:gd name="T2" fmla="*/ 170 w 654"/>
                <a:gd name="T3" fmla="*/ 1091 h 1093"/>
                <a:gd name="T4" fmla="*/ 122 w 654"/>
                <a:gd name="T5" fmla="*/ 1065 h 1093"/>
                <a:gd name="T6" fmla="*/ 52 w 654"/>
                <a:gd name="T7" fmla="*/ 1081 h 1093"/>
                <a:gd name="T8" fmla="*/ 10 w 654"/>
                <a:gd name="T9" fmla="*/ 1081 h 1093"/>
                <a:gd name="T10" fmla="*/ 22 w 654"/>
                <a:gd name="T11" fmla="*/ 1061 h 1093"/>
                <a:gd name="T12" fmla="*/ 84 w 654"/>
                <a:gd name="T13" fmla="*/ 1023 h 1093"/>
                <a:gd name="T14" fmla="*/ 148 w 654"/>
                <a:gd name="T15" fmla="*/ 971 h 1093"/>
                <a:gd name="T16" fmla="*/ 220 w 654"/>
                <a:gd name="T17" fmla="*/ 971 h 1093"/>
                <a:gd name="T18" fmla="*/ 294 w 654"/>
                <a:gd name="T19" fmla="*/ 923 h 1093"/>
                <a:gd name="T20" fmla="*/ 224 w 654"/>
                <a:gd name="T21" fmla="*/ 947 h 1093"/>
                <a:gd name="T22" fmla="*/ 170 w 654"/>
                <a:gd name="T23" fmla="*/ 917 h 1093"/>
                <a:gd name="T24" fmla="*/ 154 w 654"/>
                <a:gd name="T25" fmla="*/ 883 h 1093"/>
                <a:gd name="T26" fmla="*/ 88 w 654"/>
                <a:gd name="T27" fmla="*/ 881 h 1093"/>
                <a:gd name="T28" fmla="*/ 126 w 654"/>
                <a:gd name="T29" fmla="*/ 843 h 1093"/>
                <a:gd name="T30" fmla="*/ 196 w 654"/>
                <a:gd name="T31" fmla="*/ 769 h 1093"/>
                <a:gd name="T32" fmla="*/ 152 w 654"/>
                <a:gd name="T33" fmla="*/ 749 h 1093"/>
                <a:gd name="T34" fmla="*/ 176 w 654"/>
                <a:gd name="T35" fmla="*/ 686 h 1093"/>
                <a:gd name="T36" fmla="*/ 232 w 654"/>
                <a:gd name="T37" fmla="*/ 692 h 1093"/>
                <a:gd name="T38" fmla="*/ 286 w 654"/>
                <a:gd name="T39" fmla="*/ 694 h 1093"/>
                <a:gd name="T40" fmla="*/ 310 w 654"/>
                <a:gd name="T41" fmla="*/ 628 h 1093"/>
                <a:gd name="T42" fmla="*/ 308 w 654"/>
                <a:gd name="T43" fmla="*/ 606 h 1093"/>
                <a:gd name="T44" fmla="*/ 282 w 654"/>
                <a:gd name="T45" fmla="*/ 536 h 1093"/>
                <a:gd name="T46" fmla="*/ 298 w 654"/>
                <a:gd name="T47" fmla="*/ 486 h 1093"/>
                <a:gd name="T48" fmla="*/ 234 w 654"/>
                <a:gd name="T49" fmla="*/ 488 h 1093"/>
                <a:gd name="T50" fmla="*/ 192 w 654"/>
                <a:gd name="T51" fmla="*/ 482 h 1093"/>
                <a:gd name="T52" fmla="*/ 178 w 654"/>
                <a:gd name="T53" fmla="*/ 458 h 1093"/>
                <a:gd name="T54" fmla="*/ 226 w 654"/>
                <a:gd name="T55" fmla="*/ 390 h 1093"/>
                <a:gd name="T56" fmla="*/ 222 w 654"/>
                <a:gd name="T57" fmla="*/ 334 h 1093"/>
                <a:gd name="T58" fmla="*/ 188 w 654"/>
                <a:gd name="T59" fmla="*/ 350 h 1093"/>
                <a:gd name="T60" fmla="*/ 156 w 654"/>
                <a:gd name="T61" fmla="*/ 412 h 1093"/>
                <a:gd name="T62" fmla="*/ 164 w 654"/>
                <a:gd name="T63" fmla="*/ 346 h 1093"/>
                <a:gd name="T64" fmla="*/ 194 w 654"/>
                <a:gd name="T65" fmla="*/ 272 h 1093"/>
                <a:gd name="T66" fmla="*/ 186 w 654"/>
                <a:gd name="T67" fmla="*/ 260 h 1093"/>
                <a:gd name="T68" fmla="*/ 130 w 654"/>
                <a:gd name="T69" fmla="*/ 274 h 1093"/>
                <a:gd name="T70" fmla="*/ 152 w 654"/>
                <a:gd name="T71" fmla="*/ 230 h 1093"/>
                <a:gd name="T72" fmla="*/ 184 w 654"/>
                <a:gd name="T73" fmla="*/ 196 h 1093"/>
                <a:gd name="T74" fmla="*/ 210 w 654"/>
                <a:gd name="T75" fmla="*/ 166 h 1093"/>
                <a:gd name="T76" fmla="*/ 206 w 654"/>
                <a:gd name="T77" fmla="*/ 108 h 1093"/>
                <a:gd name="T78" fmla="*/ 240 w 654"/>
                <a:gd name="T79" fmla="*/ 70 h 1093"/>
                <a:gd name="T80" fmla="*/ 286 w 654"/>
                <a:gd name="T81" fmla="*/ 0 h 1093"/>
                <a:gd name="T82" fmla="*/ 358 w 654"/>
                <a:gd name="T83" fmla="*/ 22 h 1093"/>
                <a:gd name="T84" fmla="*/ 408 w 654"/>
                <a:gd name="T85" fmla="*/ 52 h 1093"/>
                <a:gd name="T86" fmla="*/ 332 w 654"/>
                <a:gd name="T87" fmla="*/ 112 h 1093"/>
                <a:gd name="T88" fmla="*/ 360 w 654"/>
                <a:gd name="T89" fmla="*/ 142 h 1093"/>
                <a:gd name="T90" fmla="*/ 476 w 654"/>
                <a:gd name="T91" fmla="*/ 170 h 1093"/>
                <a:gd name="T92" fmla="*/ 430 w 654"/>
                <a:gd name="T93" fmla="*/ 264 h 1093"/>
                <a:gd name="T94" fmla="*/ 350 w 654"/>
                <a:gd name="T95" fmla="*/ 310 h 1093"/>
                <a:gd name="T96" fmla="*/ 360 w 654"/>
                <a:gd name="T97" fmla="*/ 340 h 1093"/>
                <a:gd name="T98" fmla="*/ 336 w 654"/>
                <a:gd name="T99" fmla="*/ 360 h 1093"/>
                <a:gd name="T100" fmla="*/ 412 w 654"/>
                <a:gd name="T101" fmla="*/ 378 h 1093"/>
                <a:gd name="T102" fmla="*/ 458 w 654"/>
                <a:gd name="T103" fmla="*/ 458 h 1093"/>
                <a:gd name="T104" fmla="*/ 492 w 654"/>
                <a:gd name="T105" fmla="*/ 576 h 1093"/>
                <a:gd name="T106" fmla="*/ 532 w 654"/>
                <a:gd name="T107" fmla="*/ 674 h 1093"/>
                <a:gd name="T108" fmla="*/ 554 w 654"/>
                <a:gd name="T109" fmla="*/ 765 h 1093"/>
                <a:gd name="T110" fmla="*/ 570 w 654"/>
                <a:gd name="T111" fmla="*/ 793 h 1093"/>
                <a:gd name="T112" fmla="*/ 640 w 654"/>
                <a:gd name="T113" fmla="*/ 901 h 1093"/>
                <a:gd name="T114" fmla="*/ 594 w 654"/>
                <a:gd name="T115" fmla="*/ 951 h 1093"/>
                <a:gd name="T116" fmla="*/ 546 w 654"/>
                <a:gd name="T117" fmla="*/ 975 h 1093"/>
                <a:gd name="T118" fmla="*/ 604 w 654"/>
                <a:gd name="T119" fmla="*/ 1015 h 1093"/>
                <a:gd name="T120" fmla="*/ 512 w 654"/>
                <a:gd name="T121" fmla="*/ 1069 h 1093"/>
                <a:gd name="T122" fmla="*/ 412 w 654"/>
                <a:gd name="T123" fmla="*/ 1057 h 1093"/>
                <a:gd name="T124" fmla="*/ 318 w 654"/>
                <a:gd name="T125" fmla="*/ 1051 h 1093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0" t="0" r="r" b="b"/>
              <a:pathLst>
                <a:path w="654" h="1093">
                  <a:moveTo>
                    <a:pt x="276" y="1057"/>
                  </a:moveTo>
                  <a:lnTo>
                    <a:pt x="264" y="1045"/>
                  </a:lnTo>
                  <a:lnTo>
                    <a:pt x="252" y="1037"/>
                  </a:lnTo>
                  <a:lnTo>
                    <a:pt x="234" y="1037"/>
                  </a:lnTo>
                  <a:lnTo>
                    <a:pt x="222" y="1037"/>
                  </a:lnTo>
                  <a:lnTo>
                    <a:pt x="214" y="1045"/>
                  </a:lnTo>
                  <a:lnTo>
                    <a:pt x="202" y="1041"/>
                  </a:lnTo>
                  <a:lnTo>
                    <a:pt x="196" y="1049"/>
                  </a:lnTo>
                  <a:lnTo>
                    <a:pt x="190" y="1061"/>
                  </a:lnTo>
                  <a:lnTo>
                    <a:pt x="188" y="1075"/>
                  </a:lnTo>
                  <a:lnTo>
                    <a:pt x="180" y="1069"/>
                  </a:lnTo>
                  <a:lnTo>
                    <a:pt x="180" y="1077"/>
                  </a:lnTo>
                  <a:lnTo>
                    <a:pt x="174" y="1085"/>
                  </a:lnTo>
                  <a:lnTo>
                    <a:pt x="170" y="1091"/>
                  </a:lnTo>
                  <a:lnTo>
                    <a:pt x="158" y="1083"/>
                  </a:lnTo>
                  <a:lnTo>
                    <a:pt x="148" y="1075"/>
                  </a:lnTo>
                  <a:lnTo>
                    <a:pt x="142" y="1067"/>
                  </a:lnTo>
                  <a:lnTo>
                    <a:pt x="138" y="1059"/>
                  </a:lnTo>
                  <a:lnTo>
                    <a:pt x="132" y="1053"/>
                  </a:lnTo>
                  <a:lnTo>
                    <a:pt x="132" y="1065"/>
                  </a:lnTo>
                  <a:lnTo>
                    <a:pt x="122" y="1065"/>
                  </a:lnTo>
                  <a:lnTo>
                    <a:pt x="108" y="1063"/>
                  </a:lnTo>
                  <a:lnTo>
                    <a:pt x="96" y="1061"/>
                  </a:lnTo>
                  <a:lnTo>
                    <a:pt x="88" y="1061"/>
                  </a:lnTo>
                  <a:lnTo>
                    <a:pt x="80" y="1071"/>
                  </a:lnTo>
                  <a:lnTo>
                    <a:pt x="68" y="1073"/>
                  </a:lnTo>
                  <a:lnTo>
                    <a:pt x="60" y="1073"/>
                  </a:lnTo>
                  <a:lnTo>
                    <a:pt x="52" y="1081"/>
                  </a:lnTo>
                  <a:lnTo>
                    <a:pt x="50" y="1089"/>
                  </a:lnTo>
                  <a:lnTo>
                    <a:pt x="42" y="1093"/>
                  </a:lnTo>
                  <a:lnTo>
                    <a:pt x="34" y="1081"/>
                  </a:lnTo>
                  <a:lnTo>
                    <a:pt x="30" y="1077"/>
                  </a:lnTo>
                  <a:lnTo>
                    <a:pt x="22" y="1073"/>
                  </a:lnTo>
                  <a:lnTo>
                    <a:pt x="16" y="1077"/>
                  </a:lnTo>
                  <a:lnTo>
                    <a:pt x="10" y="1081"/>
                  </a:lnTo>
                  <a:lnTo>
                    <a:pt x="0" y="1079"/>
                  </a:lnTo>
                  <a:lnTo>
                    <a:pt x="0" y="1069"/>
                  </a:lnTo>
                  <a:lnTo>
                    <a:pt x="2" y="1065"/>
                  </a:lnTo>
                  <a:lnTo>
                    <a:pt x="6" y="1063"/>
                  </a:lnTo>
                  <a:lnTo>
                    <a:pt x="10" y="1061"/>
                  </a:lnTo>
                  <a:lnTo>
                    <a:pt x="16" y="1061"/>
                  </a:lnTo>
                  <a:lnTo>
                    <a:pt x="22" y="1061"/>
                  </a:lnTo>
                  <a:lnTo>
                    <a:pt x="30" y="1061"/>
                  </a:lnTo>
                  <a:lnTo>
                    <a:pt x="36" y="1061"/>
                  </a:lnTo>
                  <a:lnTo>
                    <a:pt x="48" y="1055"/>
                  </a:lnTo>
                  <a:lnTo>
                    <a:pt x="60" y="1045"/>
                  </a:lnTo>
                  <a:lnTo>
                    <a:pt x="70" y="1035"/>
                  </a:lnTo>
                  <a:lnTo>
                    <a:pt x="74" y="1027"/>
                  </a:lnTo>
                  <a:lnTo>
                    <a:pt x="84" y="1023"/>
                  </a:lnTo>
                  <a:lnTo>
                    <a:pt x="98" y="1017"/>
                  </a:lnTo>
                  <a:lnTo>
                    <a:pt x="116" y="1003"/>
                  </a:lnTo>
                  <a:lnTo>
                    <a:pt x="116" y="989"/>
                  </a:lnTo>
                  <a:lnTo>
                    <a:pt x="122" y="979"/>
                  </a:lnTo>
                  <a:lnTo>
                    <a:pt x="132" y="979"/>
                  </a:lnTo>
                  <a:lnTo>
                    <a:pt x="142" y="981"/>
                  </a:lnTo>
                  <a:lnTo>
                    <a:pt x="148" y="971"/>
                  </a:lnTo>
                  <a:lnTo>
                    <a:pt x="152" y="959"/>
                  </a:lnTo>
                  <a:lnTo>
                    <a:pt x="166" y="957"/>
                  </a:lnTo>
                  <a:lnTo>
                    <a:pt x="176" y="957"/>
                  </a:lnTo>
                  <a:lnTo>
                    <a:pt x="184" y="957"/>
                  </a:lnTo>
                  <a:lnTo>
                    <a:pt x="196" y="959"/>
                  </a:lnTo>
                  <a:lnTo>
                    <a:pt x="210" y="969"/>
                  </a:lnTo>
                  <a:lnTo>
                    <a:pt x="220" y="971"/>
                  </a:lnTo>
                  <a:lnTo>
                    <a:pt x="236" y="971"/>
                  </a:lnTo>
                  <a:lnTo>
                    <a:pt x="250" y="969"/>
                  </a:lnTo>
                  <a:lnTo>
                    <a:pt x="256" y="957"/>
                  </a:lnTo>
                  <a:lnTo>
                    <a:pt x="264" y="949"/>
                  </a:lnTo>
                  <a:lnTo>
                    <a:pt x="274" y="943"/>
                  </a:lnTo>
                  <a:lnTo>
                    <a:pt x="286" y="937"/>
                  </a:lnTo>
                  <a:lnTo>
                    <a:pt x="294" y="923"/>
                  </a:lnTo>
                  <a:lnTo>
                    <a:pt x="288" y="925"/>
                  </a:lnTo>
                  <a:lnTo>
                    <a:pt x="280" y="931"/>
                  </a:lnTo>
                  <a:lnTo>
                    <a:pt x="264" y="929"/>
                  </a:lnTo>
                  <a:lnTo>
                    <a:pt x="262" y="927"/>
                  </a:lnTo>
                  <a:lnTo>
                    <a:pt x="248" y="935"/>
                  </a:lnTo>
                  <a:lnTo>
                    <a:pt x="242" y="945"/>
                  </a:lnTo>
                  <a:lnTo>
                    <a:pt x="224" y="947"/>
                  </a:lnTo>
                  <a:lnTo>
                    <a:pt x="214" y="941"/>
                  </a:lnTo>
                  <a:lnTo>
                    <a:pt x="202" y="931"/>
                  </a:lnTo>
                  <a:lnTo>
                    <a:pt x="196" y="919"/>
                  </a:lnTo>
                  <a:lnTo>
                    <a:pt x="190" y="911"/>
                  </a:lnTo>
                  <a:lnTo>
                    <a:pt x="184" y="909"/>
                  </a:lnTo>
                  <a:lnTo>
                    <a:pt x="176" y="911"/>
                  </a:lnTo>
                  <a:lnTo>
                    <a:pt x="170" y="917"/>
                  </a:lnTo>
                  <a:lnTo>
                    <a:pt x="154" y="915"/>
                  </a:lnTo>
                  <a:lnTo>
                    <a:pt x="156" y="907"/>
                  </a:lnTo>
                  <a:lnTo>
                    <a:pt x="170" y="903"/>
                  </a:lnTo>
                  <a:lnTo>
                    <a:pt x="174" y="895"/>
                  </a:lnTo>
                  <a:lnTo>
                    <a:pt x="160" y="895"/>
                  </a:lnTo>
                  <a:lnTo>
                    <a:pt x="154" y="891"/>
                  </a:lnTo>
                  <a:lnTo>
                    <a:pt x="154" y="883"/>
                  </a:lnTo>
                  <a:lnTo>
                    <a:pt x="146" y="883"/>
                  </a:lnTo>
                  <a:lnTo>
                    <a:pt x="138" y="885"/>
                  </a:lnTo>
                  <a:lnTo>
                    <a:pt x="122" y="887"/>
                  </a:lnTo>
                  <a:lnTo>
                    <a:pt x="116" y="893"/>
                  </a:lnTo>
                  <a:lnTo>
                    <a:pt x="96" y="891"/>
                  </a:lnTo>
                  <a:lnTo>
                    <a:pt x="94" y="883"/>
                  </a:lnTo>
                  <a:lnTo>
                    <a:pt x="88" y="881"/>
                  </a:lnTo>
                  <a:lnTo>
                    <a:pt x="86" y="875"/>
                  </a:lnTo>
                  <a:lnTo>
                    <a:pt x="94" y="869"/>
                  </a:lnTo>
                  <a:lnTo>
                    <a:pt x="96" y="861"/>
                  </a:lnTo>
                  <a:lnTo>
                    <a:pt x="88" y="853"/>
                  </a:lnTo>
                  <a:lnTo>
                    <a:pt x="92" y="845"/>
                  </a:lnTo>
                  <a:lnTo>
                    <a:pt x="106" y="839"/>
                  </a:lnTo>
                  <a:lnTo>
                    <a:pt x="126" y="843"/>
                  </a:lnTo>
                  <a:lnTo>
                    <a:pt x="134" y="833"/>
                  </a:lnTo>
                  <a:lnTo>
                    <a:pt x="154" y="831"/>
                  </a:lnTo>
                  <a:lnTo>
                    <a:pt x="170" y="827"/>
                  </a:lnTo>
                  <a:lnTo>
                    <a:pt x="186" y="815"/>
                  </a:lnTo>
                  <a:lnTo>
                    <a:pt x="194" y="795"/>
                  </a:lnTo>
                  <a:lnTo>
                    <a:pt x="198" y="781"/>
                  </a:lnTo>
                  <a:lnTo>
                    <a:pt x="196" y="769"/>
                  </a:lnTo>
                  <a:lnTo>
                    <a:pt x="198" y="755"/>
                  </a:lnTo>
                  <a:lnTo>
                    <a:pt x="200" y="745"/>
                  </a:lnTo>
                  <a:lnTo>
                    <a:pt x="194" y="739"/>
                  </a:lnTo>
                  <a:lnTo>
                    <a:pt x="184" y="739"/>
                  </a:lnTo>
                  <a:lnTo>
                    <a:pt x="176" y="747"/>
                  </a:lnTo>
                  <a:lnTo>
                    <a:pt x="164" y="751"/>
                  </a:lnTo>
                  <a:lnTo>
                    <a:pt x="152" y="749"/>
                  </a:lnTo>
                  <a:lnTo>
                    <a:pt x="154" y="741"/>
                  </a:lnTo>
                  <a:lnTo>
                    <a:pt x="166" y="735"/>
                  </a:lnTo>
                  <a:lnTo>
                    <a:pt x="180" y="724"/>
                  </a:lnTo>
                  <a:lnTo>
                    <a:pt x="190" y="714"/>
                  </a:lnTo>
                  <a:lnTo>
                    <a:pt x="188" y="704"/>
                  </a:lnTo>
                  <a:lnTo>
                    <a:pt x="180" y="696"/>
                  </a:lnTo>
                  <a:lnTo>
                    <a:pt x="176" y="686"/>
                  </a:lnTo>
                  <a:lnTo>
                    <a:pt x="180" y="674"/>
                  </a:lnTo>
                  <a:lnTo>
                    <a:pt x="194" y="670"/>
                  </a:lnTo>
                  <a:lnTo>
                    <a:pt x="200" y="676"/>
                  </a:lnTo>
                  <a:lnTo>
                    <a:pt x="212" y="692"/>
                  </a:lnTo>
                  <a:lnTo>
                    <a:pt x="216" y="698"/>
                  </a:lnTo>
                  <a:lnTo>
                    <a:pt x="226" y="700"/>
                  </a:lnTo>
                  <a:lnTo>
                    <a:pt x="232" y="692"/>
                  </a:lnTo>
                  <a:lnTo>
                    <a:pt x="240" y="698"/>
                  </a:lnTo>
                  <a:lnTo>
                    <a:pt x="256" y="698"/>
                  </a:lnTo>
                  <a:lnTo>
                    <a:pt x="264" y="696"/>
                  </a:lnTo>
                  <a:lnTo>
                    <a:pt x="274" y="698"/>
                  </a:lnTo>
                  <a:lnTo>
                    <a:pt x="280" y="710"/>
                  </a:lnTo>
                  <a:lnTo>
                    <a:pt x="288" y="708"/>
                  </a:lnTo>
                  <a:lnTo>
                    <a:pt x="286" y="694"/>
                  </a:lnTo>
                  <a:lnTo>
                    <a:pt x="296" y="688"/>
                  </a:lnTo>
                  <a:lnTo>
                    <a:pt x="298" y="678"/>
                  </a:lnTo>
                  <a:lnTo>
                    <a:pt x="296" y="670"/>
                  </a:lnTo>
                  <a:lnTo>
                    <a:pt x="308" y="654"/>
                  </a:lnTo>
                  <a:lnTo>
                    <a:pt x="302" y="646"/>
                  </a:lnTo>
                  <a:lnTo>
                    <a:pt x="304" y="632"/>
                  </a:lnTo>
                  <a:lnTo>
                    <a:pt x="310" y="628"/>
                  </a:lnTo>
                  <a:lnTo>
                    <a:pt x="322" y="626"/>
                  </a:lnTo>
                  <a:lnTo>
                    <a:pt x="322" y="612"/>
                  </a:lnTo>
                  <a:lnTo>
                    <a:pt x="328" y="602"/>
                  </a:lnTo>
                  <a:lnTo>
                    <a:pt x="328" y="596"/>
                  </a:lnTo>
                  <a:lnTo>
                    <a:pt x="318" y="594"/>
                  </a:lnTo>
                  <a:lnTo>
                    <a:pt x="310" y="596"/>
                  </a:lnTo>
                  <a:lnTo>
                    <a:pt x="308" y="606"/>
                  </a:lnTo>
                  <a:lnTo>
                    <a:pt x="300" y="600"/>
                  </a:lnTo>
                  <a:lnTo>
                    <a:pt x="302" y="590"/>
                  </a:lnTo>
                  <a:lnTo>
                    <a:pt x="294" y="586"/>
                  </a:lnTo>
                  <a:lnTo>
                    <a:pt x="290" y="574"/>
                  </a:lnTo>
                  <a:lnTo>
                    <a:pt x="292" y="564"/>
                  </a:lnTo>
                  <a:lnTo>
                    <a:pt x="282" y="552"/>
                  </a:lnTo>
                  <a:lnTo>
                    <a:pt x="282" y="536"/>
                  </a:lnTo>
                  <a:lnTo>
                    <a:pt x="288" y="522"/>
                  </a:lnTo>
                  <a:lnTo>
                    <a:pt x="298" y="508"/>
                  </a:lnTo>
                  <a:lnTo>
                    <a:pt x="308" y="502"/>
                  </a:lnTo>
                  <a:lnTo>
                    <a:pt x="316" y="496"/>
                  </a:lnTo>
                  <a:lnTo>
                    <a:pt x="328" y="492"/>
                  </a:lnTo>
                  <a:lnTo>
                    <a:pt x="314" y="490"/>
                  </a:lnTo>
                  <a:lnTo>
                    <a:pt x="298" y="486"/>
                  </a:lnTo>
                  <a:lnTo>
                    <a:pt x="294" y="492"/>
                  </a:lnTo>
                  <a:lnTo>
                    <a:pt x="288" y="496"/>
                  </a:lnTo>
                  <a:lnTo>
                    <a:pt x="274" y="496"/>
                  </a:lnTo>
                  <a:lnTo>
                    <a:pt x="268" y="500"/>
                  </a:lnTo>
                  <a:lnTo>
                    <a:pt x="252" y="504"/>
                  </a:lnTo>
                  <a:lnTo>
                    <a:pt x="240" y="496"/>
                  </a:lnTo>
                  <a:lnTo>
                    <a:pt x="234" y="488"/>
                  </a:lnTo>
                  <a:lnTo>
                    <a:pt x="228" y="492"/>
                  </a:lnTo>
                  <a:lnTo>
                    <a:pt x="230" y="500"/>
                  </a:lnTo>
                  <a:lnTo>
                    <a:pt x="230" y="510"/>
                  </a:lnTo>
                  <a:lnTo>
                    <a:pt x="218" y="508"/>
                  </a:lnTo>
                  <a:lnTo>
                    <a:pt x="208" y="492"/>
                  </a:lnTo>
                  <a:lnTo>
                    <a:pt x="202" y="484"/>
                  </a:lnTo>
                  <a:lnTo>
                    <a:pt x="192" y="482"/>
                  </a:lnTo>
                  <a:lnTo>
                    <a:pt x="190" y="488"/>
                  </a:lnTo>
                  <a:lnTo>
                    <a:pt x="190" y="500"/>
                  </a:lnTo>
                  <a:lnTo>
                    <a:pt x="186" y="504"/>
                  </a:lnTo>
                  <a:lnTo>
                    <a:pt x="184" y="492"/>
                  </a:lnTo>
                  <a:lnTo>
                    <a:pt x="178" y="480"/>
                  </a:lnTo>
                  <a:lnTo>
                    <a:pt x="176" y="468"/>
                  </a:lnTo>
                  <a:lnTo>
                    <a:pt x="178" y="458"/>
                  </a:lnTo>
                  <a:lnTo>
                    <a:pt x="188" y="458"/>
                  </a:lnTo>
                  <a:lnTo>
                    <a:pt x="194" y="444"/>
                  </a:lnTo>
                  <a:lnTo>
                    <a:pt x="208" y="434"/>
                  </a:lnTo>
                  <a:lnTo>
                    <a:pt x="210" y="420"/>
                  </a:lnTo>
                  <a:lnTo>
                    <a:pt x="222" y="410"/>
                  </a:lnTo>
                  <a:lnTo>
                    <a:pt x="232" y="402"/>
                  </a:lnTo>
                  <a:lnTo>
                    <a:pt x="226" y="390"/>
                  </a:lnTo>
                  <a:lnTo>
                    <a:pt x="216" y="380"/>
                  </a:lnTo>
                  <a:lnTo>
                    <a:pt x="220" y="366"/>
                  </a:lnTo>
                  <a:lnTo>
                    <a:pt x="220" y="360"/>
                  </a:lnTo>
                  <a:lnTo>
                    <a:pt x="220" y="346"/>
                  </a:lnTo>
                  <a:lnTo>
                    <a:pt x="230" y="344"/>
                  </a:lnTo>
                  <a:lnTo>
                    <a:pt x="230" y="336"/>
                  </a:lnTo>
                  <a:lnTo>
                    <a:pt x="222" y="334"/>
                  </a:lnTo>
                  <a:lnTo>
                    <a:pt x="214" y="348"/>
                  </a:lnTo>
                  <a:lnTo>
                    <a:pt x="210" y="348"/>
                  </a:lnTo>
                  <a:lnTo>
                    <a:pt x="206" y="354"/>
                  </a:lnTo>
                  <a:lnTo>
                    <a:pt x="204" y="366"/>
                  </a:lnTo>
                  <a:lnTo>
                    <a:pt x="200" y="354"/>
                  </a:lnTo>
                  <a:lnTo>
                    <a:pt x="196" y="348"/>
                  </a:lnTo>
                  <a:lnTo>
                    <a:pt x="188" y="350"/>
                  </a:lnTo>
                  <a:lnTo>
                    <a:pt x="186" y="360"/>
                  </a:lnTo>
                  <a:lnTo>
                    <a:pt x="174" y="364"/>
                  </a:lnTo>
                  <a:lnTo>
                    <a:pt x="170" y="376"/>
                  </a:lnTo>
                  <a:lnTo>
                    <a:pt x="170" y="384"/>
                  </a:lnTo>
                  <a:lnTo>
                    <a:pt x="164" y="394"/>
                  </a:lnTo>
                  <a:lnTo>
                    <a:pt x="160" y="404"/>
                  </a:lnTo>
                  <a:lnTo>
                    <a:pt x="156" y="412"/>
                  </a:lnTo>
                  <a:lnTo>
                    <a:pt x="144" y="410"/>
                  </a:lnTo>
                  <a:lnTo>
                    <a:pt x="142" y="398"/>
                  </a:lnTo>
                  <a:lnTo>
                    <a:pt x="152" y="386"/>
                  </a:lnTo>
                  <a:lnTo>
                    <a:pt x="156" y="376"/>
                  </a:lnTo>
                  <a:lnTo>
                    <a:pt x="162" y="366"/>
                  </a:lnTo>
                  <a:lnTo>
                    <a:pt x="172" y="358"/>
                  </a:lnTo>
                  <a:lnTo>
                    <a:pt x="164" y="346"/>
                  </a:lnTo>
                  <a:lnTo>
                    <a:pt x="172" y="334"/>
                  </a:lnTo>
                  <a:lnTo>
                    <a:pt x="170" y="320"/>
                  </a:lnTo>
                  <a:lnTo>
                    <a:pt x="178" y="310"/>
                  </a:lnTo>
                  <a:lnTo>
                    <a:pt x="182" y="300"/>
                  </a:lnTo>
                  <a:lnTo>
                    <a:pt x="180" y="294"/>
                  </a:lnTo>
                  <a:lnTo>
                    <a:pt x="194" y="284"/>
                  </a:lnTo>
                  <a:lnTo>
                    <a:pt x="194" y="272"/>
                  </a:lnTo>
                  <a:lnTo>
                    <a:pt x="202" y="272"/>
                  </a:lnTo>
                  <a:lnTo>
                    <a:pt x="202" y="262"/>
                  </a:lnTo>
                  <a:lnTo>
                    <a:pt x="208" y="252"/>
                  </a:lnTo>
                  <a:lnTo>
                    <a:pt x="212" y="246"/>
                  </a:lnTo>
                  <a:lnTo>
                    <a:pt x="204" y="244"/>
                  </a:lnTo>
                  <a:lnTo>
                    <a:pt x="192" y="252"/>
                  </a:lnTo>
                  <a:lnTo>
                    <a:pt x="186" y="260"/>
                  </a:lnTo>
                  <a:lnTo>
                    <a:pt x="176" y="260"/>
                  </a:lnTo>
                  <a:lnTo>
                    <a:pt x="178" y="270"/>
                  </a:lnTo>
                  <a:lnTo>
                    <a:pt x="170" y="276"/>
                  </a:lnTo>
                  <a:lnTo>
                    <a:pt x="164" y="282"/>
                  </a:lnTo>
                  <a:lnTo>
                    <a:pt x="150" y="280"/>
                  </a:lnTo>
                  <a:lnTo>
                    <a:pt x="134" y="282"/>
                  </a:lnTo>
                  <a:lnTo>
                    <a:pt x="130" y="274"/>
                  </a:lnTo>
                  <a:lnTo>
                    <a:pt x="136" y="270"/>
                  </a:lnTo>
                  <a:lnTo>
                    <a:pt x="148" y="262"/>
                  </a:lnTo>
                  <a:lnTo>
                    <a:pt x="152" y="256"/>
                  </a:lnTo>
                  <a:lnTo>
                    <a:pt x="144" y="250"/>
                  </a:lnTo>
                  <a:lnTo>
                    <a:pt x="140" y="240"/>
                  </a:lnTo>
                  <a:lnTo>
                    <a:pt x="148" y="234"/>
                  </a:lnTo>
                  <a:lnTo>
                    <a:pt x="152" y="230"/>
                  </a:lnTo>
                  <a:lnTo>
                    <a:pt x="148" y="222"/>
                  </a:lnTo>
                  <a:lnTo>
                    <a:pt x="158" y="220"/>
                  </a:lnTo>
                  <a:lnTo>
                    <a:pt x="170" y="222"/>
                  </a:lnTo>
                  <a:lnTo>
                    <a:pt x="178" y="226"/>
                  </a:lnTo>
                  <a:lnTo>
                    <a:pt x="178" y="214"/>
                  </a:lnTo>
                  <a:lnTo>
                    <a:pt x="178" y="202"/>
                  </a:lnTo>
                  <a:lnTo>
                    <a:pt x="184" y="196"/>
                  </a:lnTo>
                  <a:lnTo>
                    <a:pt x="194" y="200"/>
                  </a:lnTo>
                  <a:lnTo>
                    <a:pt x="188" y="186"/>
                  </a:lnTo>
                  <a:lnTo>
                    <a:pt x="196" y="182"/>
                  </a:lnTo>
                  <a:lnTo>
                    <a:pt x="206" y="186"/>
                  </a:lnTo>
                  <a:lnTo>
                    <a:pt x="198" y="172"/>
                  </a:lnTo>
                  <a:lnTo>
                    <a:pt x="200" y="166"/>
                  </a:lnTo>
                  <a:lnTo>
                    <a:pt x="210" y="166"/>
                  </a:lnTo>
                  <a:lnTo>
                    <a:pt x="200" y="158"/>
                  </a:lnTo>
                  <a:lnTo>
                    <a:pt x="198" y="150"/>
                  </a:lnTo>
                  <a:lnTo>
                    <a:pt x="194" y="138"/>
                  </a:lnTo>
                  <a:lnTo>
                    <a:pt x="196" y="128"/>
                  </a:lnTo>
                  <a:lnTo>
                    <a:pt x="210" y="126"/>
                  </a:lnTo>
                  <a:lnTo>
                    <a:pt x="204" y="118"/>
                  </a:lnTo>
                  <a:lnTo>
                    <a:pt x="206" y="108"/>
                  </a:lnTo>
                  <a:lnTo>
                    <a:pt x="210" y="100"/>
                  </a:lnTo>
                  <a:lnTo>
                    <a:pt x="216" y="86"/>
                  </a:lnTo>
                  <a:lnTo>
                    <a:pt x="230" y="86"/>
                  </a:lnTo>
                  <a:lnTo>
                    <a:pt x="244" y="92"/>
                  </a:lnTo>
                  <a:lnTo>
                    <a:pt x="252" y="88"/>
                  </a:lnTo>
                  <a:lnTo>
                    <a:pt x="246" y="78"/>
                  </a:lnTo>
                  <a:lnTo>
                    <a:pt x="240" y="70"/>
                  </a:lnTo>
                  <a:lnTo>
                    <a:pt x="250" y="68"/>
                  </a:lnTo>
                  <a:lnTo>
                    <a:pt x="250" y="48"/>
                  </a:lnTo>
                  <a:lnTo>
                    <a:pt x="264" y="46"/>
                  </a:lnTo>
                  <a:lnTo>
                    <a:pt x="266" y="34"/>
                  </a:lnTo>
                  <a:lnTo>
                    <a:pt x="278" y="28"/>
                  </a:lnTo>
                  <a:lnTo>
                    <a:pt x="276" y="14"/>
                  </a:lnTo>
                  <a:lnTo>
                    <a:pt x="286" y="0"/>
                  </a:lnTo>
                  <a:lnTo>
                    <a:pt x="296" y="6"/>
                  </a:lnTo>
                  <a:lnTo>
                    <a:pt x="308" y="14"/>
                  </a:lnTo>
                  <a:lnTo>
                    <a:pt x="304" y="22"/>
                  </a:lnTo>
                  <a:lnTo>
                    <a:pt x="314" y="18"/>
                  </a:lnTo>
                  <a:lnTo>
                    <a:pt x="322" y="24"/>
                  </a:lnTo>
                  <a:lnTo>
                    <a:pt x="336" y="24"/>
                  </a:lnTo>
                  <a:lnTo>
                    <a:pt x="358" y="22"/>
                  </a:lnTo>
                  <a:lnTo>
                    <a:pt x="378" y="20"/>
                  </a:lnTo>
                  <a:lnTo>
                    <a:pt x="384" y="24"/>
                  </a:lnTo>
                  <a:lnTo>
                    <a:pt x="396" y="22"/>
                  </a:lnTo>
                  <a:lnTo>
                    <a:pt x="410" y="24"/>
                  </a:lnTo>
                  <a:lnTo>
                    <a:pt x="416" y="30"/>
                  </a:lnTo>
                  <a:lnTo>
                    <a:pt x="410" y="38"/>
                  </a:lnTo>
                  <a:lnTo>
                    <a:pt x="408" y="52"/>
                  </a:lnTo>
                  <a:lnTo>
                    <a:pt x="398" y="70"/>
                  </a:lnTo>
                  <a:lnTo>
                    <a:pt x="384" y="70"/>
                  </a:lnTo>
                  <a:lnTo>
                    <a:pt x="370" y="82"/>
                  </a:lnTo>
                  <a:lnTo>
                    <a:pt x="354" y="90"/>
                  </a:lnTo>
                  <a:lnTo>
                    <a:pt x="346" y="100"/>
                  </a:lnTo>
                  <a:lnTo>
                    <a:pt x="330" y="102"/>
                  </a:lnTo>
                  <a:lnTo>
                    <a:pt x="332" y="112"/>
                  </a:lnTo>
                  <a:lnTo>
                    <a:pt x="316" y="110"/>
                  </a:lnTo>
                  <a:lnTo>
                    <a:pt x="324" y="118"/>
                  </a:lnTo>
                  <a:lnTo>
                    <a:pt x="342" y="120"/>
                  </a:lnTo>
                  <a:lnTo>
                    <a:pt x="332" y="132"/>
                  </a:lnTo>
                  <a:lnTo>
                    <a:pt x="318" y="144"/>
                  </a:lnTo>
                  <a:lnTo>
                    <a:pt x="342" y="146"/>
                  </a:lnTo>
                  <a:lnTo>
                    <a:pt x="360" y="142"/>
                  </a:lnTo>
                  <a:lnTo>
                    <a:pt x="378" y="138"/>
                  </a:lnTo>
                  <a:lnTo>
                    <a:pt x="390" y="148"/>
                  </a:lnTo>
                  <a:lnTo>
                    <a:pt x="408" y="148"/>
                  </a:lnTo>
                  <a:lnTo>
                    <a:pt x="428" y="154"/>
                  </a:lnTo>
                  <a:lnTo>
                    <a:pt x="448" y="158"/>
                  </a:lnTo>
                  <a:lnTo>
                    <a:pt x="468" y="160"/>
                  </a:lnTo>
                  <a:lnTo>
                    <a:pt x="476" y="170"/>
                  </a:lnTo>
                  <a:lnTo>
                    <a:pt x="478" y="182"/>
                  </a:lnTo>
                  <a:lnTo>
                    <a:pt x="476" y="194"/>
                  </a:lnTo>
                  <a:lnTo>
                    <a:pt x="466" y="202"/>
                  </a:lnTo>
                  <a:lnTo>
                    <a:pt x="454" y="220"/>
                  </a:lnTo>
                  <a:lnTo>
                    <a:pt x="450" y="232"/>
                  </a:lnTo>
                  <a:lnTo>
                    <a:pt x="440" y="254"/>
                  </a:lnTo>
                  <a:lnTo>
                    <a:pt x="430" y="264"/>
                  </a:lnTo>
                  <a:lnTo>
                    <a:pt x="418" y="274"/>
                  </a:lnTo>
                  <a:lnTo>
                    <a:pt x="408" y="288"/>
                  </a:lnTo>
                  <a:lnTo>
                    <a:pt x="398" y="300"/>
                  </a:lnTo>
                  <a:lnTo>
                    <a:pt x="392" y="302"/>
                  </a:lnTo>
                  <a:lnTo>
                    <a:pt x="384" y="304"/>
                  </a:lnTo>
                  <a:lnTo>
                    <a:pt x="362" y="308"/>
                  </a:lnTo>
                  <a:lnTo>
                    <a:pt x="350" y="310"/>
                  </a:lnTo>
                  <a:lnTo>
                    <a:pt x="364" y="318"/>
                  </a:lnTo>
                  <a:lnTo>
                    <a:pt x="380" y="318"/>
                  </a:lnTo>
                  <a:lnTo>
                    <a:pt x="398" y="318"/>
                  </a:lnTo>
                  <a:lnTo>
                    <a:pt x="408" y="324"/>
                  </a:lnTo>
                  <a:lnTo>
                    <a:pt x="400" y="332"/>
                  </a:lnTo>
                  <a:lnTo>
                    <a:pt x="376" y="342"/>
                  </a:lnTo>
                  <a:lnTo>
                    <a:pt x="360" y="340"/>
                  </a:lnTo>
                  <a:lnTo>
                    <a:pt x="352" y="346"/>
                  </a:lnTo>
                  <a:lnTo>
                    <a:pt x="344" y="350"/>
                  </a:lnTo>
                  <a:lnTo>
                    <a:pt x="332" y="352"/>
                  </a:lnTo>
                  <a:lnTo>
                    <a:pt x="318" y="350"/>
                  </a:lnTo>
                  <a:lnTo>
                    <a:pt x="318" y="352"/>
                  </a:lnTo>
                  <a:lnTo>
                    <a:pt x="324" y="354"/>
                  </a:lnTo>
                  <a:lnTo>
                    <a:pt x="336" y="360"/>
                  </a:lnTo>
                  <a:lnTo>
                    <a:pt x="346" y="364"/>
                  </a:lnTo>
                  <a:lnTo>
                    <a:pt x="354" y="366"/>
                  </a:lnTo>
                  <a:lnTo>
                    <a:pt x="364" y="366"/>
                  </a:lnTo>
                  <a:lnTo>
                    <a:pt x="374" y="358"/>
                  </a:lnTo>
                  <a:lnTo>
                    <a:pt x="386" y="362"/>
                  </a:lnTo>
                  <a:lnTo>
                    <a:pt x="398" y="370"/>
                  </a:lnTo>
                  <a:lnTo>
                    <a:pt x="412" y="378"/>
                  </a:lnTo>
                  <a:lnTo>
                    <a:pt x="420" y="378"/>
                  </a:lnTo>
                  <a:lnTo>
                    <a:pt x="422" y="384"/>
                  </a:lnTo>
                  <a:lnTo>
                    <a:pt x="428" y="400"/>
                  </a:lnTo>
                  <a:lnTo>
                    <a:pt x="432" y="420"/>
                  </a:lnTo>
                  <a:lnTo>
                    <a:pt x="454" y="430"/>
                  </a:lnTo>
                  <a:lnTo>
                    <a:pt x="456" y="438"/>
                  </a:lnTo>
                  <a:lnTo>
                    <a:pt x="458" y="458"/>
                  </a:lnTo>
                  <a:lnTo>
                    <a:pt x="448" y="464"/>
                  </a:lnTo>
                  <a:lnTo>
                    <a:pt x="450" y="482"/>
                  </a:lnTo>
                  <a:lnTo>
                    <a:pt x="456" y="518"/>
                  </a:lnTo>
                  <a:lnTo>
                    <a:pt x="460" y="546"/>
                  </a:lnTo>
                  <a:lnTo>
                    <a:pt x="464" y="560"/>
                  </a:lnTo>
                  <a:lnTo>
                    <a:pt x="480" y="566"/>
                  </a:lnTo>
                  <a:lnTo>
                    <a:pt x="492" y="576"/>
                  </a:lnTo>
                  <a:lnTo>
                    <a:pt x="514" y="594"/>
                  </a:lnTo>
                  <a:lnTo>
                    <a:pt x="518" y="612"/>
                  </a:lnTo>
                  <a:lnTo>
                    <a:pt x="528" y="630"/>
                  </a:lnTo>
                  <a:lnTo>
                    <a:pt x="534" y="640"/>
                  </a:lnTo>
                  <a:lnTo>
                    <a:pt x="530" y="648"/>
                  </a:lnTo>
                  <a:lnTo>
                    <a:pt x="528" y="660"/>
                  </a:lnTo>
                  <a:lnTo>
                    <a:pt x="532" y="674"/>
                  </a:lnTo>
                  <a:lnTo>
                    <a:pt x="540" y="692"/>
                  </a:lnTo>
                  <a:lnTo>
                    <a:pt x="536" y="700"/>
                  </a:lnTo>
                  <a:lnTo>
                    <a:pt x="530" y="710"/>
                  </a:lnTo>
                  <a:lnTo>
                    <a:pt x="536" y="718"/>
                  </a:lnTo>
                  <a:lnTo>
                    <a:pt x="548" y="731"/>
                  </a:lnTo>
                  <a:lnTo>
                    <a:pt x="552" y="751"/>
                  </a:lnTo>
                  <a:lnTo>
                    <a:pt x="554" y="765"/>
                  </a:lnTo>
                  <a:lnTo>
                    <a:pt x="544" y="777"/>
                  </a:lnTo>
                  <a:lnTo>
                    <a:pt x="532" y="783"/>
                  </a:lnTo>
                  <a:lnTo>
                    <a:pt x="528" y="791"/>
                  </a:lnTo>
                  <a:lnTo>
                    <a:pt x="532" y="805"/>
                  </a:lnTo>
                  <a:lnTo>
                    <a:pt x="546" y="809"/>
                  </a:lnTo>
                  <a:lnTo>
                    <a:pt x="558" y="801"/>
                  </a:lnTo>
                  <a:lnTo>
                    <a:pt x="570" y="793"/>
                  </a:lnTo>
                  <a:lnTo>
                    <a:pt x="590" y="795"/>
                  </a:lnTo>
                  <a:lnTo>
                    <a:pt x="618" y="801"/>
                  </a:lnTo>
                  <a:lnTo>
                    <a:pt x="640" y="819"/>
                  </a:lnTo>
                  <a:lnTo>
                    <a:pt x="654" y="845"/>
                  </a:lnTo>
                  <a:lnTo>
                    <a:pt x="652" y="869"/>
                  </a:lnTo>
                  <a:lnTo>
                    <a:pt x="644" y="885"/>
                  </a:lnTo>
                  <a:lnTo>
                    <a:pt x="640" y="901"/>
                  </a:lnTo>
                  <a:lnTo>
                    <a:pt x="630" y="911"/>
                  </a:lnTo>
                  <a:lnTo>
                    <a:pt x="620" y="923"/>
                  </a:lnTo>
                  <a:lnTo>
                    <a:pt x="602" y="925"/>
                  </a:lnTo>
                  <a:lnTo>
                    <a:pt x="590" y="925"/>
                  </a:lnTo>
                  <a:lnTo>
                    <a:pt x="604" y="935"/>
                  </a:lnTo>
                  <a:lnTo>
                    <a:pt x="604" y="945"/>
                  </a:lnTo>
                  <a:lnTo>
                    <a:pt x="594" y="951"/>
                  </a:lnTo>
                  <a:lnTo>
                    <a:pt x="584" y="941"/>
                  </a:lnTo>
                  <a:lnTo>
                    <a:pt x="576" y="945"/>
                  </a:lnTo>
                  <a:lnTo>
                    <a:pt x="568" y="949"/>
                  </a:lnTo>
                  <a:lnTo>
                    <a:pt x="574" y="957"/>
                  </a:lnTo>
                  <a:lnTo>
                    <a:pt x="576" y="969"/>
                  </a:lnTo>
                  <a:lnTo>
                    <a:pt x="570" y="975"/>
                  </a:lnTo>
                  <a:lnTo>
                    <a:pt x="546" y="975"/>
                  </a:lnTo>
                  <a:lnTo>
                    <a:pt x="544" y="981"/>
                  </a:lnTo>
                  <a:lnTo>
                    <a:pt x="548" y="989"/>
                  </a:lnTo>
                  <a:lnTo>
                    <a:pt x="558" y="999"/>
                  </a:lnTo>
                  <a:lnTo>
                    <a:pt x="576" y="1003"/>
                  </a:lnTo>
                  <a:lnTo>
                    <a:pt x="592" y="1003"/>
                  </a:lnTo>
                  <a:lnTo>
                    <a:pt x="610" y="1005"/>
                  </a:lnTo>
                  <a:lnTo>
                    <a:pt x="604" y="1015"/>
                  </a:lnTo>
                  <a:lnTo>
                    <a:pt x="602" y="1033"/>
                  </a:lnTo>
                  <a:lnTo>
                    <a:pt x="576" y="1043"/>
                  </a:lnTo>
                  <a:lnTo>
                    <a:pt x="568" y="1043"/>
                  </a:lnTo>
                  <a:lnTo>
                    <a:pt x="566" y="1055"/>
                  </a:lnTo>
                  <a:lnTo>
                    <a:pt x="544" y="1059"/>
                  </a:lnTo>
                  <a:lnTo>
                    <a:pt x="520" y="1065"/>
                  </a:lnTo>
                  <a:lnTo>
                    <a:pt x="512" y="1069"/>
                  </a:lnTo>
                  <a:lnTo>
                    <a:pt x="506" y="1073"/>
                  </a:lnTo>
                  <a:lnTo>
                    <a:pt x="490" y="1069"/>
                  </a:lnTo>
                  <a:lnTo>
                    <a:pt x="476" y="1059"/>
                  </a:lnTo>
                  <a:lnTo>
                    <a:pt x="464" y="1057"/>
                  </a:lnTo>
                  <a:lnTo>
                    <a:pt x="440" y="1057"/>
                  </a:lnTo>
                  <a:lnTo>
                    <a:pt x="426" y="1061"/>
                  </a:lnTo>
                  <a:lnTo>
                    <a:pt x="412" y="1057"/>
                  </a:lnTo>
                  <a:lnTo>
                    <a:pt x="404" y="1051"/>
                  </a:lnTo>
                  <a:lnTo>
                    <a:pt x="386" y="1049"/>
                  </a:lnTo>
                  <a:lnTo>
                    <a:pt x="376" y="1039"/>
                  </a:lnTo>
                  <a:lnTo>
                    <a:pt x="372" y="1049"/>
                  </a:lnTo>
                  <a:lnTo>
                    <a:pt x="342" y="1053"/>
                  </a:lnTo>
                  <a:lnTo>
                    <a:pt x="324" y="1051"/>
                  </a:lnTo>
                  <a:lnTo>
                    <a:pt x="318" y="1051"/>
                  </a:lnTo>
                  <a:lnTo>
                    <a:pt x="320" y="1057"/>
                  </a:lnTo>
                  <a:lnTo>
                    <a:pt x="324" y="1061"/>
                  </a:lnTo>
                  <a:lnTo>
                    <a:pt x="318" y="1069"/>
                  </a:lnTo>
                  <a:lnTo>
                    <a:pt x="304" y="1061"/>
                  </a:lnTo>
                  <a:lnTo>
                    <a:pt x="286" y="1055"/>
                  </a:lnTo>
                  <a:lnTo>
                    <a:pt x="276" y="1057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2000" name="Freeform 77"/>
            <p:cNvSpPr>
              <a:spLocks/>
            </p:cNvSpPr>
            <p:nvPr/>
          </p:nvSpPr>
          <p:spPr bwMode="auto">
            <a:xfrm>
              <a:off x="848" y="2563"/>
              <a:ext cx="204" cy="158"/>
            </a:xfrm>
            <a:custGeom>
              <a:avLst/>
              <a:gdLst>
                <a:gd name="T0" fmla="*/ 92 w 204"/>
                <a:gd name="T1" fmla="*/ 8 h 158"/>
                <a:gd name="T2" fmla="*/ 112 w 204"/>
                <a:gd name="T3" fmla="*/ 4 h 158"/>
                <a:gd name="T4" fmla="*/ 122 w 204"/>
                <a:gd name="T5" fmla="*/ 0 h 158"/>
                <a:gd name="T6" fmla="*/ 164 w 204"/>
                <a:gd name="T7" fmla="*/ 2 h 158"/>
                <a:gd name="T8" fmla="*/ 176 w 204"/>
                <a:gd name="T9" fmla="*/ 14 h 158"/>
                <a:gd name="T10" fmla="*/ 182 w 204"/>
                <a:gd name="T11" fmla="*/ 32 h 158"/>
                <a:gd name="T12" fmla="*/ 184 w 204"/>
                <a:gd name="T13" fmla="*/ 50 h 158"/>
                <a:gd name="T14" fmla="*/ 194 w 204"/>
                <a:gd name="T15" fmla="*/ 62 h 158"/>
                <a:gd name="T16" fmla="*/ 190 w 204"/>
                <a:gd name="T17" fmla="*/ 74 h 158"/>
                <a:gd name="T18" fmla="*/ 182 w 204"/>
                <a:gd name="T19" fmla="*/ 82 h 158"/>
                <a:gd name="T20" fmla="*/ 200 w 204"/>
                <a:gd name="T21" fmla="*/ 90 h 158"/>
                <a:gd name="T22" fmla="*/ 202 w 204"/>
                <a:gd name="T23" fmla="*/ 106 h 158"/>
                <a:gd name="T24" fmla="*/ 194 w 204"/>
                <a:gd name="T25" fmla="*/ 108 h 158"/>
                <a:gd name="T26" fmla="*/ 190 w 204"/>
                <a:gd name="T27" fmla="*/ 112 h 158"/>
                <a:gd name="T28" fmla="*/ 194 w 204"/>
                <a:gd name="T29" fmla="*/ 124 h 158"/>
                <a:gd name="T30" fmla="*/ 180 w 204"/>
                <a:gd name="T31" fmla="*/ 138 h 158"/>
                <a:gd name="T32" fmla="*/ 164 w 204"/>
                <a:gd name="T33" fmla="*/ 142 h 158"/>
                <a:gd name="T34" fmla="*/ 144 w 204"/>
                <a:gd name="T35" fmla="*/ 158 h 158"/>
                <a:gd name="T36" fmla="*/ 130 w 204"/>
                <a:gd name="T37" fmla="*/ 146 h 158"/>
                <a:gd name="T38" fmla="*/ 104 w 204"/>
                <a:gd name="T39" fmla="*/ 142 h 158"/>
                <a:gd name="T40" fmla="*/ 98 w 204"/>
                <a:gd name="T41" fmla="*/ 124 h 158"/>
                <a:gd name="T42" fmla="*/ 92 w 204"/>
                <a:gd name="T43" fmla="*/ 102 h 158"/>
                <a:gd name="T44" fmla="*/ 68 w 204"/>
                <a:gd name="T45" fmla="*/ 100 h 158"/>
                <a:gd name="T46" fmla="*/ 54 w 204"/>
                <a:gd name="T47" fmla="*/ 124 h 158"/>
                <a:gd name="T48" fmla="*/ 24 w 204"/>
                <a:gd name="T49" fmla="*/ 106 h 158"/>
                <a:gd name="T50" fmla="*/ 0 w 204"/>
                <a:gd name="T51" fmla="*/ 74 h 158"/>
                <a:gd name="T52" fmla="*/ 14 w 204"/>
                <a:gd name="T53" fmla="*/ 58 h 158"/>
                <a:gd name="T54" fmla="*/ 32 w 204"/>
                <a:gd name="T55" fmla="*/ 62 h 158"/>
                <a:gd name="T56" fmla="*/ 30 w 204"/>
                <a:gd name="T57" fmla="*/ 48 h 158"/>
                <a:gd name="T58" fmla="*/ 34 w 204"/>
                <a:gd name="T59" fmla="*/ 40 h 158"/>
                <a:gd name="T60" fmla="*/ 56 w 204"/>
                <a:gd name="T61" fmla="*/ 40 h 158"/>
                <a:gd name="T62" fmla="*/ 74 w 204"/>
                <a:gd name="T63" fmla="*/ 14 h 158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0" t="0" r="r" b="b"/>
              <a:pathLst>
                <a:path w="204" h="158">
                  <a:moveTo>
                    <a:pt x="80" y="6"/>
                  </a:moveTo>
                  <a:lnTo>
                    <a:pt x="92" y="8"/>
                  </a:lnTo>
                  <a:lnTo>
                    <a:pt x="102" y="10"/>
                  </a:lnTo>
                  <a:lnTo>
                    <a:pt x="112" y="4"/>
                  </a:lnTo>
                  <a:lnTo>
                    <a:pt x="114" y="2"/>
                  </a:lnTo>
                  <a:lnTo>
                    <a:pt x="122" y="0"/>
                  </a:lnTo>
                  <a:lnTo>
                    <a:pt x="140" y="2"/>
                  </a:lnTo>
                  <a:lnTo>
                    <a:pt x="164" y="2"/>
                  </a:lnTo>
                  <a:lnTo>
                    <a:pt x="174" y="8"/>
                  </a:lnTo>
                  <a:lnTo>
                    <a:pt x="176" y="14"/>
                  </a:lnTo>
                  <a:lnTo>
                    <a:pt x="176" y="26"/>
                  </a:lnTo>
                  <a:lnTo>
                    <a:pt x="182" y="32"/>
                  </a:lnTo>
                  <a:lnTo>
                    <a:pt x="180" y="40"/>
                  </a:lnTo>
                  <a:lnTo>
                    <a:pt x="184" y="50"/>
                  </a:lnTo>
                  <a:lnTo>
                    <a:pt x="186" y="60"/>
                  </a:lnTo>
                  <a:lnTo>
                    <a:pt x="194" y="62"/>
                  </a:lnTo>
                  <a:lnTo>
                    <a:pt x="194" y="68"/>
                  </a:lnTo>
                  <a:lnTo>
                    <a:pt x="190" y="74"/>
                  </a:lnTo>
                  <a:lnTo>
                    <a:pt x="182" y="76"/>
                  </a:lnTo>
                  <a:lnTo>
                    <a:pt x="182" y="82"/>
                  </a:lnTo>
                  <a:lnTo>
                    <a:pt x="190" y="82"/>
                  </a:lnTo>
                  <a:lnTo>
                    <a:pt x="200" y="90"/>
                  </a:lnTo>
                  <a:lnTo>
                    <a:pt x="204" y="94"/>
                  </a:lnTo>
                  <a:lnTo>
                    <a:pt x="202" y="106"/>
                  </a:lnTo>
                  <a:lnTo>
                    <a:pt x="198" y="114"/>
                  </a:lnTo>
                  <a:lnTo>
                    <a:pt x="194" y="108"/>
                  </a:lnTo>
                  <a:lnTo>
                    <a:pt x="192" y="110"/>
                  </a:lnTo>
                  <a:lnTo>
                    <a:pt x="190" y="112"/>
                  </a:lnTo>
                  <a:lnTo>
                    <a:pt x="192" y="120"/>
                  </a:lnTo>
                  <a:lnTo>
                    <a:pt x="194" y="124"/>
                  </a:lnTo>
                  <a:lnTo>
                    <a:pt x="188" y="130"/>
                  </a:lnTo>
                  <a:lnTo>
                    <a:pt x="180" y="138"/>
                  </a:lnTo>
                  <a:lnTo>
                    <a:pt x="168" y="138"/>
                  </a:lnTo>
                  <a:lnTo>
                    <a:pt x="164" y="142"/>
                  </a:lnTo>
                  <a:lnTo>
                    <a:pt x="156" y="150"/>
                  </a:lnTo>
                  <a:lnTo>
                    <a:pt x="144" y="158"/>
                  </a:lnTo>
                  <a:lnTo>
                    <a:pt x="136" y="156"/>
                  </a:lnTo>
                  <a:lnTo>
                    <a:pt x="130" y="146"/>
                  </a:lnTo>
                  <a:lnTo>
                    <a:pt x="118" y="144"/>
                  </a:lnTo>
                  <a:lnTo>
                    <a:pt x="104" y="142"/>
                  </a:lnTo>
                  <a:lnTo>
                    <a:pt x="106" y="126"/>
                  </a:lnTo>
                  <a:lnTo>
                    <a:pt x="98" y="124"/>
                  </a:lnTo>
                  <a:lnTo>
                    <a:pt x="92" y="118"/>
                  </a:lnTo>
                  <a:lnTo>
                    <a:pt x="92" y="102"/>
                  </a:lnTo>
                  <a:lnTo>
                    <a:pt x="84" y="94"/>
                  </a:lnTo>
                  <a:lnTo>
                    <a:pt x="68" y="100"/>
                  </a:lnTo>
                  <a:lnTo>
                    <a:pt x="68" y="114"/>
                  </a:lnTo>
                  <a:lnTo>
                    <a:pt x="54" y="124"/>
                  </a:lnTo>
                  <a:lnTo>
                    <a:pt x="32" y="116"/>
                  </a:lnTo>
                  <a:lnTo>
                    <a:pt x="24" y="106"/>
                  </a:lnTo>
                  <a:lnTo>
                    <a:pt x="16" y="102"/>
                  </a:lnTo>
                  <a:lnTo>
                    <a:pt x="0" y="74"/>
                  </a:lnTo>
                  <a:lnTo>
                    <a:pt x="8" y="66"/>
                  </a:lnTo>
                  <a:lnTo>
                    <a:pt x="14" y="58"/>
                  </a:lnTo>
                  <a:lnTo>
                    <a:pt x="20" y="62"/>
                  </a:lnTo>
                  <a:lnTo>
                    <a:pt x="32" y="62"/>
                  </a:lnTo>
                  <a:lnTo>
                    <a:pt x="38" y="56"/>
                  </a:lnTo>
                  <a:lnTo>
                    <a:pt x="30" y="48"/>
                  </a:lnTo>
                  <a:lnTo>
                    <a:pt x="24" y="38"/>
                  </a:lnTo>
                  <a:lnTo>
                    <a:pt x="34" y="40"/>
                  </a:lnTo>
                  <a:lnTo>
                    <a:pt x="42" y="42"/>
                  </a:lnTo>
                  <a:lnTo>
                    <a:pt x="56" y="40"/>
                  </a:lnTo>
                  <a:lnTo>
                    <a:pt x="60" y="30"/>
                  </a:lnTo>
                  <a:lnTo>
                    <a:pt x="74" y="14"/>
                  </a:lnTo>
                  <a:lnTo>
                    <a:pt x="80" y="6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1909" name="Freeform 78"/>
          <p:cNvSpPr>
            <a:spLocks/>
          </p:cNvSpPr>
          <p:nvPr/>
        </p:nvSpPr>
        <p:spPr bwMode="auto">
          <a:xfrm>
            <a:off x="5014913" y="2719388"/>
            <a:ext cx="266700" cy="496887"/>
          </a:xfrm>
          <a:custGeom>
            <a:avLst/>
            <a:gdLst>
              <a:gd name="T0" fmla="*/ 2147483647 w 207"/>
              <a:gd name="T1" fmla="*/ 2147483647 h 384"/>
              <a:gd name="T2" fmla="*/ 2147483647 w 207"/>
              <a:gd name="T3" fmla="*/ 2147483647 h 384"/>
              <a:gd name="T4" fmla="*/ 2147483647 w 207"/>
              <a:gd name="T5" fmla="*/ 2147483647 h 384"/>
              <a:gd name="T6" fmla="*/ 0 w 207"/>
              <a:gd name="T7" fmla="*/ 2147483647 h 384"/>
              <a:gd name="T8" fmla="*/ 2147483647 w 207"/>
              <a:gd name="T9" fmla="*/ 2147483647 h 384"/>
              <a:gd name="T10" fmla="*/ 2147483647 w 207"/>
              <a:gd name="T11" fmla="*/ 2147483647 h 384"/>
              <a:gd name="T12" fmla="*/ 0 w 207"/>
              <a:gd name="T13" fmla="*/ 2147483647 h 384"/>
              <a:gd name="T14" fmla="*/ 2147483647 w 207"/>
              <a:gd name="T15" fmla="*/ 2147483647 h 384"/>
              <a:gd name="T16" fmla="*/ 2147483647 w 207"/>
              <a:gd name="T17" fmla="*/ 2147483647 h 384"/>
              <a:gd name="T18" fmla="*/ 2147483647 w 207"/>
              <a:gd name="T19" fmla="*/ 2147483647 h 384"/>
              <a:gd name="T20" fmla="*/ 2147483647 w 207"/>
              <a:gd name="T21" fmla="*/ 2147483647 h 384"/>
              <a:gd name="T22" fmla="*/ 2147483647 w 207"/>
              <a:gd name="T23" fmla="*/ 2147483647 h 384"/>
              <a:gd name="T24" fmla="*/ 2147483647 w 207"/>
              <a:gd name="T25" fmla="*/ 2147483647 h 384"/>
              <a:gd name="T26" fmla="*/ 2147483647 w 207"/>
              <a:gd name="T27" fmla="*/ 2147483647 h 384"/>
              <a:gd name="T28" fmla="*/ 2147483647 w 207"/>
              <a:gd name="T29" fmla="*/ 2147483647 h 384"/>
              <a:gd name="T30" fmla="*/ 2147483647 w 207"/>
              <a:gd name="T31" fmla="*/ 2147483647 h 384"/>
              <a:gd name="T32" fmla="*/ 2147483647 w 207"/>
              <a:gd name="T33" fmla="*/ 2147483647 h 384"/>
              <a:gd name="T34" fmla="*/ 2147483647 w 207"/>
              <a:gd name="T35" fmla="*/ 2147483647 h 384"/>
              <a:gd name="T36" fmla="*/ 2147483647 w 207"/>
              <a:gd name="T37" fmla="*/ 2147483647 h 384"/>
              <a:gd name="T38" fmla="*/ 2147483647 w 207"/>
              <a:gd name="T39" fmla="*/ 2147483647 h 384"/>
              <a:gd name="T40" fmla="*/ 2147483647 w 207"/>
              <a:gd name="T41" fmla="*/ 2147483647 h 384"/>
              <a:gd name="T42" fmla="*/ 2147483647 w 207"/>
              <a:gd name="T43" fmla="*/ 0 h 384"/>
              <a:gd name="T44" fmla="*/ 2147483647 w 207"/>
              <a:gd name="T45" fmla="*/ 2147483647 h 384"/>
              <a:gd name="T46" fmla="*/ 2147483647 w 207"/>
              <a:gd name="T47" fmla="*/ 2147483647 h 384"/>
              <a:gd name="T48" fmla="*/ 2147483647 w 207"/>
              <a:gd name="T49" fmla="*/ 2147483647 h 384"/>
              <a:gd name="T50" fmla="*/ 2147483647 w 207"/>
              <a:gd name="T51" fmla="*/ 2147483647 h 384"/>
              <a:gd name="T52" fmla="*/ 2147483647 w 207"/>
              <a:gd name="T53" fmla="*/ 2147483647 h 384"/>
              <a:gd name="T54" fmla="*/ 2147483647 w 207"/>
              <a:gd name="T55" fmla="*/ 2147483647 h 384"/>
              <a:gd name="T56" fmla="*/ 2147483647 w 207"/>
              <a:gd name="T57" fmla="*/ 2147483647 h 384"/>
              <a:gd name="T58" fmla="*/ 2147483647 w 207"/>
              <a:gd name="T59" fmla="*/ 2147483647 h 384"/>
              <a:gd name="T60" fmla="*/ 2147483647 w 207"/>
              <a:gd name="T61" fmla="*/ 2147483647 h 384"/>
              <a:gd name="T62" fmla="*/ 2147483647 w 207"/>
              <a:gd name="T63" fmla="*/ 2147483647 h 384"/>
              <a:gd name="T64" fmla="*/ 2147483647 w 207"/>
              <a:gd name="T65" fmla="*/ 2147483647 h 384"/>
              <a:gd name="T66" fmla="*/ 2147483647 w 207"/>
              <a:gd name="T67" fmla="*/ 2147483647 h 384"/>
              <a:gd name="T68" fmla="*/ 2147483647 w 207"/>
              <a:gd name="T69" fmla="*/ 2147483647 h 384"/>
              <a:gd name="T70" fmla="*/ 2147483647 w 207"/>
              <a:gd name="T71" fmla="*/ 2147483647 h 384"/>
              <a:gd name="T72" fmla="*/ 2147483647 w 207"/>
              <a:gd name="T73" fmla="*/ 2147483647 h 384"/>
              <a:gd name="T74" fmla="*/ 2147483647 w 207"/>
              <a:gd name="T75" fmla="*/ 2147483647 h 384"/>
              <a:gd name="T76" fmla="*/ 2147483647 w 207"/>
              <a:gd name="T77" fmla="*/ 2147483647 h 384"/>
              <a:gd name="T78" fmla="*/ 2147483647 w 207"/>
              <a:gd name="T79" fmla="*/ 2147483647 h 384"/>
              <a:gd name="T80" fmla="*/ 2147483647 w 207"/>
              <a:gd name="T81" fmla="*/ 2147483647 h 384"/>
              <a:gd name="T82" fmla="*/ 2147483647 w 207"/>
              <a:gd name="T83" fmla="*/ 2147483647 h 384"/>
              <a:gd name="T84" fmla="*/ 2147483647 w 207"/>
              <a:gd name="T85" fmla="*/ 2147483647 h 384"/>
              <a:gd name="T86" fmla="*/ 2147483647 w 207"/>
              <a:gd name="T87" fmla="*/ 2147483647 h 384"/>
              <a:gd name="T88" fmla="*/ 2147483647 w 207"/>
              <a:gd name="T89" fmla="*/ 2147483647 h 384"/>
              <a:gd name="T90" fmla="*/ 2147483647 w 207"/>
              <a:gd name="T91" fmla="*/ 2147483647 h 384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0" t="0" r="r" b="b"/>
            <a:pathLst>
              <a:path w="207" h="384">
                <a:moveTo>
                  <a:pt x="36" y="364"/>
                </a:moveTo>
                <a:lnTo>
                  <a:pt x="30" y="360"/>
                </a:lnTo>
                <a:lnTo>
                  <a:pt x="22" y="350"/>
                </a:lnTo>
                <a:lnTo>
                  <a:pt x="28" y="342"/>
                </a:lnTo>
                <a:lnTo>
                  <a:pt x="38" y="330"/>
                </a:lnTo>
                <a:lnTo>
                  <a:pt x="38" y="314"/>
                </a:lnTo>
                <a:lnTo>
                  <a:pt x="38" y="302"/>
                </a:lnTo>
                <a:lnTo>
                  <a:pt x="36" y="296"/>
                </a:lnTo>
                <a:lnTo>
                  <a:pt x="26" y="298"/>
                </a:lnTo>
                <a:lnTo>
                  <a:pt x="16" y="292"/>
                </a:lnTo>
                <a:lnTo>
                  <a:pt x="8" y="288"/>
                </a:lnTo>
                <a:lnTo>
                  <a:pt x="0" y="278"/>
                </a:lnTo>
                <a:lnTo>
                  <a:pt x="0" y="264"/>
                </a:lnTo>
                <a:lnTo>
                  <a:pt x="6" y="244"/>
                </a:lnTo>
                <a:lnTo>
                  <a:pt x="14" y="242"/>
                </a:lnTo>
                <a:lnTo>
                  <a:pt x="18" y="238"/>
                </a:lnTo>
                <a:lnTo>
                  <a:pt x="22" y="232"/>
                </a:lnTo>
                <a:lnTo>
                  <a:pt x="18" y="224"/>
                </a:lnTo>
                <a:lnTo>
                  <a:pt x="10" y="214"/>
                </a:lnTo>
                <a:lnTo>
                  <a:pt x="0" y="218"/>
                </a:lnTo>
                <a:lnTo>
                  <a:pt x="0" y="188"/>
                </a:lnTo>
                <a:lnTo>
                  <a:pt x="0" y="160"/>
                </a:lnTo>
                <a:lnTo>
                  <a:pt x="2" y="150"/>
                </a:lnTo>
                <a:lnTo>
                  <a:pt x="6" y="136"/>
                </a:lnTo>
                <a:lnTo>
                  <a:pt x="10" y="142"/>
                </a:lnTo>
                <a:lnTo>
                  <a:pt x="18" y="150"/>
                </a:lnTo>
                <a:lnTo>
                  <a:pt x="30" y="150"/>
                </a:lnTo>
                <a:lnTo>
                  <a:pt x="34" y="158"/>
                </a:lnTo>
                <a:lnTo>
                  <a:pt x="46" y="162"/>
                </a:lnTo>
                <a:lnTo>
                  <a:pt x="48" y="154"/>
                </a:lnTo>
                <a:lnTo>
                  <a:pt x="50" y="142"/>
                </a:lnTo>
                <a:lnTo>
                  <a:pt x="56" y="134"/>
                </a:lnTo>
                <a:lnTo>
                  <a:pt x="56" y="126"/>
                </a:lnTo>
                <a:lnTo>
                  <a:pt x="68" y="126"/>
                </a:lnTo>
                <a:lnTo>
                  <a:pt x="76" y="132"/>
                </a:lnTo>
                <a:lnTo>
                  <a:pt x="74" y="140"/>
                </a:lnTo>
                <a:lnTo>
                  <a:pt x="84" y="150"/>
                </a:lnTo>
                <a:lnTo>
                  <a:pt x="91" y="140"/>
                </a:lnTo>
                <a:lnTo>
                  <a:pt x="84" y="126"/>
                </a:lnTo>
                <a:lnTo>
                  <a:pt x="82" y="110"/>
                </a:lnTo>
                <a:lnTo>
                  <a:pt x="82" y="98"/>
                </a:lnTo>
                <a:lnTo>
                  <a:pt x="82" y="94"/>
                </a:lnTo>
                <a:lnTo>
                  <a:pt x="64" y="94"/>
                </a:lnTo>
                <a:lnTo>
                  <a:pt x="54" y="100"/>
                </a:lnTo>
                <a:lnTo>
                  <a:pt x="42" y="102"/>
                </a:lnTo>
                <a:lnTo>
                  <a:pt x="38" y="112"/>
                </a:lnTo>
                <a:lnTo>
                  <a:pt x="38" y="120"/>
                </a:lnTo>
                <a:lnTo>
                  <a:pt x="30" y="120"/>
                </a:lnTo>
                <a:lnTo>
                  <a:pt x="30" y="130"/>
                </a:lnTo>
                <a:lnTo>
                  <a:pt x="28" y="138"/>
                </a:lnTo>
                <a:lnTo>
                  <a:pt x="20" y="136"/>
                </a:lnTo>
                <a:lnTo>
                  <a:pt x="12" y="124"/>
                </a:lnTo>
                <a:lnTo>
                  <a:pt x="18" y="106"/>
                </a:lnTo>
                <a:lnTo>
                  <a:pt x="30" y="90"/>
                </a:lnTo>
                <a:lnTo>
                  <a:pt x="40" y="84"/>
                </a:lnTo>
                <a:lnTo>
                  <a:pt x="62" y="80"/>
                </a:lnTo>
                <a:lnTo>
                  <a:pt x="68" y="76"/>
                </a:lnTo>
                <a:lnTo>
                  <a:pt x="93" y="78"/>
                </a:lnTo>
                <a:lnTo>
                  <a:pt x="109" y="60"/>
                </a:lnTo>
                <a:lnTo>
                  <a:pt x="123" y="38"/>
                </a:lnTo>
                <a:lnTo>
                  <a:pt x="133" y="20"/>
                </a:lnTo>
                <a:lnTo>
                  <a:pt x="147" y="20"/>
                </a:lnTo>
                <a:lnTo>
                  <a:pt x="159" y="14"/>
                </a:lnTo>
                <a:lnTo>
                  <a:pt x="167" y="6"/>
                </a:lnTo>
                <a:lnTo>
                  <a:pt x="175" y="0"/>
                </a:lnTo>
                <a:lnTo>
                  <a:pt x="179" y="0"/>
                </a:lnTo>
                <a:lnTo>
                  <a:pt x="177" y="8"/>
                </a:lnTo>
                <a:lnTo>
                  <a:pt x="165" y="20"/>
                </a:lnTo>
                <a:lnTo>
                  <a:pt x="169" y="30"/>
                </a:lnTo>
                <a:lnTo>
                  <a:pt x="175" y="40"/>
                </a:lnTo>
                <a:lnTo>
                  <a:pt x="175" y="66"/>
                </a:lnTo>
                <a:lnTo>
                  <a:pt x="169" y="74"/>
                </a:lnTo>
                <a:lnTo>
                  <a:pt x="167" y="84"/>
                </a:lnTo>
                <a:lnTo>
                  <a:pt x="163" y="92"/>
                </a:lnTo>
                <a:lnTo>
                  <a:pt x="155" y="98"/>
                </a:lnTo>
                <a:lnTo>
                  <a:pt x="147" y="94"/>
                </a:lnTo>
                <a:lnTo>
                  <a:pt x="155" y="104"/>
                </a:lnTo>
                <a:lnTo>
                  <a:pt x="157" y="112"/>
                </a:lnTo>
                <a:lnTo>
                  <a:pt x="159" y="124"/>
                </a:lnTo>
                <a:lnTo>
                  <a:pt x="159" y="136"/>
                </a:lnTo>
                <a:lnTo>
                  <a:pt x="149" y="138"/>
                </a:lnTo>
                <a:lnTo>
                  <a:pt x="163" y="138"/>
                </a:lnTo>
                <a:lnTo>
                  <a:pt x="163" y="146"/>
                </a:lnTo>
                <a:lnTo>
                  <a:pt x="155" y="152"/>
                </a:lnTo>
                <a:lnTo>
                  <a:pt x="157" y="156"/>
                </a:lnTo>
                <a:lnTo>
                  <a:pt x="163" y="150"/>
                </a:lnTo>
                <a:lnTo>
                  <a:pt x="169" y="158"/>
                </a:lnTo>
                <a:lnTo>
                  <a:pt x="177" y="158"/>
                </a:lnTo>
                <a:lnTo>
                  <a:pt x="193" y="156"/>
                </a:lnTo>
                <a:lnTo>
                  <a:pt x="197" y="158"/>
                </a:lnTo>
                <a:lnTo>
                  <a:pt x="203" y="160"/>
                </a:lnTo>
                <a:lnTo>
                  <a:pt x="207" y="176"/>
                </a:lnTo>
                <a:lnTo>
                  <a:pt x="205" y="182"/>
                </a:lnTo>
                <a:lnTo>
                  <a:pt x="195" y="192"/>
                </a:lnTo>
                <a:lnTo>
                  <a:pt x="191" y="200"/>
                </a:lnTo>
                <a:lnTo>
                  <a:pt x="187" y="204"/>
                </a:lnTo>
                <a:lnTo>
                  <a:pt x="177" y="212"/>
                </a:lnTo>
                <a:lnTo>
                  <a:pt x="177" y="202"/>
                </a:lnTo>
                <a:lnTo>
                  <a:pt x="171" y="200"/>
                </a:lnTo>
                <a:lnTo>
                  <a:pt x="169" y="206"/>
                </a:lnTo>
                <a:lnTo>
                  <a:pt x="161" y="202"/>
                </a:lnTo>
                <a:lnTo>
                  <a:pt x="155" y="200"/>
                </a:lnTo>
                <a:lnTo>
                  <a:pt x="155" y="212"/>
                </a:lnTo>
                <a:lnTo>
                  <a:pt x="157" y="226"/>
                </a:lnTo>
                <a:lnTo>
                  <a:pt x="155" y="236"/>
                </a:lnTo>
                <a:lnTo>
                  <a:pt x="155" y="244"/>
                </a:lnTo>
                <a:lnTo>
                  <a:pt x="147" y="244"/>
                </a:lnTo>
                <a:lnTo>
                  <a:pt x="141" y="240"/>
                </a:lnTo>
                <a:lnTo>
                  <a:pt x="137" y="244"/>
                </a:lnTo>
                <a:lnTo>
                  <a:pt x="141" y="252"/>
                </a:lnTo>
                <a:lnTo>
                  <a:pt x="141" y="264"/>
                </a:lnTo>
                <a:lnTo>
                  <a:pt x="131" y="268"/>
                </a:lnTo>
                <a:lnTo>
                  <a:pt x="125" y="272"/>
                </a:lnTo>
                <a:lnTo>
                  <a:pt x="125" y="278"/>
                </a:lnTo>
                <a:lnTo>
                  <a:pt x="127" y="284"/>
                </a:lnTo>
                <a:lnTo>
                  <a:pt x="121" y="288"/>
                </a:lnTo>
                <a:lnTo>
                  <a:pt x="111" y="286"/>
                </a:lnTo>
                <a:lnTo>
                  <a:pt x="109" y="296"/>
                </a:lnTo>
                <a:lnTo>
                  <a:pt x="109" y="308"/>
                </a:lnTo>
                <a:lnTo>
                  <a:pt x="113" y="316"/>
                </a:lnTo>
                <a:lnTo>
                  <a:pt x="113" y="326"/>
                </a:lnTo>
                <a:lnTo>
                  <a:pt x="109" y="332"/>
                </a:lnTo>
                <a:lnTo>
                  <a:pt x="101" y="334"/>
                </a:lnTo>
                <a:lnTo>
                  <a:pt x="105" y="348"/>
                </a:lnTo>
                <a:lnTo>
                  <a:pt x="111" y="350"/>
                </a:lnTo>
                <a:lnTo>
                  <a:pt x="119" y="346"/>
                </a:lnTo>
                <a:lnTo>
                  <a:pt x="129" y="348"/>
                </a:lnTo>
                <a:lnTo>
                  <a:pt x="135" y="354"/>
                </a:lnTo>
                <a:lnTo>
                  <a:pt x="143" y="366"/>
                </a:lnTo>
                <a:lnTo>
                  <a:pt x="143" y="372"/>
                </a:lnTo>
                <a:lnTo>
                  <a:pt x="137" y="384"/>
                </a:lnTo>
                <a:lnTo>
                  <a:pt x="131" y="380"/>
                </a:lnTo>
                <a:lnTo>
                  <a:pt x="117" y="378"/>
                </a:lnTo>
                <a:lnTo>
                  <a:pt x="105" y="366"/>
                </a:lnTo>
                <a:lnTo>
                  <a:pt x="97" y="380"/>
                </a:lnTo>
                <a:lnTo>
                  <a:pt x="82" y="380"/>
                </a:lnTo>
                <a:lnTo>
                  <a:pt x="72" y="370"/>
                </a:lnTo>
                <a:lnTo>
                  <a:pt x="58" y="366"/>
                </a:lnTo>
                <a:lnTo>
                  <a:pt x="36" y="364"/>
                </a:lnTo>
                <a:close/>
              </a:path>
            </a:pathLst>
          </a:custGeom>
          <a:solidFill>
            <a:srgbClr val="FFCC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10" name="Freeform 79"/>
          <p:cNvSpPr>
            <a:spLocks/>
          </p:cNvSpPr>
          <p:nvPr/>
        </p:nvSpPr>
        <p:spPr bwMode="auto">
          <a:xfrm>
            <a:off x="5173663" y="3074988"/>
            <a:ext cx="98425" cy="98425"/>
          </a:xfrm>
          <a:custGeom>
            <a:avLst/>
            <a:gdLst>
              <a:gd name="T0" fmla="*/ 2147483647 w 76"/>
              <a:gd name="T1" fmla="*/ 2147483647 h 76"/>
              <a:gd name="T2" fmla="*/ 2147483647 w 76"/>
              <a:gd name="T3" fmla="*/ 2147483647 h 76"/>
              <a:gd name="T4" fmla="*/ 2147483647 w 76"/>
              <a:gd name="T5" fmla="*/ 2147483647 h 76"/>
              <a:gd name="T6" fmla="*/ 2147483647 w 76"/>
              <a:gd name="T7" fmla="*/ 2147483647 h 76"/>
              <a:gd name="T8" fmla="*/ 2147483647 w 76"/>
              <a:gd name="T9" fmla="*/ 2147483647 h 76"/>
              <a:gd name="T10" fmla="*/ 2147483647 w 76"/>
              <a:gd name="T11" fmla="*/ 0 h 76"/>
              <a:gd name="T12" fmla="*/ 2147483647 w 76"/>
              <a:gd name="T13" fmla="*/ 2147483647 h 76"/>
              <a:gd name="T14" fmla="*/ 2147483647 w 76"/>
              <a:gd name="T15" fmla="*/ 2147483647 h 76"/>
              <a:gd name="T16" fmla="*/ 2147483647 w 76"/>
              <a:gd name="T17" fmla="*/ 2147483647 h 76"/>
              <a:gd name="T18" fmla="*/ 2147483647 w 76"/>
              <a:gd name="T19" fmla="*/ 2147483647 h 76"/>
              <a:gd name="T20" fmla="*/ 2147483647 w 76"/>
              <a:gd name="T21" fmla="*/ 2147483647 h 76"/>
              <a:gd name="T22" fmla="*/ 2147483647 w 76"/>
              <a:gd name="T23" fmla="*/ 2147483647 h 76"/>
              <a:gd name="T24" fmla="*/ 2147483647 w 76"/>
              <a:gd name="T25" fmla="*/ 2147483647 h 76"/>
              <a:gd name="T26" fmla="*/ 2147483647 w 76"/>
              <a:gd name="T27" fmla="*/ 2147483647 h 76"/>
              <a:gd name="T28" fmla="*/ 2147483647 w 76"/>
              <a:gd name="T29" fmla="*/ 2147483647 h 76"/>
              <a:gd name="T30" fmla="*/ 2147483647 w 76"/>
              <a:gd name="T31" fmla="*/ 2147483647 h 76"/>
              <a:gd name="T32" fmla="*/ 2147483647 w 76"/>
              <a:gd name="T33" fmla="*/ 2147483647 h 76"/>
              <a:gd name="T34" fmla="*/ 2147483647 w 76"/>
              <a:gd name="T35" fmla="*/ 2147483647 h 76"/>
              <a:gd name="T36" fmla="*/ 2147483647 w 76"/>
              <a:gd name="T37" fmla="*/ 2147483647 h 76"/>
              <a:gd name="T38" fmla="*/ 2147483647 w 76"/>
              <a:gd name="T39" fmla="*/ 2147483647 h 76"/>
              <a:gd name="T40" fmla="*/ 2147483647 w 76"/>
              <a:gd name="T41" fmla="*/ 2147483647 h 76"/>
              <a:gd name="T42" fmla="*/ 2147483647 w 76"/>
              <a:gd name="T43" fmla="*/ 2147483647 h 76"/>
              <a:gd name="T44" fmla="*/ 2147483647 w 76"/>
              <a:gd name="T45" fmla="*/ 2147483647 h 76"/>
              <a:gd name="T46" fmla="*/ 2147483647 w 76"/>
              <a:gd name="T47" fmla="*/ 2147483647 h 76"/>
              <a:gd name="T48" fmla="*/ 2147483647 w 76"/>
              <a:gd name="T49" fmla="*/ 2147483647 h 76"/>
              <a:gd name="T50" fmla="*/ 2147483647 w 76"/>
              <a:gd name="T51" fmla="*/ 2147483647 h 76"/>
              <a:gd name="T52" fmla="*/ 0 w 76"/>
              <a:gd name="T53" fmla="*/ 2147483647 h 76"/>
              <a:gd name="T54" fmla="*/ 2147483647 w 76"/>
              <a:gd name="T55" fmla="*/ 2147483647 h 7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0" t="0" r="r" b="b"/>
            <a:pathLst>
              <a:path w="76" h="76">
                <a:moveTo>
                  <a:pt x="4" y="20"/>
                </a:moveTo>
                <a:lnTo>
                  <a:pt x="12" y="18"/>
                </a:lnTo>
                <a:lnTo>
                  <a:pt x="20" y="14"/>
                </a:lnTo>
                <a:lnTo>
                  <a:pt x="26" y="6"/>
                </a:lnTo>
                <a:lnTo>
                  <a:pt x="28" y="4"/>
                </a:lnTo>
                <a:lnTo>
                  <a:pt x="30" y="0"/>
                </a:lnTo>
                <a:lnTo>
                  <a:pt x="40" y="2"/>
                </a:lnTo>
                <a:lnTo>
                  <a:pt x="46" y="8"/>
                </a:lnTo>
                <a:lnTo>
                  <a:pt x="52" y="10"/>
                </a:lnTo>
                <a:lnTo>
                  <a:pt x="56" y="2"/>
                </a:lnTo>
                <a:lnTo>
                  <a:pt x="66" y="6"/>
                </a:lnTo>
                <a:lnTo>
                  <a:pt x="68" y="14"/>
                </a:lnTo>
                <a:lnTo>
                  <a:pt x="68" y="22"/>
                </a:lnTo>
                <a:lnTo>
                  <a:pt x="76" y="34"/>
                </a:lnTo>
                <a:lnTo>
                  <a:pt x="76" y="44"/>
                </a:lnTo>
                <a:lnTo>
                  <a:pt x="74" y="62"/>
                </a:lnTo>
                <a:lnTo>
                  <a:pt x="70" y="68"/>
                </a:lnTo>
                <a:lnTo>
                  <a:pt x="58" y="76"/>
                </a:lnTo>
                <a:lnTo>
                  <a:pt x="46" y="74"/>
                </a:lnTo>
                <a:lnTo>
                  <a:pt x="34" y="70"/>
                </a:lnTo>
                <a:lnTo>
                  <a:pt x="30" y="70"/>
                </a:lnTo>
                <a:lnTo>
                  <a:pt x="26" y="70"/>
                </a:lnTo>
                <a:lnTo>
                  <a:pt x="26" y="58"/>
                </a:lnTo>
                <a:lnTo>
                  <a:pt x="16" y="56"/>
                </a:lnTo>
                <a:lnTo>
                  <a:pt x="8" y="44"/>
                </a:lnTo>
                <a:lnTo>
                  <a:pt x="4" y="32"/>
                </a:lnTo>
                <a:lnTo>
                  <a:pt x="0" y="24"/>
                </a:lnTo>
                <a:lnTo>
                  <a:pt x="4" y="20"/>
                </a:lnTo>
                <a:close/>
              </a:path>
            </a:pathLst>
          </a:custGeom>
          <a:solidFill>
            <a:srgbClr val="FFCC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11" name="Freeform 80"/>
          <p:cNvSpPr>
            <a:spLocks/>
          </p:cNvSpPr>
          <p:nvPr/>
        </p:nvSpPr>
        <p:spPr bwMode="auto">
          <a:xfrm>
            <a:off x="5256213" y="3157538"/>
            <a:ext cx="31750" cy="65087"/>
          </a:xfrm>
          <a:custGeom>
            <a:avLst/>
            <a:gdLst>
              <a:gd name="T0" fmla="*/ 2147483647 w 24"/>
              <a:gd name="T1" fmla="*/ 2147483647 h 50"/>
              <a:gd name="T2" fmla="*/ 2147483647 w 24"/>
              <a:gd name="T3" fmla="*/ 2147483647 h 50"/>
              <a:gd name="T4" fmla="*/ 2147483647 w 24"/>
              <a:gd name="T5" fmla="*/ 2147483647 h 50"/>
              <a:gd name="T6" fmla="*/ 2147483647 w 24"/>
              <a:gd name="T7" fmla="*/ 0 h 50"/>
              <a:gd name="T8" fmla="*/ 2147483647 w 24"/>
              <a:gd name="T9" fmla="*/ 2147483647 h 50"/>
              <a:gd name="T10" fmla="*/ 2147483647 w 24"/>
              <a:gd name="T11" fmla="*/ 2147483647 h 50"/>
              <a:gd name="T12" fmla="*/ 2147483647 w 24"/>
              <a:gd name="T13" fmla="*/ 2147483647 h 50"/>
              <a:gd name="T14" fmla="*/ 2147483647 w 24"/>
              <a:gd name="T15" fmla="*/ 2147483647 h 50"/>
              <a:gd name="T16" fmla="*/ 2147483647 w 24"/>
              <a:gd name="T17" fmla="*/ 2147483647 h 50"/>
              <a:gd name="T18" fmla="*/ 2147483647 w 24"/>
              <a:gd name="T19" fmla="*/ 2147483647 h 50"/>
              <a:gd name="T20" fmla="*/ 0 w 24"/>
              <a:gd name="T21" fmla="*/ 2147483647 h 50"/>
              <a:gd name="T22" fmla="*/ 0 w 24"/>
              <a:gd name="T23" fmla="*/ 2147483647 h 50"/>
              <a:gd name="T24" fmla="*/ 2147483647 w 24"/>
              <a:gd name="T25" fmla="*/ 2147483647 h 50"/>
              <a:gd name="T26" fmla="*/ 2147483647 w 24"/>
              <a:gd name="T27" fmla="*/ 2147483647 h 50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4" h="50">
                <a:moveTo>
                  <a:pt x="4" y="24"/>
                </a:moveTo>
                <a:lnTo>
                  <a:pt x="12" y="16"/>
                </a:lnTo>
                <a:lnTo>
                  <a:pt x="12" y="4"/>
                </a:lnTo>
                <a:lnTo>
                  <a:pt x="20" y="0"/>
                </a:lnTo>
                <a:lnTo>
                  <a:pt x="24" y="8"/>
                </a:lnTo>
                <a:lnTo>
                  <a:pt x="20" y="16"/>
                </a:lnTo>
                <a:lnTo>
                  <a:pt x="18" y="24"/>
                </a:lnTo>
                <a:lnTo>
                  <a:pt x="12" y="32"/>
                </a:lnTo>
                <a:lnTo>
                  <a:pt x="12" y="44"/>
                </a:lnTo>
                <a:lnTo>
                  <a:pt x="8" y="50"/>
                </a:lnTo>
                <a:lnTo>
                  <a:pt x="0" y="46"/>
                </a:lnTo>
                <a:lnTo>
                  <a:pt x="0" y="38"/>
                </a:lnTo>
                <a:lnTo>
                  <a:pt x="4" y="28"/>
                </a:lnTo>
                <a:lnTo>
                  <a:pt x="4" y="24"/>
                </a:lnTo>
                <a:close/>
              </a:path>
            </a:pathLst>
          </a:custGeom>
          <a:solidFill>
            <a:srgbClr val="FF921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12" name="Freeform 81"/>
          <p:cNvSpPr>
            <a:spLocks/>
          </p:cNvSpPr>
          <p:nvPr/>
        </p:nvSpPr>
        <p:spPr bwMode="auto">
          <a:xfrm>
            <a:off x="5284788" y="2986088"/>
            <a:ext cx="163512" cy="257175"/>
          </a:xfrm>
          <a:custGeom>
            <a:avLst/>
            <a:gdLst>
              <a:gd name="T0" fmla="*/ 2147483647 w 126"/>
              <a:gd name="T1" fmla="*/ 2147483647 h 198"/>
              <a:gd name="T2" fmla="*/ 2147483647 w 126"/>
              <a:gd name="T3" fmla="*/ 2147483647 h 198"/>
              <a:gd name="T4" fmla="*/ 2147483647 w 126"/>
              <a:gd name="T5" fmla="*/ 2147483647 h 198"/>
              <a:gd name="T6" fmla="*/ 2147483647 w 126"/>
              <a:gd name="T7" fmla="*/ 2147483647 h 198"/>
              <a:gd name="T8" fmla="*/ 2147483647 w 126"/>
              <a:gd name="T9" fmla="*/ 2147483647 h 198"/>
              <a:gd name="T10" fmla="*/ 2147483647 w 126"/>
              <a:gd name="T11" fmla="*/ 2147483647 h 198"/>
              <a:gd name="T12" fmla="*/ 2147483647 w 126"/>
              <a:gd name="T13" fmla="*/ 2147483647 h 198"/>
              <a:gd name="T14" fmla="*/ 2147483647 w 126"/>
              <a:gd name="T15" fmla="*/ 2147483647 h 198"/>
              <a:gd name="T16" fmla="*/ 2147483647 w 126"/>
              <a:gd name="T17" fmla="*/ 2147483647 h 198"/>
              <a:gd name="T18" fmla="*/ 2147483647 w 126"/>
              <a:gd name="T19" fmla="*/ 2147483647 h 198"/>
              <a:gd name="T20" fmla="*/ 2147483647 w 126"/>
              <a:gd name="T21" fmla="*/ 2147483647 h 198"/>
              <a:gd name="T22" fmla="*/ 2147483647 w 126"/>
              <a:gd name="T23" fmla="*/ 2147483647 h 198"/>
              <a:gd name="T24" fmla="*/ 2147483647 w 126"/>
              <a:gd name="T25" fmla="*/ 2147483647 h 198"/>
              <a:gd name="T26" fmla="*/ 2147483647 w 126"/>
              <a:gd name="T27" fmla="*/ 2147483647 h 198"/>
              <a:gd name="T28" fmla="*/ 2147483647 w 126"/>
              <a:gd name="T29" fmla="*/ 2147483647 h 198"/>
              <a:gd name="T30" fmla="*/ 2147483647 w 126"/>
              <a:gd name="T31" fmla="*/ 2147483647 h 198"/>
              <a:gd name="T32" fmla="*/ 2147483647 w 126"/>
              <a:gd name="T33" fmla="*/ 0 h 198"/>
              <a:gd name="T34" fmla="*/ 2147483647 w 126"/>
              <a:gd name="T35" fmla="*/ 2147483647 h 198"/>
              <a:gd name="T36" fmla="*/ 2147483647 w 126"/>
              <a:gd name="T37" fmla="*/ 2147483647 h 198"/>
              <a:gd name="T38" fmla="*/ 2147483647 w 126"/>
              <a:gd name="T39" fmla="*/ 2147483647 h 198"/>
              <a:gd name="T40" fmla="*/ 2147483647 w 126"/>
              <a:gd name="T41" fmla="*/ 2147483647 h 198"/>
              <a:gd name="T42" fmla="*/ 2147483647 w 126"/>
              <a:gd name="T43" fmla="*/ 2147483647 h 198"/>
              <a:gd name="T44" fmla="*/ 2147483647 w 126"/>
              <a:gd name="T45" fmla="*/ 2147483647 h 198"/>
              <a:gd name="T46" fmla="*/ 2147483647 w 126"/>
              <a:gd name="T47" fmla="*/ 2147483647 h 198"/>
              <a:gd name="T48" fmla="*/ 2147483647 w 126"/>
              <a:gd name="T49" fmla="*/ 2147483647 h 198"/>
              <a:gd name="T50" fmla="*/ 2147483647 w 126"/>
              <a:gd name="T51" fmla="*/ 2147483647 h 198"/>
              <a:gd name="T52" fmla="*/ 2147483647 w 126"/>
              <a:gd name="T53" fmla="*/ 2147483647 h 198"/>
              <a:gd name="T54" fmla="*/ 2147483647 w 126"/>
              <a:gd name="T55" fmla="*/ 2147483647 h 198"/>
              <a:gd name="T56" fmla="*/ 2147483647 w 126"/>
              <a:gd name="T57" fmla="*/ 2147483647 h 198"/>
              <a:gd name="T58" fmla="*/ 2147483647 w 126"/>
              <a:gd name="T59" fmla="*/ 2147483647 h 198"/>
              <a:gd name="T60" fmla="*/ 2147483647 w 126"/>
              <a:gd name="T61" fmla="*/ 2147483647 h 198"/>
              <a:gd name="T62" fmla="*/ 2147483647 w 126"/>
              <a:gd name="T63" fmla="*/ 2147483647 h 198"/>
              <a:gd name="T64" fmla="*/ 2147483647 w 126"/>
              <a:gd name="T65" fmla="*/ 2147483647 h 198"/>
              <a:gd name="T66" fmla="*/ 2147483647 w 126"/>
              <a:gd name="T67" fmla="*/ 2147483647 h 198"/>
              <a:gd name="T68" fmla="*/ 2147483647 w 126"/>
              <a:gd name="T69" fmla="*/ 2147483647 h 198"/>
              <a:gd name="T70" fmla="*/ 2147483647 w 126"/>
              <a:gd name="T71" fmla="*/ 2147483647 h 198"/>
              <a:gd name="T72" fmla="*/ 2147483647 w 126"/>
              <a:gd name="T73" fmla="*/ 2147483647 h 198"/>
              <a:gd name="T74" fmla="*/ 2147483647 w 126"/>
              <a:gd name="T75" fmla="*/ 2147483647 h 198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0" t="0" r="r" b="b"/>
            <a:pathLst>
              <a:path w="126" h="198">
                <a:moveTo>
                  <a:pt x="14" y="156"/>
                </a:moveTo>
                <a:lnTo>
                  <a:pt x="22" y="154"/>
                </a:lnTo>
                <a:lnTo>
                  <a:pt x="32" y="162"/>
                </a:lnTo>
                <a:lnTo>
                  <a:pt x="44" y="168"/>
                </a:lnTo>
                <a:lnTo>
                  <a:pt x="56" y="160"/>
                </a:lnTo>
                <a:lnTo>
                  <a:pt x="62" y="150"/>
                </a:lnTo>
                <a:lnTo>
                  <a:pt x="68" y="146"/>
                </a:lnTo>
                <a:lnTo>
                  <a:pt x="58" y="140"/>
                </a:lnTo>
                <a:lnTo>
                  <a:pt x="56" y="134"/>
                </a:lnTo>
                <a:lnTo>
                  <a:pt x="58" y="124"/>
                </a:lnTo>
                <a:lnTo>
                  <a:pt x="48" y="122"/>
                </a:lnTo>
                <a:lnTo>
                  <a:pt x="38" y="122"/>
                </a:lnTo>
                <a:lnTo>
                  <a:pt x="24" y="122"/>
                </a:lnTo>
                <a:lnTo>
                  <a:pt x="22" y="112"/>
                </a:lnTo>
                <a:lnTo>
                  <a:pt x="16" y="106"/>
                </a:lnTo>
                <a:lnTo>
                  <a:pt x="14" y="94"/>
                </a:lnTo>
                <a:lnTo>
                  <a:pt x="8" y="90"/>
                </a:lnTo>
                <a:lnTo>
                  <a:pt x="2" y="90"/>
                </a:lnTo>
                <a:lnTo>
                  <a:pt x="0" y="80"/>
                </a:lnTo>
                <a:lnTo>
                  <a:pt x="8" y="68"/>
                </a:lnTo>
                <a:lnTo>
                  <a:pt x="18" y="58"/>
                </a:lnTo>
                <a:lnTo>
                  <a:pt x="28" y="48"/>
                </a:lnTo>
                <a:lnTo>
                  <a:pt x="34" y="34"/>
                </a:lnTo>
                <a:lnTo>
                  <a:pt x="42" y="34"/>
                </a:lnTo>
                <a:lnTo>
                  <a:pt x="50" y="42"/>
                </a:lnTo>
                <a:lnTo>
                  <a:pt x="52" y="48"/>
                </a:lnTo>
                <a:lnTo>
                  <a:pt x="62" y="54"/>
                </a:lnTo>
                <a:lnTo>
                  <a:pt x="78" y="50"/>
                </a:lnTo>
                <a:lnTo>
                  <a:pt x="76" y="38"/>
                </a:lnTo>
                <a:lnTo>
                  <a:pt x="70" y="28"/>
                </a:lnTo>
                <a:lnTo>
                  <a:pt x="66" y="18"/>
                </a:lnTo>
                <a:lnTo>
                  <a:pt x="76" y="12"/>
                </a:lnTo>
                <a:lnTo>
                  <a:pt x="84" y="2"/>
                </a:lnTo>
                <a:lnTo>
                  <a:pt x="94" y="0"/>
                </a:lnTo>
                <a:lnTo>
                  <a:pt x="106" y="4"/>
                </a:lnTo>
                <a:lnTo>
                  <a:pt x="116" y="8"/>
                </a:lnTo>
                <a:lnTo>
                  <a:pt x="114" y="20"/>
                </a:lnTo>
                <a:lnTo>
                  <a:pt x="114" y="32"/>
                </a:lnTo>
                <a:lnTo>
                  <a:pt x="120" y="40"/>
                </a:lnTo>
                <a:lnTo>
                  <a:pt x="122" y="50"/>
                </a:lnTo>
                <a:lnTo>
                  <a:pt x="126" y="62"/>
                </a:lnTo>
                <a:lnTo>
                  <a:pt x="116" y="66"/>
                </a:lnTo>
                <a:lnTo>
                  <a:pt x="108" y="66"/>
                </a:lnTo>
                <a:lnTo>
                  <a:pt x="90" y="76"/>
                </a:lnTo>
                <a:lnTo>
                  <a:pt x="88" y="84"/>
                </a:lnTo>
                <a:lnTo>
                  <a:pt x="94" y="92"/>
                </a:lnTo>
                <a:lnTo>
                  <a:pt x="102" y="92"/>
                </a:lnTo>
                <a:lnTo>
                  <a:pt x="108" y="98"/>
                </a:lnTo>
                <a:lnTo>
                  <a:pt x="110" y="108"/>
                </a:lnTo>
                <a:lnTo>
                  <a:pt x="104" y="112"/>
                </a:lnTo>
                <a:lnTo>
                  <a:pt x="86" y="120"/>
                </a:lnTo>
                <a:lnTo>
                  <a:pt x="84" y="130"/>
                </a:lnTo>
                <a:lnTo>
                  <a:pt x="94" y="142"/>
                </a:lnTo>
                <a:lnTo>
                  <a:pt x="106" y="142"/>
                </a:lnTo>
                <a:lnTo>
                  <a:pt x="118" y="142"/>
                </a:lnTo>
                <a:lnTo>
                  <a:pt x="120" y="152"/>
                </a:lnTo>
                <a:lnTo>
                  <a:pt x="110" y="154"/>
                </a:lnTo>
                <a:lnTo>
                  <a:pt x="98" y="154"/>
                </a:lnTo>
                <a:lnTo>
                  <a:pt x="90" y="162"/>
                </a:lnTo>
                <a:lnTo>
                  <a:pt x="88" y="172"/>
                </a:lnTo>
                <a:lnTo>
                  <a:pt x="82" y="178"/>
                </a:lnTo>
                <a:lnTo>
                  <a:pt x="78" y="186"/>
                </a:lnTo>
                <a:lnTo>
                  <a:pt x="78" y="198"/>
                </a:lnTo>
                <a:lnTo>
                  <a:pt x="68" y="192"/>
                </a:lnTo>
                <a:lnTo>
                  <a:pt x="64" y="190"/>
                </a:lnTo>
                <a:lnTo>
                  <a:pt x="64" y="192"/>
                </a:lnTo>
                <a:lnTo>
                  <a:pt x="62" y="194"/>
                </a:lnTo>
                <a:lnTo>
                  <a:pt x="60" y="194"/>
                </a:lnTo>
                <a:lnTo>
                  <a:pt x="50" y="190"/>
                </a:lnTo>
                <a:lnTo>
                  <a:pt x="42" y="194"/>
                </a:lnTo>
                <a:lnTo>
                  <a:pt x="32" y="194"/>
                </a:lnTo>
                <a:lnTo>
                  <a:pt x="24" y="186"/>
                </a:lnTo>
                <a:lnTo>
                  <a:pt x="18" y="182"/>
                </a:lnTo>
                <a:lnTo>
                  <a:pt x="8" y="178"/>
                </a:lnTo>
                <a:lnTo>
                  <a:pt x="6" y="164"/>
                </a:lnTo>
                <a:lnTo>
                  <a:pt x="8" y="158"/>
                </a:lnTo>
                <a:lnTo>
                  <a:pt x="14" y="156"/>
                </a:lnTo>
                <a:close/>
              </a:path>
            </a:pathLst>
          </a:custGeom>
          <a:solidFill>
            <a:srgbClr val="FFCC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13" name="Freeform 82"/>
          <p:cNvSpPr>
            <a:spLocks/>
          </p:cNvSpPr>
          <p:nvPr/>
        </p:nvSpPr>
        <p:spPr bwMode="auto">
          <a:xfrm>
            <a:off x="5502275" y="3222625"/>
            <a:ext cx="61913" cy="79375"/>
          </a:xfrm>
          <a:custGeom>
            <a:avLst/>
            <a:gdLst>
              <a:gd name="T0" fmla="*/ 0 w 48"/>
              <a:gd name="T1" fmla="*/ 2147483647 h 62"/>
              <a:gd name="T2" fmla="*/ 2147483647 w 48"/>
              <a:gd name="T3" fmla="*/ 2147483647 h 62"/>
              <a:gd name="T4" fmla="*/ 2147483647 w 48"/>
              <a:gd name="T5" fmla="*/ 2147483647 h 62"/>
              <a:gd name="T6" fmla="*/ 2147483647 w 48"/>
              <a:gd name="T7" fmla="*/ 2147483647 h 62"/>
              <a:gd name="T8" fmla="*/ 2147483647 w 48"/>
              <a:gd name="T9" fmla="*/ 2147483647 h 62"/>
              <a:gd name="T10" fmla="*/ 2147483647 w 48"/>
              <a:gd name="T11" fmla="*/ 2147483647 h 62"/>
              <a:gd name="T12" fmla="*/ 2147483647 w 48"/>
              <a:gd name="T13" fmla="*/ 2147483647 h 62"/>
              <a:gd name="T14" fmla="*/ 2147483647 w 48"/>
              <a:gd name="T15" fmla="*/ 2147483647 h 62"/>
              <a:gd name="T16" fmla="*/ 2147483647 w 48"/>
              <a:gd name="T17" fmla="*/ 2147483647 h 62"/>
              <a:gd name="T18" fmla="*/ 2147483647 w 48"/>
              <a:gd name="T19" fmla="*/ 2147483647 h 62"/>
              <a:gd name="T20" fmla="*/ 2147483647 w 48"/>
              <a:gd name="T21" fmla="*/ 2147483647 h 62"/>
              <a:gd name="T22" fmla="*/ 2147483647 w 48"/>
              <a:gd name="T23" fmla="*/ 2147483647 h 62"/>
              <a:gd name="T24" fmla="*/ 2147483647 w 48"/>
              <a:gd name="T25" fmla="*/ 0 h 62"/>
              <a:gd name="T26" fmla="*/ 2147483647 w 48"/>
              <a:gd name="T27" fmla="*/ 2147483647 h 62"/>
              <a:gd name="T28" fmla="*/ 2147483647 w 48"/>
              <a:gd name="T29" fmla="*/ 2147483647 h 62"/>
              <a:gd name="T30" fmla="*/ 2147483647 w 48"/>
              <a:gd name="T31" fmla="*/ 2147483647 h 62"/>
              <a:gd name="T32" fmla="*/ 2147483647 w 48"/>
              <a:gd name="T33" fmla="*/ 2147483647 h 62"/>
              <a:gd name="T34" fmla="*/ 2147483647 w 48"/>
              <a:gd name="T35" fmla="*/ 2147483647 h 62"/>
              <a:gd name="T36" fmla="*/ 2147483647 w 48"/>
              <a:gd name="T37" fmla="*/ 2147483647 h 62"/>
              <a:gd name="T38" fmla="*/ 2147483647 w 48"/>
              <a:gd name="T39" fmla="*/ 2147483647 h 62"/>
              <a:gd name="T40" fmla="*/ 2147483647 w 48"/>
              <a:gd name="T41" fmla="*/ 2147483647 h 62"/>
              <a:gd name="T42" fmla="*/ 2147483647 w 48"/>
              <a:gd name="T43" fmla="*/ 2147483647 h 62"/>
              <a:gd name="T44" fmla="*/ 2147483647 w 48"/>
              <a:gd name="T45" fmla="*/ 2147483647 h 62"/>
              <a:gd name="T46" fmla="*/ 2147483647 w 48"/>
              <a:gd name="T47" fmla="*/ 2147483647 h 62"/>
              <a:gd name="T48" fmla="*/ 2147483647 w 48"/>
              <a:gd name="T49" fmla="*/ 2147483647 h 62"/>
              <a:gd name="T50" fmla="*/ 2147483647 w 48"/>
              <a:gd name="T51" fmla="*/ 2147483647 h 62"/>
              <a:gd name="T52" fmla="*/ 2147483647 w 48"/>
              <a:gd name="T53" fmla="*/ 2147483647 h 62"/>
              <a:gd name="T54" fmla="*/ 2147483647 w 48"/>
              <a:gd name="T55" fmla="*/ 2147483647 h 62"/>
              <a:gd name="T56" fmla="*/ 2147483647 w 48"/>
              <a:gd name="T57" fmla="*/ 2147483647 h 62"/>
              <a:gd name="T58" fmla="*/ 2147483647 w 48"/>
              <a:gd name="T59" fmla="*/ 2147483647 h 62"/>
              <a:gd name="T60" fmla="*/ 2147483647 w 48"/>
              <a:gd name="T61" fmla="*/ 2147483647 h 62"/>
              <a:gd name="T62" fmla="*/ 2147483647 w 48"/>
              <a:gd name="T63" fmla="*/ 2147483647 h 62"/>
              <a:gd name="T64" fmla="*/ 0 w 48"/>
              <a:gd name="T65" fmla="*/ 2147483647 h 62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0" t="0" r="r" b="b"/>
            <a:pathLst>
              <a:path w="48" h="62">
                <a:moveTo>
                  <a:pt x="0" y="42"/>
                </a:moveTo>
                <a:lnTo>
                  <a:pt x="4" y="38"/>
                </a:lnTo>
                <a:lnTo>
                  <a:pt x="2" y="24"/>
                </a:lnTo>
                <a:lnTo>
                  <a:pt x="8" y="22"/>
                </a:lnTo>
                <a:lnTo>
                  <a:pt x="14" y="24"/>
                </a:lnTo>
                <a:lnTo>
                  <a:pt x="22" y="28"/>
                </a:lnTo>
                <a:lnTo>
                  <a:pt x="22" y="20"/>
                </a:lnTo>
                <a:lnTo>
                  <a:pt x="18" y="16"/>
                </a:lnTo>
                <a:lnTo>
                  <a:pt x="10" y="18"/>
                </a:lnTo>
                <a:lnTo>
                  <a:pt x="4" y="12"/>
                </a:lnTo>
                <a:lnTo>
                  <a:pt x="4" y="8"/>
                </a:lnTo>
                <a:lnTo>
                  <a:pt x="8" y="2"/>
                </a:lnTo>
                <a:lnTo>
                  <a:pt x="14" y="0"/>
                </a:lnTo>
                <a:lnTo>
                  <a:pt x="18" y="4"/>
                </a:lnTo>
                <a:lnTo>
                  <a:pt x="22" y="14"/>
                </a:lnTo>
                <a:lnTo>
                  <a:pt x="26" y="16"/>
                </a:lnTo>
                <a:lnTo>
                  <a:pt x="28" y="14"/>
                </a:lnTo>
                <a:lnTo>
                  <a:pt x="34" y="14"/>
                </a:lnTo>
                <a:lnTo>
                  <a:pt x="38" y="18"/>
                </a:lnTo>
                <a:lnTo>
                  <a:pt x="40" y="22"/>
                </a:lnTo>
                <a:lnTo>
                  <a:pt x="36" y="26"/>
                </a:lnTo>
                <a:lnTo>
                  <a:pt x="32" y="32"/>
                </a:lnTo>
                <a:lnTo>
                  <a:pt x="36" y="36"/>
                </a:lnTo>
                <a:lnTo>
                  <a:pt x="42" y="40"/>
                </a:lnTo>
                <a:lnTo>
                  <a:pt x="48" y="50"/>
                </a:lnTo>
                <a:lnTo>
                  <a:pt x="42" y="52"/>
                </a:lnTo>
                <a:lnTo>
                  <a:pt x="28" y="50"/>
                </a:lnTo>
                <a:lnTo>
                  <a:pt x="26" y="48"/>
                </a:lnTo>
                <a:lnTo>
                  <a:pt x="20" y="50"/>
                </a:lnTo>
                <a:lnTo>
                  <a:pt x="20" y="58"/>
                </a:lnTo>
                <a:lnTo>
                  <a:pt x="14" y="62"/>
                </a:lnTo>
                <a:lnTo>
                  <a:pt x="2" y="56"/>
                </a:lnTo>
                <a:lnTo>
                  <a:pt x="0" y="4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14" name="Freeform 83"/>
          <p:cNvSpPr>
            <a:spLocks/>
          </p:cNvSpPr>
          <p:nvPr/>
        </p:nvSpPr>
        <p:spPr bwMode="auto">
          <a:xfrm>
            <a:off x="5641975" y="3121025"/>
            <a:ext cx="47625" cy="39688"/>
          </a:xfrm>
          <a:custGeom>
            <a:avLst/>
            <a:gdLst>
              <a:gd name="T0" fmla="*/ 2147483647 w 36"/>
              <a:gd name="T1" fmla="*/ 0 h 30"/>
              <a:gd name="T2" fmla="*/ 2147483647 w 36"/>
              <a:gd name="T3" fmla="*/ 0 h 30"/>
              <a:gd name="T4" fmla="*/ 2147483647 w 36"/>
              <a:gd name="T5" fmla="*/ 2147483647 h 30"/>
              <a:gd name="T6" fmla="*/ 2147483647 w 36"/>
              <a:gd name="T7" fmla="*/ 2147483647 h 30"/>
              <a:gd name="T8" fmla="*/ 2147483647 w 36"/>
              <a:gd name="T9" fmla="*/ 2147483647 h 30"/>
              <a:gd name="T10" fmla="*/ 2147483647 w 36"/>
              <a:gd name="T11" fmla="*/ 2147483647 h 30"/>
              <a:gd name="T12" fmla="*/ 2147483647 w 36"/>
              <a:gd name="T13" fmla="*/ 2147483647 h 30"/>
              <a:gd name="T14" fmla="*/ 2147483647 w 36"/>
              <a:gd name="T15" fmla="*/ 2147483647 h 30"/>
              <a:gd name="T16" fmla="*/ 2147483647 w 36"/>
              <a:gd name="T17" fmla="*/ 2147483647 h 30"/>
              <a:gd name="T18" fmla="*/ 0 w 36"/>
              <a:gd name="T19" fmla="*/ 2147483647 h 30"/>
              <a:gd name="T20" fmla="*/ 0 w 36"/>
              <a:gd name="T21" fmla="*/ 2147483647 h 30"/>
              <a:gd name="T22" fmla="*/ 2147483647 w 36"/>
              <a:gd name="T23" fmla="*/ 0 h 30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0" t="0" r="r" b="b"/>
            <a:pathLst>
              <a:path w="36" h="30">
                <a:moveTo>
                  <a:pt x="4" y="0"/>
                </a:moveTo>
                <a:lnTo>
                  <a:pt x="12" y="0"/>
                </a:lnTo>
                <a:lnTo>
                  <a:pt x="26" y="8"/>
                </a:lnTo>
                <a:lnTo>
                  <a:pt x="34" y="14"/>
                </a:lnTo>
                <a:lnTo>
                  <a:pt x="36" y="22"/>
                </a:lnTo>
                <a:lnTo>
                  <a:pt x="28" y="28"/>
                </a:lnTo>
                <a:lnTo>
                  <a:pt x="18" y="30"/>
                </a:lnTo>
                <a:lnTo>
                  <a:pt x="12" y="24"/>
                </a:lnTo>
                <a:lnTo>
                  <a:pt x="6" y="26"/>
                </a:lnTo>
                <a:lnTo>
                  <a:pt x="0" y="18"/>
                </a:lnTo>
                <a:lnTo>
                  <a:pt x="0" y="6"/>
                </a:lnTo>
                <a:lnTo>
                  <a:pt x="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15" name="Freeform 84"/>
          <p:cNvSpPr>
            <a:spLocks/>
          </p:cNvSpPr>
          <p:nvPr/>
        </p:nvSpPr>
        <p:spPr bwMode="auto">
          <a:xfrm>
            <a:off x="5238750" y="3017838"/>
            <a:ext cx="17463" cy="36512"/>
          </a:xfrm>
          <a:custGeom>
            <a:avLst/>
            <a:gdLst>
              <a:gd name="T0" fmla="*/ 2147483647 w 14"/>
              <a:gd name="T1" fmla="*/ 0 h 28"/>
              <a:gd name="T2" fmla="*/ 2147483647 w 14"/>
              <a:gd name="T3" fmla="*/ 2147483647 h 28"/>
              <a:gd name="T4" fmla="*/ 2147483647 w 14"/>
              <a:gd name="T5" fmla="*/ 2147483647 h 28"/>
              <a:gd name="T6" fmla="*/ 2147483647 w 14"/>
              <a:gd name="T7" fmla="*/ 2147483647 h 28"/>
              <a:gd name="T8" fmla="*/ 2147483647 w 14"/>
              <a:gd name="T9" fmla="*/ 2147483647 h 28"/>
              <a:gd name="T10" fmla="*/ 2147483647 w 14"/>
              <a:gd name="T11" fmla="*/ 2147483647 h 28"/>
              <a:gd name="T12" fmla="*/ 0 w 14"/>
              <a:gd name="T13" fmla="*/ 2147483647 h 28"/>
              <a:gd name="T14" fmla="*/ 0 w 14"/>
              <a:gd name="T15" fmla="*/ 2147483647 h 28"/>
              <a:gd name="T16" fmla="*/ 2147483647 w 14"/>
              <a:gd name="T17" fmla="*/ 2147483647 h 28"/>
              <a:gd name="T18" fmla="*/ 2147483647 w 14"/>
              <a:gd name="T19" fmla="*/ 2147483647 h 28"/>
              <a:gd name="T20" fmla="*/ 2147483647 w 14"/>
              <a:gd name="T21" fmla="*/ 0 h 2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4" h="28">
                <a:moveTo>
                  <a:pt x="4" y="0"/>
                </a:moveTo>
                <a:lnTo>
                  <a:pt x="10" y="4"/>
                </a:lnTo>
                <a:lnTo>
                  <a:pt x="14" y="10"/>
                </a:lnTo>
                <a:lnTo>
                  <a:pt x="14" y="16"/>
                </a:lnTo>
                <a:lnTo>
                  <a:pt x="12" y="24"/>
                </a:lnTo>
                <a:lnTo>
                  <a:pt x="8" y="28"/>
                </a:lnTo>
                <a:lnTo>
                  <a:pt x="0" y="24"/>
                </a:lnTo>
                <a:lnTo>
                  <a:pt x="0" y="14"/>
                </a:lnTo>
                <a:lnTo>
                  <a:pt x="4" y="8"/>
                </a:lnTo>
                <a:lnTo>
                  <a:pt x="2" y="4"/>
                </a:lnTo>
                <a:lnTo>
                  <a:pt x="4" y="0"/>
                </a:lnTo>
                <a:close/>
              </a:path>
            </a:pathLst>
          </a:custGeom>
          <a:solidFill>
            <a:srgbClr val="FF921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1916" name="Group 85"/>
          <p:cNvGrpSpPr>
            <a:grpSpLocks/>
          </p:cNvGrpSpPr>
          <p:nvPr/>
        </p:nvGrpSpPr>
        <p:grpSpPr bwMode="auto">
          <a:xfrm>
            <a:off x="4495800" y="3435350"/>
            <a:ext cx="414338" cy="441325"/>
            <a:chOff x="1672" y="2924"/>
            <a:chExt cx="320" cy="340"/>
          </a:xfrm>
        </p:grpSpPr>
        <p:sp>
          <p:nvSpPr>
            <p:cNvPr id="121987" name="Freeform 86"/>
            <p:cNvSpPr>
              <a:spLocks/>
            </p:cNvSpPr>
            <p:nvPr/>
          </p:nvSpPr>
          <p:spPr bwMode="auto">
            <a:xfrm>
              <a:off x="1672" y="2924"/>
              <a:ext cx="320" cy="340"/>
            </a:xfrm>
            <a:custGeom>
              <a:avLst/>
              <a:gdLst>
                <a:gd name="T0" fmla="*/ 18 w 320"/>
                <a:gd name="T1" fmla="*/ 244 h 340"/>
                <a:gd name="T2" fmla="*/ 48 w 320"/>
                <a:gd name="T3" fmla="*/ 252 h 340"/>
                <a:gd name="T4" fmla="*/ 74 w 320"/>
                <a:gd name="T5" fmla="*/ 238 h 340"/>
                <a:gd name="T6" fmla="*/ 66 w 320"/>
                <a:gd name="T7" fmla="*/ 222 h 340"/>
                <a:gd name="T8" fmla="*/ 42 w 320"/>
                <a:gd name="T9" fmla="*/ 214 h 340"/>
                <a:gd name="T10" fmla="*/ 44 w 320"/>
                <a:gd name="T11" fmla="*/ 204 h 340"/>
                <a:gd name="T12" fmla="*/ 74 w 320"/>
                <a:gd name="T13" fmla="*/ 216 h 340"/>
                <a:gd name="T14" fmla="*/ 80 w 320"/>
                <a:gd name="T15" fmla="*/ 206 h 340"/>
                <a:gd name="T16" fmla="*/ 62 w 320"/>
                <a:gd name="T17" fmla="*/ 178 h 340"/>
                <a:gd name="T18" fmla="*/ 92 w 320"/>
                <a:gd name="T19" fmla="*/ 148 h 340"/>
                <a:gd name="T20" fmla="*/ 112 w 320"/>
                <a:gd name="T21" fmla="*/ 100 h 340"/>
                <a:gd name="T22" fmla="*/ 126 w 320"/>
                <a:gd name="T23" fmla="*/ 68 h 340"/>
                <a:gd name="T24" fmla="*/ 138 w 320"/>
                <a:gd name="T25" fmla="*/ 60 h 340"/>
                <a:gd name="T26" fmla="*/ 150 w 320"/>
                <a:gd name="T27" fmla="*/ 58 h 340"/>
                <a:gd name="T28" fmla="*/ 156 w 320"/>
                <a:gd name="T29" fmla="*/ 74 h 340"/>
                <a:gd name="T30" fmla="*/ 166 w 320"/>
                <a:gd name="T31" fmla="*/ 92 h 340"/>
                <a:gd name="T32" fmla="*/ 148 w 320"/>
                <a:gd name="T33" fmla="*/ 102 h 340"/>
                <a:gd name="T34" fmla="*/ 148 w 320"/>
                <a:gd name="T35" fmla="*/ 128 h 340"/>
                <a:gd name="T36" fmla="*/ 176 w 320"/>
                <a:gd name="T37" fmla="*/ 116 h 340"/>
                <a:gd name="T38" fmla="*/ 198 w 320"/>
                <a:gd name="T39" fmla="*/ 92 h 340"/>
                <a:gd name="T40" fmla="*/ 188 w 320"/>
                <a:gd name="T41" fmla="*/ 62 h 340"/>
                <a:gd name="T42" fmla="*/ 180 w 320"/>
                <a:gd name="T43" fmla="*/ 38 h 340"/>
                <a:gd name="T44" fmla="*/ 224 w 320"/>
                <a:gd name="T45" fmla="*/ 6 h 340"/>
                <a:gd name="T46" fmla="*/ 278 w 320"/>
                <a:gd name="T47" fmla="*/ 0 h 340"/>
                <a:gd name="T48" fmla="*/ 312 w 320"/>
                <a:gd name="T49" fmla="*/ 22 h 340"/>
                <a:gd name="T50" fmla="*/ 308 w 320"/>
                <a:gd name="T51" fmla="*/ 80 h 340"/>
                <a:gd name="T52" fmla="*/ 278 w 320"/>
                <a:gd name="T53" fmla="*/ 124 h 340"/>
                <a:gd name="T54" fmla="*/ 288 w 320"/>
                <a:gd name="T55" fmla="*/ 172 h 340"/>
                <a:gd name="T56" fmla="*/ 280 w 320"/>
                <a:gd name="T57" fmla="*/ 198 h 340"/>
                <a:gd name="T58" fmla="*/ 218 w 320"/>
                <a:gd name="T59" fmla="*/ 202 h 340"/>
                <a:gd name="T60" fmla="*/ 232 w 320"/>
                <a:gd name="T61" fmla="*/ 268 h 340"/>
                <a:gd name="T62" fmla="*/ 204 w 320"/>
                <a:gd name="T63" fmla="*/ 306 h 340"/>
                <a:gd name="T64" fmla="*/ 212 w 320"/>
                <a:gd name="T65" fmla="*/ 340 h 340"/>
                <a:gd name="T66" fmla="*/ 182 w 320"/>
                <a:gd name="T67" fmla="*/ 332 h 340"/>
                <a:gd name="T68" fmla="*/ 194 w 320"/>
                <a:gd name="T69" fmla="*/ 314 h 340"/>
                <a:gd name="T70" fmla="*/ 202 w 320"/>
                <a:gd name="T71" fmla="*/ 292 h 340"/>
                <a:gd name="T72" fmla="*/ 182 w 320"/>
                <a:gd name="T73" fmla="*/ 284 h 340"/>
                <a:gd name="T74" fmla="*/ 150 w 320"/>
                <a:gd name="T75" fmla="*/ 274 h 340"/>
                <a:gd name="T76" fmla="*/ 140 w 320"/>
                <a:gd name="T77" fmla="*/ 258 h 340"/>
                <a:gd name="T78" fmla="*/ 134 w 320"/>
                <a:gd name="T79" fmla="*/ 246 h 340"/>
                <a:gd name="T80" fmla="*/ 122 w 320"/>
                <a:gd name="T81" fmla="*/ 252 h 340"/>
                <a:gd name="T82" fmla="*/ 112 w 320"/>
                <a:gd name="T83" fmla="*/ 242 h 340"/>
                <a:gd name="T84" fmla="*/ 102 w 320"/>
                <a:gd name="T85" fmla="*/ 242 h 340"/>
                <a:gd name="T86" fmla="*/ 86 w 320"/>
                <a:gd name="T87" fmla="*/ 256 h 340"/>
                <a:gd name="T88" fmla="*/ 64 w 320"/>
                <a:gd name="T89" fmla="*/ 264 h 340"/>
                <a:gd name="T90" fmla="*/ 38 w 320"/>
                <a:gd name="T91" fmla="*/ 270 h 340"/>
                <a:gd name="T92" fmla="*/ 14 w 320"/>
                <a:gd name="T93" fmla="*/ 264 h 340"/>
                <a:gd name="T94" fmla="*/ 0 w 320"/>
                <a:gd name="T95" fmla="*/ 252 h 340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0" t="0" r="r" b="b"/>
              <a:pathLst>
                <a:path w="320" h="340">
                  <a:moveTo>
                    <a:pt x="0" y="252"/>
                  </a:moveTo>
                  <a:lnTo>
                    <a:pt x="8" y="246"/>
                  </a:lnTo>
                  <a:lnTo>
                    <a:pt x="18" y="244"/>
                  </a:lnTo>
                  <a:lnTo>
                    <a:pt x="24" y="250"/>
                  </a:lnTo>
                  <a:lnTo>
                    <a:pt x="36" y="252"/>
                  </a:lnTo>
                  <a:lnTo>
                    <a:pt x="48" y="252"/>
                  </a:lnTo>
                  <a:lnTo>
                    <a:pt x="64" y="254"/>
                  </a:lnTo>
                  <a:lnTo>
                    <a:pt x="72" y="244"/>
                  </a:lnTo>
                  <a:lnTo>
                    <a:pt x="74" y="238"/>
                  </a:lnTo>
                  <a:lnTo>
                    <a:pt x="66" y="232"/>
                  </a:lnTo>
                  <a:lnTo>
                    <a:pt x="62" y="226"/>
                  </a:lnTo>
                  <a:lnTo>
                    <a:pt x="66" y="222"/>
                  </a:lnTo>
                  <a:lnTo>
                    <a:pt x="56" y="220"/>
                  </a:lnTo>
                  <a:lnTo>
                    <a:pt x="48" y="218"/>
                  </a:lnTo>
                  <a:lnTo>
                    <a:pt x="42" y="214"/>
                  </a:lnTo>
                  <a:lnTo>
                    <a:pt x="32" y="214"/>
                  </a:lnTo>
                  <a:lnTo>
                    <a:pt x="34" y="204"/>
                  </a:lnTo>
                  <a:lnTo>
                    <a:pt x="44" y="204"/>
                  </a:lnTo>
                  <a:lnTo>
                    <a:pt x="56" y="208"/>
                  </a:lnTo>
                  <a:lnTo>
                    <a:pt x="66" y="212"/>
                  </a:lnTo>
                  <a:lnTo>
                    <a:pt x="74" y="216"/>
                  </a:lnTo>
                  <a:lnTo>
                    <a:pt x="86" y="214"/>
                  </a:lnTo>
                  <a:lnTo>
                    <a:pt x="92" y="210"/>
                  </a:lnTo>
                  <a:lnTo>
                    <a:pt x="80" y="206"/>
                  </a:lnTo>
                  <a:lnTo>
                    <a:pt x="70" y="198"/>
                  </a:lnTo>
                  <a:lnTo>
                    <a:pt x="62" y="192"/>
                  </a:lnTo>
                  <a:lnTo>
                    <a:pt x="62" y="178"/>
                  </a:lnTo>
                  <a:lnTo>
                    <a:pt x="70" y="174"/>
                  </a:lnTo>
                  <a:lnTo>
                    <a:pt x="78" y="162"/>
                  </a:lnTo>
                  <a:lnTo>
                    <a:pt x="92" y="148"/>
                  </a:lnTo>
                  <a:lnTo>
                    <a:pt x="104" y="126"/>
                  </a:lnTo>
                  <a:lnTo>
                    <a:pt x="110" y="114"/>
                  </a:lnTo>
                  <a:lnTo>
                    <a:pt x="112" y="100"/>
                  </a:lnTo>
                  <a:lnTo>
                    <a:pt x="120" y="90"/>
                  </a:lnTo>
                  <a:lnTo>
                    <a:pt x="118" y="78"/>
                  </a:lnTo>
                  <a:lnTo>
                    <a:pt x="126" y="68"/>
                  </a:lnTo>
                  <a:lnTo>
                    <a:pt x="126" y="58"/>
                  </a:lnTo>
                  <a:lnTo>
                    <a:pt x="134" y="56"/>
                  </a:lnTo>
                  <a:lnTo>
                    <a:pt x="138" y="60"/>
                  </a:lnTo>
                  <a:lnTo>
                    <a:pt x="142" y="62"/>
                  </a:lnTo>
                  <a:lnTo>
                    <a:pt x="146" y="62"/>
                  </a:lnTo>
                  <a:lnTo>
                    <a:pt x="150" y="58"/>
                  </a:lnTo>
                  <a:lnTo>
                    <a:pt x="154" y="56"/>
                  </a:lnTo>
                  <a:lnTo>
                    <a:pt x="154" y="64"/>
                  </a:lnTo>
                  <a:lnTo>
                    <a:pt x="156" y="74"/>
                  </a:lnTo>
                  <a:lnTo>
                    <a:pt x="164" y="82"/>
                  </a:lnTo>
                  <a:lnTo>
                    <a:pt x="170" y="88"/>
                  </a:lnTo>
                  <a:lnTo>
                    <a:pt x="166" y="92"/>
                  </a:lnTo>
                  <a:lnTo>
                    <a:pt x="160" y="100"/>
                  </a:lnTo>
                  <a:lnTo>
                    <a:pt x="152" y="100"/>
                  </a:lnTo>
                  <a:lnTo>
                    <a:pt x="148" y="102"/>
                  </a:lnTo>
                  <a:lnTo>
                    <a:pt x="150" y="110"/>
                  </a:lnTo>
                  <a:lnTo>
                    <a:pt x="150" y="116"/>
                  </a:lnTo>
                  <a:lnTo>
                    <a:pt x="148" y="128"/>
                  </a:lnTo>
                  <a:lnTo>
                    <a:pt x="154" y="130"/>
                  </a:lnTo>
                  <a:lnTo>
                    <a:pt x="162" y="122"/>
                  </a:lnTo>
                  <a:lnTo>
                    <a:pt x="176" y="116"/>
                  </a:lnTo>
                  <a:lnTo>
                    <a:pt x="184" y="106"/>
                  </a:lnTo>
                  <a:lnTo>
                    <a:pt x="192" y="102"/>
                  </a:lnTo>
                  <a:lnTo>
                    <a:pt x="198" y="92"/>
                  </a:lnTo>
                  <a:lnTo>
                    <a:pt x="196" y="80"/>
                  </a:lnTo>
                  <a:lnTo>
                    <a:pt x="196" y="72"/>
                  </a:lnTo>
                  <a:lnTo>
                    <a:pt x="188" y="62"/>
                  </a:lnTo>
                  <a:lnTo>
                    <a:pt x="180" y="52"/>
                  </a:lnTo>
                  <a:lnTo>
                    <a:pt x="166" y="44"/>
                  </a:lnTo>
                  <a:lnTo>
                    <a:pt x="180" y="38"/>
                  </a:lnTo>
                  <a:lnTo>
                    <a:pt x="184" y="22"/>
                  </a:lnTo>
                  <a:lnTo>
                    <a:pt x="198" y="14"/>
                  </a:lnTo>
                  <a:lnTo>
                    <a:pt x="224" y="6"/>
                  </a:lnTo>
                  <a:lnTo>
                    <a:pt x="242" y="2"/>
                  </a:lnTo>
                  <a:lnTo>
                    <a:pt x="260" y="2"/>
                  </a:lnTo>
                  <a:lnTo>
                    <a:pt x="278" y="0"/>
                  </a:lnTo>
                  <a:lnTo>
                    <a:pt x="292" y="0"/>
                  </a:lnTo>
                  <a:lnTo>
                    <a:pt x="298" y="12"/>
                  </a:lnTo>
                  <a:lnTo>
                    <a:pt x="312" y="22"/>
                  </a:lnTo>
                  <a:lnTo>
                    <a:pt x="320" y="28"/>
                  </a:lnTo>
                  <a:lnTo>
                    <a:pt x="320" y="64"/>
                  </a:lnTo>
                  <a:lnTo>
                    <a:pt x="308" y="80"/>
                  </a:lnTo>
                  <a:lnTo>
                    <a:pt x="306" y="102"/>
                  </a:lnTo>
                  <a:lnTo>
                    <a:pt x="284" y="102"/>
                  </a:lnTo>
                  <a:lnTo>
                    <a:pt x="278" y="124"/>
                  </a:lnTo>
                  <a:lnTo>
                    <a:pt x="304" y="134"/>
                  </a:lnTo>
                  <a:lnTo>
                    <a:pt x="300" y="154"/>
                  </a:lnTo>
                  <a:lnTo>
                    <a:pt x="288" y="172"/>
                  </a:lnTo>
                  <a:lnTo>
                    <a:pt x="276" y="176"/>
                  </a:lnTo>
                  <a:lnTo>
                    <a:pt x="286" y="190"/>
                  </a:lnTo>
                  <a:lnTo>
                    <a:pt x="280" y="198"/>
                  </a:lnTo>
                  <a:lnTo>
                    <a:pt x="262" y="200"/>
                  </a:lnTo>
                  <a:lnTo>
                    <a:pt x="230" y="198"/>
                  </a:lnTo>
                  <a:lnTo>
                    <a:pt x="218" y="202"/>
                  </a:lnTo>
                  <a:lnTo>
                    <a:pt x="222" y="230"/>
                  </a:lnTo>
                  <a:lnTo>
                    <a:pt x="232" y="242"/>
                  </a:lnTo>
                  <a:lnTo>
                    <a:pt x="232" y="268"/>
                  </a:lnTo>
                  <a:lnTo>
                    <a:pt x="220" y="282"/>
                  </a:lnTo>
                  <a:lnTo>
                    <a:pt x="224" y="294"/>
                  </a:lnTo>
                  <a:lnTo>
                    <a:pt x="204" y="306"/>
                  </a:lnTo>
                  <a:lnTo>
                    <a:pt x="208" y="314"/>
                  </a:lnTo>
                  <a:lnTo>
                    <a:pt x="216" y="324"/>
                  </a:lnTo>
                  <a:lnTo>
                    <a:pt x="212" y="340"/>
                  </a:lnTo>
                  <a:lnTo>
                    <a:pt x="200" y="340"/>
                  </a:lnTo>
                  <a:lnTo>
                    <a:pt x="188" y="340"/>
                  </a:lnTo>
                  <a:lnTo>
                    <a:pt x="182" y="332"/>
                  </a:lnTo>
                  <a:lnTo>
                    <a:pt x="182" y="326"/>
                  </a:lnTo>
                  <a:lnTo>
                    <a:pt x="190" y="320"/>
                  </a:lnTo>
                  <a:lnTo>
                    <a:pt x="194" y="314"/>
                  </a:lnTo>
                  <a:lnTo>
                    <a:pt x="194" y="302"/>
                  </a:lnTo>
                  <a:lnTo>
                    <a:pt x="202" y="300"/>
                  </a:lnTo>
                  <a:lnTo>
                    <a:pt x="202" y="292"/>
                  </a:lnTo>
                  <a:lnTo>
                    <a:pt x="200" y="288"/>
                  </a:lnTo>
                  <a:lnTo>
                    <a:pt x="194" y="286"/>
                  </a:lnTo>
                  <a:lnTo>
                    <a:pt x="182" y="284"/>
                  </a:lnTo>
                  <a:lnTo>
                    <a:pt x="178" y="276"/>
                  </a:lnTo>
                  <a:lnTo>
                    <a:pt x="162" y="278"/>
                  </a:lnTo>
                  <a:lnTo>
                    <a:pt x="150" y="274"/>
                  </a:lnTo>
                  <a:lnTo>
                    <a:pt x="150" y="268"/>
                  </a:lnTo>
                  <a:lnTo>
                    <a:pt x="144" y="266"/>
                  </a:lnTo>
                  <a:lnTo>
                    <a:pt x="140" y="258"/>
                  </a:lnTo>
                  <a:lnTo>
                    <a:pt x="142" y="250"/>
                  </a:lnTo>
                  <a:lnTo>
                    <a:pt x="140" y="246"/>
                  </a:lnTo>
                  <a:lnTo>
                    <a:pt x="134" y="246"/>
                  </a:lnTo>
                  <a:lnTo>
                    <a:pt x="132" y="254"/>
                  </a:lnTo>
                  <a:lnTo>
                    <a:pt x="126" y="256"/>
                  </a:lnTo>
                  <a:lnTo>
                    <a:pt x="122" y="252"/>
                  </a:lnTo>
                  <a:lnTo>
                    <a:pt x="122" y="246"/>
                  </a:lnTo>
                  <a:lnTo>
                    <a:pt x="118" y="242"/>
                  </a:lnTo>
                  <a:lnTo>
                    <a:pt x="112" y="242"/>
                  </a:lnTo>
                  <a:lnTo>
                    <a:pt x="110" y="248"/>
                  </a:lnTo>
                  <a:lnTo>
                    <a:pt x="102" y="248"/>
                  </a:lnTo>
                  <a:lnTo>
                    <a:pt x="102" y="242"/>
                  </a:lnTo>
                  <a:lnTo>
                    <a:pt x="94" y="244"/>
                  </a:lnTo>
                  <a:lnTo>
                    <a:pt x="88" y="244"/>
                  </a:lnTo>
                  <a:lnTo>
                    <a:pt x="86" y="256"/>
                  </a:lnTo>
                  <a:lnTo>
                    <a:pt x="74" y="256"/>
                  </a:lnTo>
                  <a:lnTo>
                    <a:pt x="68" y="264"/>
                  </a:lnTo>
                  <a:lnTo>
                    <a:pt x="64" y="264"/>
                  </a:lnTo>
                  <a:lnTo>
                    <a:pt x="56" y="272"/>
                  </a:lnTo>
                  <a:lnTo>
                    <a:pt x="46" y="274"/>
                  </a:lnTo>
                  <a:lnTo>
                    <a:pt x="38" y="270"/>
                  </a:lnTo>
                  <a:lnTo>
                    <a:pt x="34" y="264"/>
                  </a:lnTo>
                  <a:lnTo>
                    <a:pt x="20" y="260"/>
                  </a:lnTo>
                  <a:lnTo>
                    <a:pt x="14" y="264"/>
                  </a:lnTo>
                  <a:lnTo>
                    <a:pt x="6" y="266"/>
                  </a:lnTo>
                  <a:lnTo>
                    <a:pt x="0" y="260"/>
                  </a:lnTo>
                  <a:lnTo>
                    <a:pt x="0" y="252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88" name="Freeform 87"/>
            <p:cNvSpPr>
              <a:spLocks/>
            </p:cNvSpPr>
            <p:nvPr/>
          </p:nvSpPr>
          <p:spPr bwMode="auto">
            <a:xfrm>
              <a:off x="1682" y="3144"/>
              <a:ext cx="52" cy="28"/>
            </a:xfrm>
            <a:custGeom>
              <a:avLst/>
              <a:gdLst>
                <a:gd name="T0" fmla="*/ 12 w 52"/>
                <a:gd name="T1" fmla="*/ 2 h 28"/>
                <a:gd name="T2" fmla="*/ 22 w 52"/>
                <a:gd name="T3" fmla="*/ 0 h 28"/>
                <a:gd name="T4" fmla="*/ 32 w 52"/>
                <a:gd name="T5" fmla="*/ 2 h 28"/>
                <a:gd name="T6" fmla="*/ 32 w 52"/>
                <a:gd name="T7" fmla="*/ 4 h 28"/>
                <a:gd name="T8" fmla="*/ 34 w 52"/>
                <a:gd name="T9" fmla="*/ 6 h 28"/>
                <a:gd name="T10" fmla="*/ 38 w 52"/>
                <a:gd name="T11" fmla="*/ 10 h 28"/>
                <a:gd name="T12" fmla="*/ 42 w 52"/>
                <a:gd name="T13" fmla="*/ 12 h 28"/>
                <a:gd name="T14" fmla="*/ 48 w 52"/>
                <a:gd name="T15" fmla="*/ 16 h 28"/>
                <a:gd name="T16" fmla="*/ 52 w 52"/>
                <a:gd name="T17" fmla="*/ 22 h 28"/>
                <a:gd name="T18" fmla="*/ 44 w 52"/>
                <a:gd name="T19" fmla="*/ 28 h 28"/>
                <a:gd name="T20" fmla="*/ 32 w 52"/>
                <a:gd name="T21" fmla="*/ 28 h 28"/>
                <a:gd name="T22" fmla="*/ 22 w 52"/>
                <a:gd name="T23" fmla="*/ 26 h 28"/>
                <a:gd name="T24" fmla="*/ 20 w 52"/>
                <a:gd name="T25" fmla="*/ 22 h 28"/>
                <a:gd name="T26" fmla="*/ 14 w 52"/>
                <a:gd name="T27" fmla="*/ 22 h 28"/>
                <a:gd name="T28" fmla="*/ 6 w 52"/>
                <a:gd name="T29" fmla="*/ 20 h 28"/>
                <a:gd name="T30" fmla="*/ 2 w 52"/>
                <a:gd name="T31" fmla="*/ 16 h 28"/>
                <a:gd name="T32" fmla="*/ 0 w 52"/>
                <a:gd name="T33" fmla="*/ 10 h 28"/>
                <a:gd name="T34" fmla="*/ 4 w 52"/>
                <a:gd name="T35" fmla="*/ 6 h 28"/>
                <a:gd name="T36" fmla="*/ 12 w 52"/>
                <a:gd name="T37" fmla="*/ 2 h 28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</a:gdLst>
              <a:ahLst/>
              <a:cxnLst>
                <a:cxn ang="T38">
                  <a:pos x="T0" y="T1"/>
                </a:cxn>
                <a:cxn ang="T39">
                  <a:pos x="T2" y="T3"/>
                </a:cxn>
                <a:cxn ang="T40">
                  <a:pos x="T4" y="T5"/>
                </a:cxn>
                <a:cxn ang="T41">
                  <a:pos x="T6" y="T7"/>
                </a:cxn>
                <a:cxn ang="T42">
                  <a:pos x="T8" y="T9"/>
                </a:cxn>
                <a:cxn ang="T43">
                  <a:pos x="T10" y="T11"/>
                </a:cxn>
                <a:cxn ang="T44">
                  <a:pos x="T12" y="T13"/>
                </a:cxn>
                <a:cxn ang="T45">
                  <a:pos x="T14" y="T15"/>
                </a:cxn>
                <a:cxn ang="T46">
                  <a:pos x="T16" y="T17"/>
                </a:cxn>
                <a:cxn ang="T47">
                  <a:pos x="T18" y="T19"/>
                </a:cxn>
                <a:cxn ang="T48">
                  <a:pos x="T20" y="T21"/>
                </a:cxn>
                <a:cxn ang="T49">
                  <a:pos x="T22" y="T23"/>
                </a:cxn>
                <a:cxn ang="T50">
                  <a:pos x="T24" y="T25"/>
                </a:cxn>
                <a:cxn ang="T51">
                  <a:pos x="T26" y="T27"/>
                </a:cxn>
                <a:cxn ang="T52">
                  <a:pos x="T28" y="T29"/>
                </a:cxn>
                <a:cxn ang="T53">
                  <a:pos x="T30" y="T31"/>
                </a:cxn>
                <a:cxn ang="T54">
                  <a:pos x="T32" y="T33"/>
                </a:cxn>
                <a:cxn ang="T55">
                  <a:pos x="T34" y="T35"/>
                </a:cxn>
                <a:cxn ang="T56">
                  <a:pos x="T36" y="T37"/>
                </a:cxn>
              </a:cxnLst>
              <a:rect l="0" t="0" r="r" b="b"/>
              <a:pathLst>
                <a:path w="52" h="28">
                  <a:moveTo>
                    <a:pt x="12" y="2"/>
                  </a:moveTo>
                  <a:lnTo>
                    <a:pt x="22" y="0"/>
                  </a:lnTo>
                  <a:lnTo>
                    <a:pt x="32" y="2"/>
                  </a:lnTo>
                  <a:lnTo>
                    <a:pt x="32" y="4"/>
                  </a:lnTo>
                  <a:lnTo>
                    <a:pt x="34" y="6"/>
                  </a:lnTo>
                  <a:lnTo>
                    <a:pt x="38" y="10"/>
                  </a:lnTo>
                  <a:lnTo>
                    <a:pt x="42" y="12"/>
                  </a:lnTo>
                  <a:lnTo>
                    <a:pt x="48" y="16"/>
                  </a:lnTo>
                  <a:lnTo>
                    <a:pt x="52" y="22"/>
                  </a:lnTo>
                  <a:lnTo>
                    <a:pt x="44" y="28"/>
                  </a:lnTo>
                  <a:lnTo>
                    <a:pt x="32" y="28"/>
                  </a:lnTo>
                  <a:lnTo>
                    <a:pt x="22" y="26"/>
                  </a:lnTo>
                  <a:lnTo>
                    <a:pt x="20" y="22"/>
                  </a:lnTo>
                  <a:lnTo>
                    <a:pt x="14" y="22"/>
                  </a:lnTo>
                  <a:lnTo>
                    <a:pt x="6" y="20"/>
                  </a:lnTo>
                  <a:lnTo>
                    <a:pt x="2" y="16"/>
                  </a:lnTo>
                  <a:lnTo>
                    <a:pt x="0" y="10"/>
                  </a:lnTo>
                  <a:lnTo>
                    <a:pt x="4" y="6"/>
                  </a:lnTo>
                  <a:lnTo>
                    <a:pt x="12" y="2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1917" name="Freeform 88"/>
          <p:cNvSpPr>
            <a:spLocks/>
          </p:cNvSpPr>
          <p:nvPr/>
        </p:nvSpPr>
        <p:spPr bwMode="auto">
          <a:xfrm>
            <a:off x="4408488" y="3749675"/>
            <a:ext cx="398462" cy="333375"/>
          </a:xfrm>
          <a:custGeom>
            <a:avLst/>
            <a:gdLst>
              <a:gd name="T0" fmla="*/ 2147483647 w 308"/>
              <a:gd name="T1" fmla="*/ 2147483647 h 258"/>
              <a:gd name="T2" fmla="*/ 2147483647 w 308"/>
              <a:gd name="T3" fmla="*/ 2147483647 h 258"/>
              <a:gd name="T4" fmla="*/ 2147483647 w 308"/>
              <a:gd name="T5" fmla="*/ 2147483647 h 258"/>
              <a:gd name="T6" fmla="*/ 2147483647 w 308"/>
              <a:gd name="T7" fmla="*/ 2147483647 h 258"/>
              <a:gd name="T8" fmla="*/ 2147483647 w 308"/>
              <a:gd name="T9" fmla="*/ 2147483647 h 258"/>
              <a:gd name="T10" fmla="*/ 2147483647 w 308"/>
              <a:gd name="T11" fmla="*/ 2147483647 h 258"/>
              <a:gd name="T12" fmla="*/ 2147483647 w 308"/>
              <a:gd name="T13" fmla="*/ 2147483647 h 258"/>
              <a:gd name="T14" fmla="*/ 2147483647 w 308"/>
              <a:gd name="T15" fmla="*/ 2147483647 h 258"/>
              <a:gd name="T16" fmla="*/ 2147483647 w 308"/>
              <a:gd name="T17" fmla="*/ 2147483647 h 258"/>
              <a:gd name="T18" fmla="*/ 2147483647 w 308"/>
              <a:gd name="T19" fmla="*/ 2147483647 h 258"/>
              <a:gd name="T20" fmla="*/ 2147483647 w 308"/>
              <a:gd name="T21" fmla="*/ 0 h 258"/>
              <a:gd name="T22" fmla="*/ 2147483647 w 308"/>
              <a:gd name="T23" fmla="*/ 2147483647 h 258"/>
              <a:gd name="T24" fmla="*/ 2147483647 w 308"/>
              <a:gd name="T25" fmla="*/ 2147483647 h 258"/>
              <a:gd name="T26" fmla="*/ 2147483647 w 308"/>
              <a:gd name="T27" fmla="*/ 2147483647 h 258"/>
              <a:gd name="T28" fmla="*/ 2147483647 w 308"/>
              <a:gd name="T29" fmla="*/ 2147483647 h 258"/>
              <a:gd name="T30" fmla="*/ 2147483647 w 308"/>
              <a:gd name="T31" fmla="*/ 2147483647 h 258"/>
              <a:gd name="T32" fmla="*/ 2147483647 w 308"/>
              <a:gd name="T33" fmla="*/ 2147483647 h 258"/>
              <a:gd name="T34" fmla="*/ 2147483647 w 308"/>
              <a:gd name="T35" fmla="*/ 2147483647 h 258"/>
              <a:gd name="T36" fmla="*/ 2147483647 w 308"/>
              <a:gd name="T37" fmla="*/ 2147483647 h 258"/>
              <a:gd name="T38" fmla="*/ 2147483647 w 308"/>
              <a:gd name="T39" fmla="*/ 2147483647 h 258"/>
              <a:gd name="T40" fmla="*/ 2147483647 w 308"/>
              <a:gd name="T41" fmla="*/ 2147483647 h 258"/>
              <a:gd name="T42" fmla="*/ 2147483647 w 308"/>
              <a:gd name="T43" fmla="*/ 2147483647 h 258"/>
              <a:gd name="T44" fmla="*/ 2147483647 w 308"/>
              <a:gd name="T45" fmla="*/ 2147483647 h 258"/>
              <a:gd name="T46" fmla="*/ 2147483647 w 308"/>
              <a:gd name="T47" fmla="*/ 2147483647 h 258"/>
              <a:gd name="T48" fmla="*/ 2147483647 w 308"/>
              <a:gd name="T49" fmla="*/ 2147483647 h 258"/>
              <a:gd name="T50" fmla="*/ 2147483647 w 308"/>
              <a:gd name="T51" fmla="*/ 2147483647 h 258"/>
              <a:gd name="T52" fmla="*/ 2147483647 w 308"/>
              <a:gd name="T53" fmla="*/ 2147483647 h 258"/>
              <a:gd name="T54" fmla="*/ 2147483647 w 308"/>
              <a:gd name="T55" fmla="*/ 2147483647 h 258"/>
              <a:gd name="T56" fmla="*/ 2147483647 w 308"/>
              <a:gd name="T57" fmla="*/ 2147483647 h 258"/>
              <a:gd name="T58" fmla="*/ 2147483647 w 308"/>
              <a:gd name="T59" fmla="*/ 2147483647 h 258"/>
              <a:gd name="T60" fmla="*/ 2147483647 w 308"/>
              <a:gd name="T61" fmla="*/ 2147483647 h 258"/>
              <a:gd name="T62" fmla="*/ 2147483647 w 308"/>
              <a:gd name="T63" fmla="*/ 2147483647 h 258"/>
              <a:gd name="T64" fmla="*/ 2147483647 w 308"/>
              <a:gd name="T65" fmla="*/ 2147483647 h 258"/>
              <a:gd name="T66" fmla="*/ 2147483647 w 308"/>
              <a:gd name="T67" fmla="*/ 2147483647 h 258"/>
              <a:gd name="T68" fmla="*/ 2147483647 w 308"/>
              <a:gd name="T69" fmla="*/ 2147483647 h 258"/>
              <a:gd name="T70" fmla="*/ 2147483647 w 308"/>
              <a:gd name="T71" fmla="*/ 2147483647 h 258"/>
              <a:gd name="T72" fmla="*/ 2147483647 w 308"/>
              <a:gd name="T73" fmla="*/ 2147483647 h 258"/>
              <a:gd name="T74" fmla="*/ 2147483647 w 308"/>
              <a:gd name="T75" fmla="*/ 2147483647 h 258"/>
              <a:gd name="T76" fmla="*/ 2147483647 w 308"/>
              <a:gd name="T77" fmla="*/ 2147483647 h 258"/>
              <a:gd name="T78" fmla="*/ 2147483647 w 308"/>
              <a:gd name="T79" fmla="*/ 2147483647 h 258"/>
              <a:gd name="T80" fmla="*/ 2147483647 w 308"/>
              <a:gd name="T81" fmla="*/ 2147483647 h 258"/>
              <a:gd name="T82" fmla="*/ 2147483647 w 308"/>
              <a:gd name="T83" fmla="*/ 2147483647 h 258"/>
              <a:gd name="T84" fmla="*/ 2147483647 w 308"/>
              <a:gd name="T85" fmla="*/ 2147483647 h 258"/>
              <a:gd name="T86" fmla="*/ 2147483647 w 308"/>
              <a:gd name="T87" fmla="*/ 2147483647 h 258"/>
              <a:gd name="T88" fmla="*/ 2147483647 w 308"/>
              <a:gd name="T89" fmla="*/ 2147483647 h 258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0" t="0" r="r" b="b"/>
            <a:pathLst>
              <a:path w="308" h="258">
                <a:moveTo>
                  <a:pt x="2" y="38"/>
                </a:moveTo>
                <a:lnTo>
                  <a:pt x="18" y="32"/>
                </a:lnTo>
                <a:lnTo>
                  <a:pt x="36" y="22"/>
                </a:lnTo>
                <a:lnTo>
                  <a:pt x="52" y="10"/>
                </a:lnTo>
                <a:lnTo>
                  <a:pt x="68" y="10"/>
                </a:lnTo>
                <a:lnTo>
                  <a:pt x="68" y="18"/>
                </a:lnTo>
                <a:lnTo>
                  <a:pt x="74" y="24"/>
                </a:lnTo>
                <a:lnTo>
                  <a:pt x="82" y="22"/>
                </a:lnTo>
                <a:lnTo>
                  <a:pt x="88" y="18"/>
                </a:lnTo>
                <a:lnTo>
                  <a:pt x="102" y="22"/>
                </a:lnTo>
                <a:lnTo>
                  <a:pt x="106" y="28"/>
                </a:lnTo>
                <a:lnTo>
                  <a:pt x="114" y="32"/>
                </a:lnTo>
                <a:lnTo>
                  <a:pt x="124" y="30"/>
                </a:lnTo>
                <a:lnTo>
                  <a:pt x="132" y="22"/>
                </a:lnTo>
                <a:lnTo>
                  <a:pt x="136" y="22"/>
                </a:lnTo>
                <a:lnTo>
                  <a:pt x="142" y="14"/>
                </a:lnTo>
                <a:lnTo>
                  <a:pt x="154" y="14"/>
                </a:lnTo>
                <a:lnTo>
                  <a:pt x="156" y="2"/>
                </a:lnTo>
                <a:lnTo>
                  <a:pt x="170" y="0"/>
                </a:lnTo>
                <a:lnTo>
                  <a:pt x="170" y="6"/>
                </a:lnTo>
                <a:lnTo>
                  <a:pt x="178" y="6"/>
                </a:lnTo>
                <a:lnTo>
                  <a:pt x="180" y="0"/>
                </a:lnTo>
                <a:lnTo>
                  <a:pt x="186" y="0"/>
                </a:lnTo>
                <a:lnTo>
                  <a:pt x="190" y="4"/>
                </a:lnTo>
                <a:lnTo>
                  <a:pt x="190" y="10"/>
                </a:lnTo>
                <a:lnTo>
                  <a:pt x="194" y="14"/>
                </a:lnTo>
                <a:lnTo>
                  <a:pt x="200" y="12"/>
                </a:lnTo>
                <a:lnTo>
                  <a:pt x="202" y="4"/>
                </a:lnTo>
                <a:lnTo>
                  <a:pt x="208" y="4"/>
                </a:lnTo>
                <a:lnTo>
                  <a:pt x="210" y="8"/>
                </a:lnTo>
                <a:lnTo>
                  <a:pt x="208" y="16"/>
                </a:lnTo>
                <a:lnTo>
                  <a:pt x="212" y="24"/>
                </a:lnTo>
                <a:lnTo>
                  <a:pt x="218" y="26"/>
                </a:lnTo>
                <a:lnTo>
                  <a:pt x="218" y="32"/>
                </a:lnTo>
                <a:lnTo>
                  <a:pt x="230" y="36"/>
                </a:lnTo>
                <a:lnTo>
                  <a:pt x="246" y="34"/>
                </a:lnTo>
                <a:lnTo>
                  <a:pt x="250" y="42"/>
                </a:lnTo>
                <a:lnTo>
                  <a:pt x="262" y="44"/>
                </a:lnTo>
                <a:lnTo>
                  <a:pt x="268" y="46"/>
                </a:lnTo>
                <a:lnTo>
                  <a:pt x="270" y="50"/>
                </a:lnTo>
                <a:lnTo>
                  <a:pt x="270" y="58"/>
                </a:lnTo>
                <a:lnTo>
                  <a:pt x="262" y="60"/>
                </a:lnTo>
                <a:lnTo>
                  <a:pt x="262" y="72"/>
                </a:lnTo>
                <a:lnTo>
                  <a:pt x="258" y="78"/>
                </a:lnTo>
                <a:lnTo>
                  <a:pt x="250" y="84"/>
                </a:lnTo>
                <a:lnTo>
                  <a:pt x="250" y="90"/>
                </a:lnTo>
                <a:lnTo>
                  <a:pt x="256" y="98"/>
                </a:lnTo>
                <a:lnTo>
                  <a:pt x="280" y="98"/>
                </a:lnTo>
                <a:lnTo>
                  <a:pt x="296" y="118"/>
                </a:lnTo>
                <a:lnTo>
                  <a:pt x="292" y="132"/>
                </a:lnTo>
                <a:lnTo>
                  <a:pt x="308" y="138"/>
                </a:lnTo>
                <a:lnTo>
                  <a:pt x="306" y="160"/>
                </a:lnTo>
                <a:lnTo>
                  <a:pt x="286" y="178"/>
                </a:lnTo>
                <a:lnTo>
                  <a:pt x="268" y="176"/>
                </a:lnTo>
                <a:lnTo>
                  <a:pt x="254" y="200"/>
                </a:lnTo>
                <a:lnTo>
                  <a:pt x="252" y="216"/>
                </a:lnTo>
                <a:lnTo>
                  <a:pt x="254" y="228"/>
                </a:lnTo>
                <a:lnTo>
                  <a:pt x="262" y="240"/>
                </a:lnTo>
                <a:lnTo>
                  <a:pt x="258" y="248"/>
                </a:lnTo>
                <a:lnTo>
                  <a:pt x="256" y="258"/>
                </a:lnTo>
                <a:lnTo>
                  <a:pt x="226" y="256"/>
                </a:lnTo>
                <a:lnTo>
                  <a:pt x="218" y="240"/>
                </a:lnTo>
                <a:lnTo>
                  <a:pt x="190" y="218"/>
                </a:lnTo>
                <a:lnTo>
                  <a:pt x="176" y="216"/>
                </a:lnTo>
                <a:lnTo>
                  <a:pt x="174" y="190"/>
                </a:lnTo>
                <a:lnTo>
                  <a:pt x="182" y="180"/>
                </a:lnTo>
                <a:lnTo>
                  <a:pt x="176" y="170"/>
                </a:lnTo>
                <a:lnTo>
                  <a:pt x="166" y="178"/>
                </a:lnTo>
                <a:lnTo>
                  <a:pt x="166" y="186"/>
                </a:lnTo>
                <a:lnTo>
                  <a:pt x="160" y="194"/>
                </a:lnTo>
                <a:lnTo>
                  <a:pt x="148" y="198"/>
                </a:lnTo>
                <a:lnTo>
                  <a:pt x="124" y="194"/>
                </a:lnTo>
                <a:lnTo>
                  <a:pt x="122" y="184"/>
                </a:lnTo>
                <a:lnTo>
                  <a:pt x="128" y="176"/>
                </a:lnTo>
                <a:lnTo>
                  <a:pt x="120" y="164"/>
                </a:lnTo>
                <a:lnTo>
                  <a:pt x="126" y="154"/>
                </a:lnTo>
                <a:lnTo>
                  <a:pt x="114" y="142"/>
                </a:lnTo>
                <a:lnTo>
                  <a:pt x="88" y="142"/>
                </a:lnTo>
                <a:lnTo>
                  <a:pt x="86" y="128"/>
                </a:lnTo>
                <a:lnTo>
                  <a:pt x="74" y="116"/>
                </a:lnTo>
                <a:lnTo>
                  <a:pt x="54" y="116"/>
                </a:lnTo>
                <a:lnTo>
                  <a:pt x="54" y="102"/>
                </a:lnTo>
                <a:lnTo>
                  <a:pt x="46" y="82"/>
                </a:lnTo>
                <a:lnTo>
                  <a:pt x="32" y="80"/>
                </a:lnTo>
                <a:lnTo>
                  <a:pt x="16" y="68"/>
                </a:lnTo>
                <a:lnTo>
                  <a:pt x="10" y="62"/>
                </a:lnTo>
                <a:lnTo>
                  <a:pt x="4" y="54"/>
                </a:lnTo>
                <a:lnTo>
                  <a:pt x="4" y="48"/>
                </a:lnTo>
                <a:lnTo>
                  <a:pt x="0" y="42"/>
                </a:lnTo>
                <a:lnTo>
                  <a:pt x="2" y="38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18" name="Freeform 89"/>
          <p:cNvSpPr>
            <a:spLocks/>
          </p:cNvSpPr>
          <p:nvPr/>
        </p:nvSpPr>
        <p:spPr bwMode="auto">
          <a:xfrm>
            <a:off x="3581400" y="3810000"/>
            <a:ext cx="1450975" cy="1457325"/>
          </a:xfrm>
          <a:custGeom>
            <a:avLst/>
            <a:gdLst>
              <a:gd name="T0" fmla="*/ 2147483647 w 1120"/>
              <a:gd name="T1" fmla="*/ 2147483647 h 1126"/>
              <a:gd name="T2" fmla="*/ 2147483647 w 1120"/>
              <a:gd name="T3" fmla="*/ 2147483647 h 1126"/>
              <a:gd name="T4" fmla="*/ 2147483647 w 1120"/>
              <a:gd name="T5" fmla="*/ 2147483647 h 1126"/>
              <a:gd name="T6" fmla="*/ 2147483647 w 1120"/>
              <a:gd name="T7" fmla="*/ 2147483647 h 1126"/>
              <a:gd name="T8" fmla="*/ 2147483647 w 1120"/>
              <a:gd name="T9" fmla="*/ 2147483647 h 1126"/>
              <a:gd name="T10" fmla="*/ 2147483647 w 1120"/>
              <a:gd name="T11" fmla="*/ 2147483647 h 1126"/>
              <a:gd name="T12" fmla="*/ 2147483647 w 1120"/>
              <a:gd name="T13" fmla="*/ 2147483647 h 1126"/>
              <a:gd name="T14" fmla="*/ 2147483647 w 1120"/>
              <a:gd name="T15" fmla="*/ 2147483647 h 1126"/>
              <a:gd name="T16" fmla="*/ 2147483647 w 1120"/>
              <a:gd name="T17" fmla="*/ 2147483647 h 1126"/>
              <a:gd name="T18" fmla="*/ 2147483647 w 1120"/>
              <a:gd name="T19" fmla="*/ 2147483647 h 1126"/>
              <a:gd name="T20" fmla="*/ 2147483647 w 1120"/>
              <a:gd name="T21" fmla="*/ 2147483647 h 1126"/>
              <a:gd name="T22" fmla="*/ 2147483647 w 1120"/>
              <a:gd name="T23" fmla="*/ 2147483647 h 1126"/>
              <a:gd name="T24" fmla="*/ 2147483647 w 1120"/>
              <a:gd name="T25" fmla="*/ 2147483647 h 1126"/>
              <a:gd name="T26" fmla="*/ 2147483647 w 1120"/>
              <a:gd name="T27" fmla="*/ 2147483647 h 1126"/>
              <a:gd name="T28" fmla="*/ 2147483647 w 1120"/>
              <a:gd name="T29" fmla="*/ 2147483647 h 1126"/>
              <a:gd name="T30" fmla="*/ 2147483647 w 1120"/>
              <a:gd name="T31" fmla="*/ 2147483647 h 1126"/>
              <a:gd name="T32" fmla="*/ 2147483647 w 1120"/>
              <a:gd name="T33" fmla="*/ 2147483647 h 1126"/>
              <a:gd name="T34" fmla="*/ 2147483647 w 1120"/>
              <a:gd name="T35" fmla="*/ 2147483647 h 1126"/>
              <a:gd name="T36" fmla="*/ 2147483647 w 1120"/>
              <a:gd name="T37" fmla="*/ 2147483647 h 1126"/>
              <a:gd name="T38" fmla="*/ 2147483647 w 1120"/>
              <a:gd name="T39" fmla="*/ 2147483647 h 1126"/>
              <a:gd name="T40" fmla="*/ 2147483647 w 1120"/>
              <a:gd name="T41" fmla="*/ 2147483647 h 1126"/>
              <a:gd name="T42" fmla="*/ 2147483647 w 1120"/>
              <a:gd name="T43" fmla="*/ 2147483647 h 1126"/>
              <a:gd name="T44" fmla="*/ 2147483647 w 1120"/>
              <a:gd name="T45" fmla="*/ 2147483647 h 1126"/>
              <a:gd name="T46" fmla="*/ 2147483647 w 1120"/>
              <a:gd name="T47" fmla="*/ 2147483647 h 1126"/>
              <a:gd name="T48" fmla="*/ 2147483647 w 1120"/>
              <a:gd name="T49" fmla="*/ 2147483647 h 1126"/>
              <a:gd name="T50" fmla="*/ 2147483647 w 1120"/>
              <a:gd name="T51" fmla="*/ 2147483647 h 1126"/>
              <a:gd name="T52" fmla="*/ 2147483647 w 1120"/>
              <a:gd name="T53" fmla="*/ 2147483647 h 1126"/>
              <a:gd name="T54" fmla="*/ 2147483647 w 1120"/>
              <a:gd name="T55" fmla="*/ 2147483647 h 1126"/>
              <a:gd name="T56" fmla="*/ 0 w 1120"/>
              <a:gd name="T57" fmla="*/ 2147483647 h 1126"/>
              <a:gd name="T58" fmla="*/ 2147483647 w 1120"/>
              <a:gd name="T59" fmla="*/ 2147483647 h 1126"/>
              <a:gd name="T60" fmla="*/ 2147483647 w 1120"/>
              <a:gd name="T61" fmla="*/ 2147483647 h 1126"/>
              <a:gd name="T62" fmla="*/ 2147483647 w 1120"/>
              <a:gd name="T63" fmla="*/ 2147483647 h 1126"/>
              <a:gd name="T64" fmla="*/ 2147483647 w 1120"/>
              <a:gd name="T65" fmla="*/ 2147483647 h 1126"/>
              <a:gd name="T66" fmla="*/ 2147483647 w 1120"/>
              <a:gd name="T67" fmla="*/ 2147483647 h 1126"/>
              <a:gd name="T68" fmla="*/ 2147483647 w 1120"/>
              <a:gd name="T69" fmla="*/ 2147483647 h 1126"/>
              <a:gd name="T70" fmla="*/ 2147483647 w 1120"/>
              <a:gd name="T71" fmla="*/ 2147483647 h 1126"/>
              <a:gd name="T72" fmla="*/ 2147483647 w 1120"/>
              <a:gd name="T73" fmla="*/ 2147483647 h 1126"/>
              <a:gd name="T74" fmla="*/ 2147483647 w 1120"/>
              <a:gd name="T75" fmla="*/ 2147483647 h 1126"/>
              <a:gd name="T76" fmla="*/ 2147483647 w 1120"/>
              <a:gd name="T77" fmla="*/ 2147483647 h 1126"/>
              <a:gd name="T78" fmla="*/ 2147483647 w 1120"/>
              <a:gd name="T79" fmla="*/ 2147483647 h 1126"/>
              <a:gd name="T80" fmla="*/ 2147483647 w 1120"/>
              <a:gd name="T81" fmla="*/ 2147483647 h 1126"/>
              <a:gd name="T82" fmla="*/ 2147483647 w 1120"/>
              <a:gd name="T83" fmla="*/ 2147483647 h 1126"/>
              <a:gd name="T84" fmla="*/ 2147483647 w 1120"/>
              <a:gd name="T85" fmla="*/ 2147483647 h 1126"/>
              <a:gd name="T86" fmla="*/ 2147483647 w 1120"/>
              <a:gd name="T87" fmla="*/ 2147483647 h 1126"/>
              <a:gd name="T88" fmla="*/ 2147483647 w 1120"/>
              <a:gd name="T89" fmla="*/ 2147483647 h 1126"/>
              <a:gd name="T90" fmla="*/ 2147483647 w 1120"/>
              <a:gd name="T91" fmla="*/ 2147483647 h 1126"/>
              <a:gd name="T92" fmla="*/ 2147483647 w 1120"/>
              <a:gd name="T93" fmla="*/ 2147483647 h 1126"/>
              <a:gd name="T94" fmla="*/ 2147483647 w 1120"/>
              <a:gd name="T95" fmla="*/ 2147483647 h 1126"/>
              <a:gd name="T96" fmla="*/ 2147483647 w 1120"/>
              <a:gd name="T97" fmla="*/ 2147483647 h 1126"/>
              <a:gd name="T98" fmla="*/ 2147483647 w 1120"/>
              <a:gd name="T99" fmla="*/ 2147483647 h 1126"/>
              <a:gd name="T100" fmla="*/ 2147483647 w 1120"/>
              <a:gd name="T101" fmla="*/ 2147483647 h 1126"/>
              <a:gd name="T102" fmla="*/ 2147483647 w 1120"/>
              <a:gd name="T103" fmla="*/ 2147483647 h 1126"/>
              <a:gd name="T104" fmla="*/ 2147483647 w 1120"/>
              <a:gd name="T105" fmla="*/ 2147483647 h 1126"/>
              <a:gd name="T106" fmla="*/ 2147483647 w 1120"/>
              <a:gd name="T107" fmla="*/ 2147483647 h 1126"/>
              <a:gd name="T108" fmla="*/ 2147483647 w 1120"/>
              <a:gd name="T109" fmla="*/ 2147483647 h 1126"/>
              <a:gd name="T110" fmla="*/ 2147483647 w 1120"/>
              <a:gd name="T111" fmla="*/ 2147483647 h 1126"/>
              <a:gd name="T112" fmla="*/ 2147483647 w 1120"/>
              <a:gd name="T113" fmla="*/ 2147483647 h 1126"/>
              <a:gd name="T114" fmla="*/ 2147483647 w 1120"/>
              <a:gd name="T115" fmla="*/ 2147483647 h 1126"/>
              <a:gd name="T116" fmla="*/ 2147483647 w 1120"/>
              <a:gd name="T117" fmla="*/ 2147483647 h 112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120" h="1126">
                <a:moveTo>
                  <a:pt x="1022" y="984"/>
                </a:moveTo>
                <a:lnTo>
                  <a:pt x="1008" y="984"/>
                </a:lnTo>
                <a:lnTo>
                  <a:pt x="1000" y="996"/>
                </a:lnTo>
                <a:lnTo>
                  <a:pt x="988" y="998"/>
                </a:lnTo>
                <a:lnTo>
                  <a:pt x="976" y="1016"/>
                </a:lnTo>
                <a:lnTo>
                  <a:pt x="962" y="1016"/>
                </a:lnTo>
                <a:lnTo>
                  <a:pt x="954" y="1028"/>
                </a:lnTo>
                <a:lnTo>
                  <a:pt x="950" y="1044"/>
                </a:lnTo>
                <a:lnTo>
                  <a:pt x="938" y="1046"/>
                </a:lnTo>
                <a:lnTo>
                  <a:pt x="926" y="1048"/>
                </a:lnTo>
                <a:lnTo>
                  <a:pt x="926" y="1052"/>
                </a:lnTo>
                <a:lnTo>
                  <a:pt x="908" y="1052"/>
                </a:lnTo>
                <a:lnTo>
                  <a:pt x="900" y="1056"/>
                </a:lnTo>
                <a:lnTo>
                  <a:pt x="892" y="1050"/>
                </a:lnTo>
                <a:lnTo>
                  <a:pt x="882" y="1054"/>
                </a:lnTo>
                <a:lnTo>
                  <a:pt x="870" y="1054"/>
                </a:lnTo>
                <a:lnTo>
                  <a:pt x="864" y="1044"/>
                </a:lnTo>
                <a:lnTo>
                  <a:pt x="848" y="1036"/>
                </a:lnTo>
                <a:lnTo>
                  <a:pt x="830" y="1036"/>
                </a:lnTo>
                <a:lnTo>
                  <a:pt x="828" y="1018"/>
                </a:lnTo>
                <a:lnTo>
                  <a:pt x="822" y="1016"/>
                </a:lnTo>
                <a:lnTo>
                  <a:pt x="806" y="1016"/>
                </a:lnTo>
                <a:lnTo>
                  <a:pt x="800" y="1010"/>
                </a:lnTo>
                <a:lnTo>
                  <a:pt x="808" y="1008"/>
                </a:lnTo>
                <a:lnTo>
                  <a:pt x="812" y="1004"/>
                </a:lnTo>
                <a:lnTo>
                  <a:pt x="814" y="1002"/>
                </a:lnTo>
                <a:lnTo>
                  <a:pt x="812" y="994"/>
                </a:lnTo>
                <a:lnTo>
                  <a:pt x="802" y="992"/>
                </a:lnTo>
                <a:lnTo>
                  <a:pt x="802" y="1004"/>
                </a:lnTo>
                <a:lnTo>
                  <a:pt x="790" y="1006"/>
                </a:lnTo>
                <a:lnTo>
                  <a:pt x="784" y="1010"/>
                </a:lnTo>
                <a:lnTo>
                  <a:pt x="770" y="1004"/>
                </a:lnTo>
                <a:lnTo>
                  <a:pt x="766" y="1012"/>
                </a:lnTo>
                <a:lnTo>
                  <a:pt x="756" y="1008"/>
                </a:lnTo>
                <a:lnTo>
                  <a:pt x="754" y="1000"/>
                </a:lnTo>
                <a:lnTo>
                  <a:pt x="742" y="1000"/>
                </a:lnTo>
                <a:lnTo>
                  <a:pt x="728" y="990"/>
                </a:lnTo>
                <a:lnTo>
                  <a:pt x="722" y="994"/>
                </a:lnTo>
                <a:lnTo>
                  <a:pt x="714" y="984"/>
                </a:lnTo>
                <a:lnTo>
                  <a:pt x="704" y="982"/>
                </a:lnTo>
                <a:lnTo>
                  <a:pt x="688" y="990"/>
                </a:lnTo>
                <a:lnTo>
                  <a:pt x="678" y="998"/>
                </a:lnTo>
                <a:lnTo>
                  <a:pt x="658" y="1010"/>
                </a:lnTo>
                <a:lnTo>
                  <a:pt x="654" y="1014"/>
                </a:lnTo>
                <a:lnTo>
                  <a:pt x="640" y="1014"/>
                </a:lnTo>
                <a:lnTo>
                  <a:pt x="622" y="1026"/>
                </a:lnTo>
                <a:lnTo>
                  <a:pt x="610" y="1036"/>
                </a:lnTo>
                <a:lnTo>
                  <a:pt x="606" y="1054"/>
                </a:lnTo>
                <a:lnTo>
                  <a:pt x="604" y="1068"/>
                </a:lnTo>
                <a:lnTo>
                  <a:pt x="604" y="1100"/>
                </a:lnTo>
                <a:lnTo>
                  <a:pt x="608" y="1106"/>
                </a:lnTo>
                <a:lnTo>
                  <a:pt x="610" y="1112"/>
                </a:lnTo>
                <a:lnTo>
                  <a:pt x="610" y="1120"/>
                </a:lnTo>
                <a:lnTo>
                  <a:pt x="596" y="1114"/>
                </a:lnTo>
                <a:lnTo>
                  <a:pt x="582" y="1112"/>
                </a:lnTo>
                <a:lnTo>
                  <a:pt x="576" y="1114"/>
                </a:lnTo>
                <a:lnTo>
                  <a:pt x="564" y="1116"/>
                </a:lnTo>
                <a:lnTo>
                  <a:pt x="562" y="1124"/>
                </a:lnTo>
                <a:lnTo>
                  <a:pt x="544" y="1126"/>
                </a:lnTo>
                <a:lnTo>
                  <a:pt x="534" y="1114"/>
                </a:lnTo>
                <a:lnTo>
                  <a:pt x="524" y="1112"/>
                </a:lnTo>
                <a:lnTo>
                  <a:pt x="514" y="1112"/>
                </a:lnTo>
                <a:lnTo>
                  <a:pt x="502" y="1120"/>
                </a:lnTo>
                <a:lnTo>
                  <a:pt x="494" y="1112"/>
                </a:lnTo>
                <a:lnTo>
                  <a:pt x="492" y="1106"/>
                </a:lnTo>
                <a:lnTo>
                  <a:pt x="478" y="1096"/>
                </a:lnTo>
                <a:lnTo>
                  <a:pt x="468" y="1096"/>
                </a:lnTo>
                <a:lnTo>
                  <a:pt x="466" y="1098"/>
                </a:lnTo>
                <a:lnTo>
                  <a:pt x="468" y="1092"/>
                </a:lnTo>
                <a:lnTo>
                  <a:pt x="466" y="1086"/>
                </a:lnTo>
                <a:lnTo>
                  <a:pt x="464" y="1082"/>
                </a:lnTo>
                <a:lnTo>
                  <a:pt x="458" y="1082"/>
                </a:lnTo>
                <a:lnTo>
                  <a:pt x="450" y="1084"/>
                </a:lnTo>
                <a:lnTo>
                  <a:pt x="448" y="1088"/>
                </a:lnTo>
                <a:lnTo>
                  <a:pt x="444" y="1072"/>
                </a:lnTo>
                <a:lnTo>
                  <a:pt x="438" y="1064"/>
                </a:lnTo>
                <a:lnTo>
                  <a:pt x="424" y="1062"/>
                </a:lnTo>
                <a:lnTo>
                  <a:pt x="416" y="1056"/>
                </a:lnTo>
                <a:lnTo>
                  <a:pt x="396" y="1046"/>
                </a:lnTo>
                <a:lnTo>
                  <a:pt x="378" y="1040"/>
                </a:lnTo>
                <a:lnTo>
                  <a:pt x="372" y="1046"/>
                </a:lnTo>
                <a:lnTo>
                  <a:pt x="374" y="1060"/>
                </a:lnTo>
                <a:lnTo>
                  <a:pt x="348" y="1060"/>
                </a:lnTo>
                <a:lnTo>
                  <a:pt x="348" y="1056"/>
                </a:lnTo>
                <a:lnTo>
                  <a:pt x="304" y="1050"/>
                </a:lnTo>
                <a:lnTo>
                  <a:pt x="286" y="1030"/>
                </a:lnTo>
                <a:lnTo>
                  <a:pt x="278" y="1032"/>
                </a:lnTo>
                <a:lnTo>
                  <a:pt x="258" y="1032"/>
                </a:lnTo>
                <a:lnTo>
                  <a:pt x="246" y="1016"/>
                </a:lnTo>
                <a:lnTo>
                  <a:pt x="244" y="1008"/>
                </a:lnTo>
                <a:lnTo>
                  <a:pt x="234" y="1008"/>
                </a:lnTo>
                <a:lnTo>
                  <a:pt x="224" y="1004"/>
                </a:lnTo>
                <a:lnTo>
                  <a:pt x="200" y="988"/>
                </a:lnTo>
                <a:lnTo>
                  <a:pt x="196" y="980"/>
                </a:lnTo>
                <a:lnTo>
                  <a:pt x="188" y="986"/>
                </a:lnTo>
                <a:lnTo>
                  <a:pt x="176" y="986"/>
                </a:lnTo>
                <a:lnTo>
                  <a:pt x="178" y="976"/>
                </a:lnTo>
                <a:lnTo>
                  <a:pt x="188" y="964"/>
                </a:lnTo>
                <a:lnTo>
                  <a:pt x="184" y="956"/>
                </a:lnTo>
                <a:lnTo>
                  <a:pt x="174" y="956"/>
                </a:lnTo>
                <a:lnTo>
                  <a:pt x="168" y="954"/>
                </a:lnTo>
                <a:lnTo>
                  <a:pt x="152" y="940"/>
                </a:lnTo>
                <a:lnTo>
                  <a:pt x="168" y="938"/>
                </a:lnTo>
                <a:lnTo>
                  <a:pt x="182" y="918"/>
                </a:lnTo>
                <a:lnTo>
                  <a:pt x="190" y="904"/>
                </a:lnTo>
                <a:lnTo>
                  <a:pt x="196" y="890"/>
                </a:lnTo>
                <a:lnTo>
                  <a:pt x="208" y="862"/>
                </a:lnTo>
                <a:lnTo>
                  <a:pt x="220" y="832"/>
                </a:lnTo>
                <a:lnTo>
                  <a:pt x="226" y="804"/>
                </a:lnTo>
                <a:lnTo>
                  <a:pt x="228" y="794"/>
                </a:lnTo>
                <a:lnTo>
                  <a:pt x="234" y="780"/>
                </a:lnTo>
                <a:lnTo>
                  <a:pt x="242" y="782"/>
                </a:lnTo>
                <a:lnTo>
                  <a:pt x="246" y="778"/>
                </a:lnTo>
                <a:lnTo>
                  <a:pt x="246" y="772"/>
                </a:lnTo>
                <a:lnTo>
                  <a:pt x="236" y="772"/>
                </a:lnTo>
                <a:lnTo>
                  <a:pt x="234" y="764"/>
                </a:lnTo>
                <a:lnTo>
                  <a:pt x="240" y="734"/>
                </a:lnTo>
                <a:lnTo>
                  <a:pt x="250" y="698"/>
                </a:lnTo>
                <a:lnTo>
                  <a:pt x="254" y="688"/>
                </a:lnTo>
                <a:lnTo>
                  <a:pt x="254" y="678"/>
                </a:lnTo>
                <a:lnTo>
                  <a:pt x="258" y="672"/>
                </a:lnTo>
                <a:lnTo>
                  <a:pt x="264" y="670"/>
                </a:lnTo>
                <a:lnTo>
                  <a:pt x="266" y="676"/>
                </a:lnTo>
                <a:lnTo>
                  <a:pt x="272" y="684"/>
                </a:lnTo>
                <a:lnTo>
                  <a:pt x="280" y="692"/>
                </a:lnTo>
                <a:lnTo>
                  <a:pt x="286" y="702"/>
                </a:lnTo>
                <a:lnTo>
                  <a:pt x="290" y="704"/>
                </a:lnTo>
                <a:lnTo>
                  <a:pt x="292" y="696"/>
                </a:lnTo>
                <a:lnTo>
                  <a:pt x="286" y="682"/>
                </a:lnTo>
                <a:lnTo>
                  <a:pt x="276" y="670"/>
                </a:lnTo>
                <a:lnTo>
                  <a:pt x="266" y="660"/>
                </a:lnTo>
                <a:lnTo>
                  <a:pt x="260" y="652"/>
                </a:lnTo>
                <a:lnTo>
                  <a:pt x="252" y="648"/>
                </a:lnTo>
                <a:lnTo>
                  <a:pt x="252" y="640"/>
                </a:lnTo>
                <a:lnTo>
                  <a:pt x="256" y="636"/>
                </a:lnTo>
                <a:lnTo>
                  <a:pt x="256" y="628"/>
                </a:lnTo>
                <a:lnTo>
                  <a:pt x="248" y="620"/>
                </a:lnTo>
                <a:lnTo>
                  <a:pt x="242" y="612"/>
                </a:lnTo>
                <a:lnTo>
                  <a:pt x="246" y="608"/>
                </a:lnTo>
                <a:lnTo>
                  <a:pt x="252" y="606"/>
                </a:lnTo>
                <a:lnTo>
                  <a:pt x="256" y="612"/>
                </a:lnTo>
                <a:lnTo>
                  <a:pt x="258" y="620"/>
                </a:lnTo>
                <a:lnTo>
                  <a:pt x="260" y="624"/>
                </a:lnTo>
                <a:lnTo>
                  <a:pt x="268" y="626"/>
                </a:lnTo>
                <a:lnTo>
                  <a:pt x="272" y="618"/>
                </a:lnTo>
                <a:lnTo>
                  <a:pt x="272" y="606"/>
                </a:lnTo>
                <a:lnTo>
                  <a:pt x="270" y="594"/>
                </a:lnTo>
                <a:lnTo>
                  <a:pt x="264" y="586"/>
                </a:lnTo>
                <a:lnTo>
                  <a:pt x="268" y="580"/>
                </a:lnTo>
                <a:lnTo>
                  <a:pt x="274" y="576"/>
                </a:lnTo>
                <a:lnTo>
                  <a:pt x="274" y="572"/>
                </a:lnTo>
                <a:lnTo>
                  <a:pt x="268" y="572"/>
                </a:lnTo>
                <a:lnTo>
                  <a:pt x="264" y="576"/>
                </a:lnTo>
                <a:lnTo>
                  <a:pt x="260" y="568"/>
                </a:lnTo>
                <a:lnTo>
                  <a:pt x="244" y="558"/>
                </a:lnTo>
                <a:lnTo>
                  <a:pt x="240" y="552"/>
                </a:lnTo>
                <a:lnTo>
                  <a:pt x="230" y="546"/>
                </a:lnTo>
                <a:lnTo>
                  <a:pt x="218" y="534"/>
                </a:lnTo>
                <a:lnTo>
                  <a:pt x="214" y="516"/>
                </a:lnTo>
                <a:lnTo>
                  <a:pt x="206" y="504"/>
                </a:lnTo>
                <a:lnTo>
                  <a:pt x="196" y="494"/>
                </a:lnTo>
                <a:lnTo>
                  <a:pt x="196" y="484"/>
                </a:lnTo>
                <a:lnTo>
                  <a:pt x="196" y="478"/>
                </a:lnTo>
                <a:lnTo>
                  <a:pt x="190" y="472"/>
                </a:lnTo>
                <a:lnTo>
                  <a:pt x="192" y="468"/>
                </a:lnTo>
                <a:lnTo>
                  <a:pt x="198" y="476"/>
                </a:lnTo>
                <a:lnTo>
                  <a:pt x="204" y="478"/>
                </a:lnTo>
                <a:lnTo>
                  <a:pt x="210" y="470"/>
                </a:lnTo>
                <a:lnTo>
                  <a:pt x="212" y="466"/>
                </a:lnTo>
                <a:lnTo>
                  <a:pt x="206" y="458"/>
                </a:lnTo>
                <a:lnTo>
                  <a:pt x="200" y="456"/>
                </a:lnTo>
                <a:lnTo>
                  <a:pt x="194" y="448"/>
                </a:lnTo>
                <a:lnTo>
                  <a:pt x="200" y="442"/>
                </a:lnTo>
                <a:lnTo>
                  <a:pt x="200" y="434"/>
                </a:lnTo>
                <a:lnTo>
                  <a:pt x="194" y="434"/>
                </a:lnTo>
                <a:lnTo>
                  <a:pt x="190" y="436"/>
                </a:lnTo>
                <a:lnTo>
                  <a:pt x="182" y="432"/>
                </a:lnTo>
                <a:lnTo>
                  <a:pt x="174" y="424"/>
                </a:lnTo>
                <a:lnTo>
                  <a:pt x="170" y="416"/>
                </a:lnTo>
                <a:lnTo>
                  <a:pt x="178" y="408"/>
                </a:lnTo>
                <a:lnTo>
                  <a:pt x="178" y="400"/>
                </a:lnTo>
                <a:lnTo>
                  <a:pt x="170" y="396"/>
                </a:lnTo>
                <a:lnTo>
                  <a:pt x="158" y="396"/>
                </a:lnTo>
                <a:lnTo>
                  <a:pt x="150" y="394"/>
                </a:lnTo>
                <a:lnTo>
                  <a:pt x="142" y="382"/>
                </a:lnTo>
                <a:lnTo>
                  <a:pt x="132" y="382"/>
                </a:lnTo>
                <a:lnTo>
                  <a:pt x="126" y="382"/>
                </a:lnTo>
                <a:lnTo>
                  <a:pt x="116" y="366"/>
                </a:lnTo>
                <a:lnTo>
                  <a:pt x="106" y="358"/>
                </a:lnTo>
                <a:lnTo>
                  <a:pt x="92" y="350"/>
                </a:lnTo>
                <a:lnTo>
                  <a:pt x="78" y="344"/>
                </a:lnTo>
                <a:lnTo>
                  <a:pt x="68" y="342"/>
                </a:lnTo>
                <a:lnTo>
                  <a:pt x="64" y="330"/>
                </a:lnTo>
                <a:lnTo>
                  <a:pt x="50" y="328"/>
                </a:lnTo>
                <a:lnTo>
                  <a:pt x="42" y="328"/>
                </a:lnTo>
                <a:lnTo>
                  <a:pt x="40" y="334"/>
                </a:lnTo>
                <a:lnTo>
                  <a:pt x="32" y="336"/>
                </a:lnTo>
                <a:lnTo>
                  <a:pt x="24" y="332"/>
                </a:lnTo>
                <a:lnTo>
                  <a:pt x="24" y="320"/>
                </a:lnTo>
                <a:lnTo>
                  <a:pt x="20" y="308"/>
                </a:lnTo>
                <a:lnTo>
                  <a:pt x="16" y="302"/>
                </a:lnTo>
                <a:lnTo>
                  <a:pt x="4" y="302"/>
                </a:lnTo>
                <a:lnTo>
                  <a:pt x="0" y="298"/>
                </a:lnTo>
                <a:lnTo>
                  <a:pt x="4" y="292"/>
                </a:lnTo>
                <a:lnTo>
                  <a:pt x="22" y="292"/>
                </a:lnTo>
                <a:lnTo>
                  <a:pt x="30" y="296"/>
                </a:lnTo>
                <a:lnTo>
                  <a:pt x="38" y="296"/>
                </a:lnTo>
                <a:lnTo>
                  <a:pt x="38" y="286"/>
                </a:lnTo>
                <a:lnTo>
                  <a:pt x="32" y="280"/>
                </a:lnTo>
                <a:lnTo>
                  <a:pt x="26" y="276"/>
                </a:lnTo>
                <a:lnTo>
                  <a:pt x="22" y="274"/>
                </a:lnTo>
                <a:lnTo>
                  <a:pt x="26" y="268"/>
                </a:lnTo>
                <a:lnTo>
                  <a:pt x="30" y="266"/>
                </a:lnTo>
                <a:lnTo>
                  <a:pt x="28" y="262"/>
                </a:lnTo>
                <a:lnTo>
                  <a:pt x="24" y="262"/>
                </a:lnTo>
                <a:lnTo>
                  <a:pt x="14" y="266"/>
                </a:lnTo>
                <a:lnTo>
                  <a:pt x="6" y="258"/>
                </a:lnTo>
                <a:lnTo>
                  <a:pt x="6" y="248"/>
                </a:lnTo>
                <a:lnTo>
                  <a:pt x="12" y="234"/>
                </a:lnTo>
                <a:lnTo>
                  <a:pt x="32" y="224"/>
                </a:lnTo>
                <a:lnTo>
                  <a:pt x="60" y="226"/>
                </a:lnTo>
                <a:lnTo>
                  <a:pt x="78" y="222"/>
                </a:lnTo>
                <a:lnTo>
                  <a:pt x="86" y="228"/>
                </a:lnTo>
                <a:lnTo>
                  <a:pt x="94" y="226"/>
                </a:lnTo>
                <a:lnTo>
                  <a:pt x="104" y="230"/>
                </a:lnTo>
                <a:lnTo>
                  <a:pt x="110" y="232"/>
                </a:lnTo>
                <a:lnTo>
                  <a:pt x="112" y="226"/>
                </a:lnTo>
                <a:lnTo>
                  <a:pt x="116" y="218"/>
                </a:lnTo>
                <a:lnTo>
                  <a:pt x="126" y="218"/>
                </a:lnTo>
                <a:lnTo>
                  <a:pt x="138" y="218"/>
                </a:lnTo>
                <a:lnTo>
                  <a:pt x="144" y="222"/>
                </a:lnTo>
                <a:lnTo>
                  <a:pt x="154" y="220"/>
                </a:lnTo>
                <a:lnTo>
                  <a:pt x="160" y="228"/>
                </a:lnTo>
                <a:lnTo>
                  <a:pt x="170" y="244"/>
                </a:lnTo>
                <a:lnTo>
                  <a:pt x="174" y="254"/>
                </a:lnTo>
                <a:lnTo>
                  <a:pt x="178" y="262"/>
                </a:lnTo>
                <a:lnTo>
                  <a:pt x="188" y="268"/>
                </a:lnTo>
                <a:lnTo>
                  <a:pt x="198" y="260"/>
                </a:lnTo>
                <a:lnTo>
                  <a:pt x="204" y="254"/>
                </a:lnTo>
                <a:lnTo>
                  <a:pt x="216" y="254"/>
                </a:lnTo>
                <a:lnTo>
                  <a:pt x="220" y="252"/>
                </a:lnTo>
                <a:lnTo>
                  <a:pt x="222" y="258"/>
                </a:lnTo>
                <a:lnTo>
                  <a:pt x="238" y="264"/>
                </a:lnTo>
                <a:lnTo>
                  <a:pt x="246" y="260"/>
                </a:lnTo>
                <a:lnTo>
                  <a:pt x="258" y="256"/>
                </a:lnTo>
                <a:lnTo>
                  <a:pt x="258" y="264"/>
                </a:lnTo>
                <a:lnTo>
                  <a:pt x="264" y="268"/>
                </a:lnTo>
                <a:lnTo>
                  <a:pt x="272" y="270"/>
                </a:lnTo>
                <a:lnTo>
                  <a:pt x="290" y="272"/>
                </a:lnTo>
                <a:lnTo>
                  <a:pt x="292" y="264"/>
                </a:lnTo>
                <a:lnTo>
                  <a:pt x="286" y="254"/>
                </a:lnTo>
                <a:lnTo>
                  <a:pt x="284" y="234"/>
                </a:lnTo>
                <a:lnTo>
                  <a:pt x="290" y="212"/>
                </a:lnTo>
                <a:lnTo>
                  <a:pt x="288" y="188"/>
                </a:lnTo>
                <a:lnTo>
                  <a:pt x="286" y="178"/>
                </a:lnTo>
                <a:lnTo>
                  <a:pt x="276" y="170"/>
                </a:lnTo>
                <a:lnTo>
                  <a:pt x="276" y="154"/>
                </a:lnTo>
                <a:lnTo>
                  <a:pt x="276" y="138"/>
                </a:lnTo>
                <a:lnTo>
                  <a:pt x="274" y="126"/>
                </a:lnTo>
                <a:lnTo>
                  <a:pt x="286" y="130"/>
                </a:lnTo>
                <a:lnTo>
                  <a:pt x="294" y="138"/>
                </a:lnTo>
                <a:lnTo>
                  <a:pt x="304" y="140"/>
                </a:lnTo>
                <a:lnTo>
                  <a:pt x="312" y="134"/>
                </a:lnTo>
                <a:lnTo>
                  <a:pt x="320" y="134"/>
                </a:lnTo>
                <a:lnTo>
                  <a:pt x="326" y="138"/>
                </a:lnTo>
                <a:lnTo>
                  <a:pt x="332" y="146"/>
                </a:lnTo>
                <a:lnTo>
                  <a:pt x="328" y="152"/>
                </a:lnTo>
                <a:lnTo>
                  <a:pt x="322" y="154"/>
                </a:lnTo>
                <a:lnTo>
                  <a:pt x="322" y="162"/>
                </a:lnTo>
                <a:lnTo>
                  <a:pt x="328" y="168"/>
                </a:lnTo>
                <a:lnTo>
                  <a:pt x="328" y="176"/>
                </a:lnTo>
                <a:lnTo>
                  <a:pt x="332" y="182"/>
                </a:lnTo>
                <a:lnTo>
                  <a:pt x="336" y="184"/>
                </a:lnTo>
                <a:lnTo>
                  <a:pt x="346" y="180"/>
                </a:lnTo>
                <a:lnTo>
                  <a:pt x="356" y="182"/>
                </a:lnTo>
                <a:lnTo>
                  <a:pt x="374" y="192"/>
                </a:lnTo>
                <a:lnTo>
                  <a:pt x="392" y="192"/>
                </a:lnTo>
                <a:lnTo>
                  <a:pt x="400" y="198"/>
                </a:lnTo>
                <a:lnTo>
                  <a:pt x="422" y="204"/>
                </a:lnTo>
                <a:lnTo>
                  <a:pt x="434" y="196"/>
                </a:lnTo>
                <a:lnTo>
                  <a:pt x="448" y="190"/>
                </a:lnTo>
                <a:lnTo>
                  <a:pt x="448" y="184"/>
                </a:lnTo>
                <a:lnTo>
                  <a:pt x="442" y="182"/>
                </a:lnTo>
                <a:lnTo>
                  <a:pt x="438" y="172"/>
                </a:lnTo>
                <a:lnTo>
                  <a:pt x="446" y="158"/>
                </a:lnTo>
                <a:lnTo>
                  <a:pt x="454" y="152"/>
                </a:lnTo>
                <a:lnTo>
                  <a:pt x="470" y="146"/>
                </a:lnTo>
                <a:lnTo>
                  <a:pt x="486" y="136"/>
                </a:lnTo>
                <a:lnTo>
                  <a:pt x="524" y="136"/>
                </a:lnTo>
                <a:lnTo>
                  <a:pt x="544" y="130"/>
                </a:lnTo>
                <a:lnTo>
                  <a:pt x="558" y="116"/>
                </a:lnTo>
                <a:lnTo>
                  <a:pt x="572" y="98"/>
                </a:lnTo>
                <a:lnTo>
                  <a:pt x="576" y="68"/>
                </a:lnTo>
                <a:lnTo>
                  <a:pt x="580" y="38"/>
                </a:lnTo>
                <a:lnTo>
                  <a:pt x="584" y="20"/>
                </a:lnTo>
                <a:lnTo>
                  <a:pt x="604" y="10"/>
                </a:lnTo>
                <a:lnTo>
                  <a:pt x="632" y="4"/>
                </a:lnTo>
                <a:lnTo>
                  <a:pt x="666" y="0"/>
                </a:lnTo>
                <a:lnTo>
                  <a:pt x="664" y="4"/>
                </a:lnTo>
                <a:lnTo>
                  <a:pt x="668" y="10"/>
                </a:lnTo>
                <a:lnTo>
                  <a:pt x="668" y="16"/>
                </a:lnTo>
                <a:lnTo>
                  <a:pt x="680" y="30"/>
                </a:lnTo>
                <a:lnTo>
                  <a:pt x="694" y="42"/>
                </a:lnTo>
                <a:lnTo>
                  <a:pt x="710" y="44"/>
                </a:lnTo>
                <a:lnTo>
                  <a:pt x="718" y="64"/>
                </a:lnTo>
                <a:lnTo>
                  <a:pt x="718" y="78"/>
                </a:lnTo>
                <a:lnTo>
                  <a:pt x="738" y="78"/>
                </a:lnTo>
                <a:lnTo>
                  <a:pt x="750" y="90"/>
                </a:lnTo>
                <a:lnTo>
                  <a:pt x="752" y="104"/>
                </a:lnTo>
                <a:lnTo>
                  <a:pt x="778" y="104"/>
                </a:lnTo>
                <a:lnTo>
                  <a:pt x="790" y="116"/>
                </a:lnTo>
                <a:lnTo>
                  <a:pt x="784" y="126"/>
                </a:lnTo>
                <a:lnTo>
                  <a:pt x="792" y="138"/>
                </a:lnTo>
                <a:lnTo>
                  <a:pt x="786" y="146"/>
                </a:lnTo>
                <a:lnTo>
                  <a:pt x="788" y="156"/>
                </a:lnTo>
                <a:lnTo>
                  <a:pt x="812" y="160"/>
                </a:lnTo>
                <a:lnTo>
                  <a:pt x="824" y="156"/>
                </a:lnTo>
                <a:lnTo>
                  <a:pt x="830" y="148"/>
                </a:lnTo>
                <a:lnTo>
                  <a:pt x="830" y="140"/>
                </a:lnTo>
                <a:lnTo>
                  <a:pt x="840" y="132"/>
                </a:lnTo>
                <a:lnTo>
                  <a:pt x="846" y="142"/>
                </a:lnTo>
                <a:lnTo>
                  <a:pt x="838" y="152"/>
                </a:lnTo>
                <a:lnTo>
                  <a:pt x="840" y="178"/>
                </a:lnTo>
                <a:lnTo>
                  <a:pt x="854" y="180"/>
                </a:lnTo>
                <a:lnTo>
                  <a:pt x="882" y="202"/>
                </a:lnTo>
                <a:lnTo>
                  <a:pt x="890" y="218"/>
                </a:lnTo>
                <a:lnTo>
                  <a:pt x="920" y="220"/>
                </a:lnTo>
                <a:lnTo>
                  <a:pt x="926" y="224"/>
                </a:lnTo>
                <a:lnTo>
                  <a:pt x="934" y="232"/>
                </a:lnTo>
                <a:lnTo>
                  <a:pt x="940" y="228"/>
                </a:lnTo>
                <a:lnTo>
                  <a:pt x="946" y="222"/>
                </a:lnTo>
                <a:lnTo>
                  <a:pt x="956" y="224"/>
                </a:lnTo>
                <a:lnTo>
                  <a:pt x="964" y="226"/>
                </a:lnTo>
                <a:lnTo>
                  <a:pt x="980" y="234"/>
                </a:lnTo>
                <a:lnTo>
                  <a:pt x="982" y="250"/>
                </a:lnTo>
                <a:lnTo>
                  <a:pt x="1000" y="270"/>
                </a:lnTo>
                <a:lnTo>
                  <a:pt x="1004" y="264"/>
                </a:lnTo>
                <a:lnTo>
                  <a:pt x="1018" y="268"/>
                </a:lnTo>
                <a:lnTo>
                  <a:pt x="1018" y="276"/>
                </a:lnTo>
                <a:lnTo>
                  <a:pt x="1036" y="280"/>
                </a:lnTo>
                <a:lnTo>
                  <a:pt x="1056" y="276"/>
                </a:lnTo>
                <a:lnTo>
                  <a:pt x="1068" y="288"/>
                </a:lnTo>
                <a:lnTo>
                  <a:pt x="1096" y="288"/>
                </a:lnTo>
                <a:lnTo>
                  <a:pt x="1120" y="300"/>
                </a:lnTo>
                <a:lnTo>
                  <a:pt x="1100" y="324"/>
                </a:lnTo>
                <a:lnTo>
                  <a:pt x="1082" y="344"/>
                </a:lnTo>
                <a:lnTo>
                  <a:pt x="1076" y="378"/>
                </a:lnTo>
                <a:lnTo>
                  <a:pt x="1060" y="410"/>
                </a:lnTo>
                <a:lnTo>
                  <a:pt x="1066" y="424"/>
                </a:lnTo>
                <a:lnTo>
                  <a:pt x="1056" y="442"/>
                </a:lnTo>
                <a:lnTo>
                  <a:pt x="1058" y="470"/>
                </a:lnTo>
                <a:lnTo>
                  <a:pt x="1052" y="480"/>
                </a:lnTo>
                <a:lnTo>
                  <a:pt x="1042" y="494"/>
                </a:lnTo>
                <a:lnTo>
                  <a:pt x="1024" y="494"/>
                </a:lnTo>
                <a:lnTo>
                  <a:pt x="1020" y="488"/>
                </a:lnTo>
                <a:lnTo>
                  <a:pt x="1008" y="488"/>
                </a:lnTo>
                <a:lnTo>
                  <a:pt x="1006" y="508"/>
                </a:lnTo>
                <a:lnTo>
                  <a:pt x="988" y="518"/>
                </a:lnTo>
                <a:lnTo>
                  <a:pt x="980" y="542"/>
                </a:lnTo>
                <a:lnTo>
                  <a:pt x="960" y="556"/>
                </a:lnTo>
                <a:lnTo>
                  <a:pt x="954" y="580"/>
                </a:lnTo>
                <a:lnTo>
                  <a:pt x="928" y="598"/>
                </a:lnTo>
                <a:lnTo>
                  <a:pt x="922" y="614"/>
                </a:lnTo>
                <a:lnTo>
                  <a:pt x="928" y="626"/>
                </a:lnTo>
                <a:lnTo>
                  <a:pt x="920" y="640"/>
                </a:lnTo>
                <a:lnTo>
                  <a:pt x="910" y="646"/>
                </a:lnTo>
                <a:lnTo>
                  <a:pt x="910" y="654"/>
                </a:lnTo>
                <a:lnTo>
                  <a:pt x="922" y="656"/>
                </a:lnTo>
                <a:lnTo>
                  <a:pt x="940" y="644"/>
                </a:lnTo>
                <a:lnTo>
                  <a:pt x="942" y="632"/>
                </a:lnTo>
                <a:lnTo>
                  <a:pt x="954" y="624"/>
                </a:lnTo>
                <a:lnTo>
                  <a:pt x="970" y="628"/>
                </a:lnTo>
                <a:lnTo>
                  <a:pt x="986" y="638"/>
                </a:lnTo>
                <a:lnTo>
                  <a:pt x="984" y="660"/>
                </a:lnTo>
                <a:lnTo>
                  <a:pt x="998" y="674"/>
                </a:lnTo>
                <a:lnTo>
                  <a:pt x="1002" y="690"/>
                </a:lnTo>
                <a:lnTo>
                  <a:pt x="1000" y="698"/>
                </a:lnTo>
                <a:lnTo>
                  <a:pt x="986" y="696"/>
                </a:lnTo>
                <a:lnTo>
                  <a:pt x="978" y="708"/>
                </a:lnTo>
                <a:lnTo>
                  <a:pt x="986" y="720"/>
                </a:lnTo>
                <a:lnTo>
                  <a:pt x="994" y="726"/>
                </a:lnTo>
                <a:lnTo>
                  <a:pt x="998" y="744"/>
                </a:lnTo>
                <a:lnTo>
                  <a:pt x="1014" y="758"/>
                </a:lnTo>
                <a:lnTo>
                  <a:pt x="1006" y="766"/>
                </a:lnTo>
                <a:lnTo>
                  <a:pt x="1006" y="778"/>
                </a:lnTo>
                <a:lnTo>
                  <a:pt x="994" y="780"/>
                </a:lnTo>
                <a:lnTo>
                  <a:pt x="986" y="790"/>
                </a:lnTo>
                <a:lnTo>
                  <a:pt x="974" y="788"/>
                </a:lnTo>
                <a:lnTo>
                  <a:pt x="962" y="794"/>
                </a:lnTo>
                <a:lnTo>
                  <a:pt x="972" y="808"/>
                </a:lnTo>
                <a:lnTo>
                  <a:pt x="972" y="816"/>
                </a:lnTo>
                <a:lnTo>
                  <a:pt x="976" y="824"/>
                </a:lnTo>
                <a:lnTo>
                  <a:pt x="994" y="828"/>
                </a:lnTo>
                <a:lnTo>
                  <a:pt x="1000" y="842"/>
                </a:lnTo>
                <a:lnTo>
                  <a:pt x="978" y="864"/>
                </a:lnTo>
                <a:lnTo>
                  <a:pt x="984" y="878"/>
                </a:lnTo>
                <a:lnTo>
                  <a:pt x="980" y="888"/>
                </a:lnTo>
                <a:lnTo>
                  <a:pt x="986" y="902"/>
                </a:lnTo>
                <a:lnTo>
                  <a:pt x="1026" y="920"/>
                </a:lnTo>
                <a:lnTo>
                  <a:pt x="1050" y="920"/>
                </a:lnTo>
                <a:lnTo>
                  <a:pt x="1056" y="932"/>
                </a:lnTo>
                <a:lnTo>
                  <a:pt x="1048" y="938"/>
                </a:lnTo>
                <a:lnTo>
                  <a:pt x="1036" y="954"/>
                </a:lnTo>
                <a:lnTo>
                  <a:pt x="1042" y="970"/>
                </a:lnTo>
                <a:lnTo>
                  <a:pt x="1038" y="970"/>
                </a:lnTo>
                <a:lnTo>
                  <a:pt x="1038" y="972"/>
                </a:lnTo>
                <a:lnTo>
                  <a:pt x="1036" y="968"/>
                </a:lnTo>
                <a:lnTo>
                  <a:pt x="1032" y="966"/>
                </a:lnTo>
                <a:lnTo>
                  <a:pt x="1028" y="966"/>
                </a:lnTo>
                <a:lnTo>
                  <a:pt x="1022" y="970"/>
                </a:lnTo>
                <a:lnTo>
                  <a:pt x="1020" y="974"/>
                </a:lnTo>
                <a:lnTo>
                  <a:pt x="1020" y="980"/>
                </a:lnTo>
                <a:lnTo>
                  <a:pt x="1022" y="982"/>
                </a:lnTo>
                <a:lnTo>
                  <a:pt x="1022" y="984"/>
                </a:lnTo>
                <a:close/>
              </a:path>
            </a:pathLst>
          </a:custGeom>
          <a:solidFill>
            <a:srgbClr val="C0C0C0"/>
          </a:solidFill>
          <a:ln w="6350" cmpd="sng">
            <a:solidFill>
              <a:srgbClr val="000000"/>
            </a:solidFill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19" name="Freeform 90"/>
          <p:cNvSpPr>
            <a:spLocks/>
          </p:cNvSpPr>
          <p:nvPr/>
        </p:nvSpPr>
        <p:spPr bwMode="auto">
          <a:xfrm>
            <a:off x="2813050" y="4802188"/>
            <a:ext cx="1541463" cy="1352550"/>
          </a:xfrm>
          <a:custGeom>
            <a:avLst/>
            <a:gdLst>
              <a:gd name="T0" fmla="*/ 2147483647 w 1190"/>
              <a:gd name="T1" fmla="*/ 2147483647 h 1044"/>
              <a:gd name="T2" fmla="*/ 2147483647 w 1190"/>
              <a:gd name="T3" fmla="*/ 2147483647 h 1044"/>
              <a:gd name="T4" fmla="*/ 2147483647 w 1190"/>
              <a:gd name="T5" fmla="*/ 2147483647 h 1044"/>
              <a:gd name="T6" fmla="*/ 2147483647 w 1190"/>
              <a:gd name="T7" fmla="*/ 2147483647 h 1044"/>
              <a:gd name="T8" fmla="*/ 2147483647 w 1190"/>
              <a:gd name="T9" fmla="*/ 2147483647 h 1044"/>
              <a:gd name="T10" fmla="*/ 2147483647 w 1190"/>
              <a:gd name="T11" fmla="*/ 2147483647 h 1044"/>
              <a:gd name="T12" fmla="*/ 2147483647 w 1190"/>
              <a:gd name="T13" fmla="*/ 2147483647 h 1044"/>
              <a:gd name="T14" fmla="*/ 2147483647 w 1190"/>
              <a:gd name="T15" fmla="*/ 2147483647 h 1044"/>
              <a:gd name="T16" fmla="*/ 2147483647 w 1190"/>
              <a:gd name="T17" fmla="*/ 2147483647 h 1044"/>
              <a:gd name="T18" fmla="*/ 2147483647 w 1190"/>
              <a:gd name="T19" fmla="*/ 2147483647 h 1044"/>
              <a:gd name="T20" fmla="*/ 2147483647 w 1190"/>
              <a:gd name="T21" fmla="*/ 2147483647 h 1044"/>
              <a:gd name="T22" fmla="*/ 2147483647 w 1190"/>
              <a:gd name="T23" fmla="*/ 2147483647 h 1044"/>
              <a:gd name="T24" fmla="*/ 2147483647 w 1190"/>
              <a:gd name="T25" fmla="*/ 2147483647 h 1044"/>
              <a:gd name="T26" fmla="*/ 2147483647 w 1190"/>
              <a:gd name="T27" fmla="*/ 2147483647 h 1044"/>
              <a:gd name="T28" fmla="*/ 2147483647 w 1190"/>
              <a:gd name="T29" fmla="*/ 2147483647 h 1044"/>
              <a:gd name="T30" fmla="*/ 2147483647 w 1190"/>
              <a:gd name="T31" fmla="*/ 2147483647 h 1044"/>
              <a:gd name="T32" fmla="*/ 2147483647 w 1190"/>
              <a:gd name="T33" fmla="*/ 2147483647 h 1044"/>
              <a:gd name="T34" fmla="*/ 2147483647 w 1190"/>
              <a:gd name="T35" fmla="*/ 2147483647 h 1044"/>
              <a:gd name="T36" fmla="*/ 2147483647 w 1190"/>
              <a:gd name="T37" fmla="*/ 2147483647 h 1044"/>
              <a:gd name="T38" fmla="*/ 2147483647 w 1190"/>
              <a:gd name="T39" fmla="*/ 2147483647 h 1044"/>
              <a:gd name="T40" fmla="*/ 2147483647 w 1190"/>
              <a:gd name="T41" fmla="*/ 2147483647 h 1044"/>
              <a:gd name="T42" fmla="*/ 2147483647 w 1190"/>
              <a:gd name="T43" fmla="*/ 2147483647 h 1044"/>
              <a:gd name="T44" fmla="*/ 2147483647 w 1190"/>
              <a:gd name="T45" fmla="*/ 2147483647 h 1044"/>
              <a:gd name="T46" fmla="*/ 2147483647 w 1190"/>
              <a:gd name="T47" fmla="*/ 2147483647 h 1044"/>
              <a:gd name="T48" fmla="*/ 0 w 1190"/>
              <a:gd name="T49" fmla="*/ 2147483647 h 1044"/>
              <a:gd name="T50" fmla="*/ 2147483647 w 1190"/>
              <a:gd name="T51" fmla="*/ 2147483647 h 1044"/>
              <a:gd name="T52" fmla="*/ 2147483647 w 1190"/>
              <a:gd name="T53" fmla="*/ 2147483647 h 1044"/>
              <a:gd name="T54" fmla="*/ 2147483647 w 1190"/>
              <a:gd name="T55" fmla="*/ 2147483647 h 1044"/>
              <a:gd name="T56" fmla="*/ 2147483647 w 1190"/>
              <a:gd name="T57" fmla="*/ 2147483647 h 1044"/>
              <a:gd name="T58" fmla="*/ 2147483647 w 1190"/>
              <a:gd name="T59" fmla="*/ 2147483647 h 1044"/>
              <a:gd name="T60" fmla="*/ 2147483647 w 1190"/>
              <a:gd name="T61" fmla="*/ 2147483647 h 1044"/>
              <a:gd name="T62" fmla="*/ 2147483647 w 1190"/>
              <a:gd name="T63" fmla="*/ 2147483647 h 1044"/>
              <a:gd name="T64" fmla="*/ 2147483647 w 1190"/>
              <a:gd name="T65" fmla="*/ 2147483647 h 1044"/>
              <a:gd name="T66" fmla="*/ 2147483647 w 1190"/>
              <a:gd name="T67" fmla="*/ 2147483647 h 1044"/>
              <a:gd name="T68" fmla="*/ 2147483647 w 1190"/>
              <a:gd name="T69" fmla="*/ 2147483647 h 1044"/>
              <a:gd name="T70" fmla="*/ 2147483647 w 1190"/>
              <a:gd name="T71" fmla="*/ 2147483647 h 1044"/>
              <a:gd name="T72" fmla="*/ 2147483647 w 1190"/>
              <a:gd name="T73" fmla="*/ 2147483647 h 1044"/>
              <a:gd name="T74" fmla="*/ 2147483647 w 1190"/>
              <a:gd name="T75" fmla="*/ 2147483647 h 1044"/>
              <a:gd name="T76" fmla="*/ 2147483647 w 1190"/>
              <a:gd name="T77" fmla="*/ 2147483647 h 1044"/>
              <a:gd name="T78" fmla="*/ 2147483647 w 1190"/>
              <a:gd name="T79" fmla="*/ 2147483647 h 1044"/>
              <a:gd name="T80" fmla="*/ 2147483647 w 1190"/>
              <a:gd name="T81" fmla="*/ 2147483647 h 1044"/>
              <a:gd name="T82" fmla="*/ 2147483647 w 1190"/>
              <a:gd name="T83" fmla="*/ 2147483647 h 1044"/>
              <a:gd name="T84" fmla="*/ 2147483647 w 1190"/>
              <a:gd name="T85" fmla="*/ 2147483647 h 1044"/>
              <a:gd name="T86" fmla="*/ 2147483647 w 1190"/>
              <a:gd name="T87" fmla="*/ 2147483647 h 1044"/>
              <a:gd name="T88" fmla="*/ 2147483647 w 1190"/>
              <a:gd name="T89" fmla="*/ 2147483647 h 1044"/>
              <a:gd name="T90" fmla="*/ 2147483647 w 1190"/>
              <a:gd name="T91" fmla="*/ 2147483647 h 1044"/>
              <a:gd name="T92" fmla="*/ 2147483647 w 1190"/>
              <a:gd name="T93" fmla="*/ 2147483647 h 1044"/>
              <a:gd name="T94" fmla="*/ 2147483647 w 1190"/>
              <a:gd name="T95" fmla="*/ 2147483647 h 1044"/>
              <a:gd name="T96" fmla="*/ 2147483647 w 1190"/>
              <a:gd name="T97" fmla="*/ 2147483647 h 1044"/>
              <a:gd name="T98" fmla="*/ 2147483647 w 1190"/>
              <a:gd name="T99" fmla="*/ 2147483647 h 1044"/>
              <a:gd name="T100" fmla="*/ 2147483647 w 1190"/>
              <a:gd name="T101" fmla="*/ 2147483647 h 1044"/>
              <a:gd name="T102" fmla="*/ 2147483647 w 1190"/>
              <a:gd name="T103" fmla="*/ 2147483647 h 1044"/>
              <a:gd name="T104" fmla="*/ 2147483647 w 1190"/>
              <a:gd name="T105" fmla="*/ 2147483647 h 1044"/>
              <a:gd name="T106" fmla="*/ 2147483647 w 1190"/>
              <a:gd name="T107" fmla="*/ 2147483647 h 1044"/>
              <a:gd name="T108" fmla="*/ 2147483647 w 1190"/>
              <a:gd name="T109" fmla="*/ 2147483647 h 1044"/>
              <a:gd name="T110" fmla="*/ 2147483647 w 1190"/>
              <a:gd name="T111" fmla="*/ 2147483647 h 1044"/>
              <a:gd name="T112" fmla="*/ 2147483647 w 1190"/>
              <a:gd name="T113" fmla="*/ 2147483647 h 1044"/>
              <a:gd name="T114" fmla="*/ 2147483647 w 1190"/>
              <a:gd name="T115" fmla="*/ 2147483647 h 1044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0" t="0" r="r" b="b"/>
            <a:pathLst>
              <a:path w="1190" h="1044">
                <a:moveTo>
                  <a:pt x="1036" y="320"/>
                </a:moveTo>
                <a:lnTo>
                  <a:pt x="1046" y="320"/>
                </a:lnTo>
                <a:lnTo>
                  <a:pt x="1060" y="330"/>
                </a:lnTo>
                <a:lnTo>
                  <a:pt x="1062" y="336"/>
                </a:lnTo>
                <a:lnTo>
                  <a:pt x="1070" y="344"/>
                </a:lnTo>
                <a:lnTo>
                  <a:pt x="1082" y="336"/>
                </a:lnTo>
                <a:lnTo>
                  <a:pt x="1092" y="336"/>
                </a:lnTo>
                <a:lnTo>
                  <a:pt x="1102" y="338"/>
                </a:lnTo>
                <a:lnTo>
                  <a:pt x="1112" y="350"/>
                </a:lnTo>
                <a:lnTo>
                  <a:pt x="1130" y="348"/>
                </a:lnTo>
                <a:lnTo>
                  <a:pt x="1132" y="340"/>
                </a:lnTo>
                <a:lnTo>
                  <a:pt x="1144" y="338"/>
                </a:lnTo>
                <a:lnTo>
                  <a:pt x="1152" y="338"/>
                </a:lnTo>
                <a:lnTo>
                  <a:pt x="1164" y="338"/>
                </a:lnTo>
                <a:lnTo>
                  <a:pt x="1178" y="344"/>
                </a:lnTo>
                <a:lnTo>
                  <a:pt x="1180" y="350"/>
                </a:lnTo>
                <a:lnTo>
                  <a:pt x="1184" y="356"/>
                </a:lnTo>
                <a:lnTo>
                  <a:pt x="1190" y="362"/>
                </a:lnTo>
                <a:lnTo>
                  <a:pt x="1186" y="370"/>
                </a:lnTo>
                <a:lnTo>
                  <a:pt x="1180" y="370"/>
                </a:lnTo>
                <a:lnTo>
                  <a:pt x="1172" y="370"/>
                </a:lnTo>
                <a:lnTo>
                  <a:pt x="1172" y="376"/>
                </a:lnTo>
                <a:lnTo>
                  <a:pt x="1174" y="390"/>
                </a:lnTo>
                <a:lnTo>
                  <a:pt x="1178" y="394"/>
                </a:lnTo>
                <a:lnTo>
                  <a:pt x="1178" y="404"/>
                </a:lnTo>
                <a:lnTo>
                  <a:pt x="1176" y="408"/>
                </a:lnTo>
                <a:lnTo>
                  <a:pt x="1174" y="414"/>
                </a:lnTo>
                <a:lnTo>
                  <a:pt x="1168" y="420"/>
                </a:lnTo>
                <a:lnTo>
                  <a:pt x="1162" y="424"/>
                </a:lnTo>
                <a:lnTo>
                  <a:pt x="1144" y="438"/>
                </a:lnTo>
                <a:lnTo>
                  <a:pt x="1128" y="444"/>
                </a:lnTo>
                <a:lnTo>
                  <a:pt x="1116" y="450"/>
                </a:lnTo>
                <a:lnTo>
                  <a:pt x="1098" y="456"/>
                </a:lnTo>
                <a:lnTo>
                  <a:pt x="1076" y="464"/>
                </a:lnTo>
                <a:lnTo>
                  <a:pt x="1070" y="470"/>
                </a:lnTo>
                <a:lnTo>
                  <a:pt x="1066" y="480"/>
                </a:lnTo>
                <a:lnTo>
                  <a:pt x="1060" y="482"/>
                </a:lnTo>
                <a:lnTo>
                  <a:pt x="1036" y="488"/>
                </a:lnTo>
                <a:lnTo>
                  <a:pt x="1008" y="490"/>
                </a:lnTo>
                <a:lnTo>
                  <a:pt x="980" y="496"/>
                </a:lnTo>
                <a:lnTo>
                  <a:pt x="954" y="500"/>
                </a:lnTo>
                <a:lnTo>
                  <a:pt x="942" y="504"/>
                </a:lnTo>
                <a:lnTo>
                  <a:pt x="916" y="528"/>
                </a:lnTo>
                <a:lnTo>
                  <a:pt x="930" y="542"/>
                </a:lnTo>
                <a:lnTo>
                  <a:pt x="910" y="560"/>
                </a:lnTo>
                <a:lnTo>
                  <a:pt x="900" y="554"/>
                </a:lnTo>
                <a:lnTo>
                  <a:pt x="888" y="570"/>
                </a:lnTo>
                <a:lnTo>
                  <a:pt x="866" y="594"/>
                </a:lnTo>
                <a:lnTo>
                  <a:pt x="840" y="618"/>
                </a:lnTo>
                <a:lnTo>
                  <a:pt x="806" y="660"/>
                </a:lnTo>
                <a:lnTo>
                  <a:pt x="788" y="690"/>
                </a:lnTo>
                <a:lnTo>
                  <a:pt x="788" y="698"/>
                </a:lnTo>
                <a:lnTo>
                  <a:pt x="790" y="720"/>
                </a:lnTo>
                <a:lnTo>
                  <a:pt x="794" y="744"/>
                </a:lnTo>
                <a:lnTo>
                  <a:pt x="800" y="760"/>
                </a:lnTo>
                <a:lnTo>
                  <a:pt x="812" y="774"/>
                </a:lnTo>
                <a:lnTo>
                  <a:pt x="824" y="782"/>
                </a:lnTo>
                <a:lnTo>
                  <a:pt x="830" y="794"/>
                </a:lnTo>
                <a:lnTo>
                  <a:pt x="820" y="796"/>
                </a:lnTo>
                <a:lnTo>
                  <a:pt x="806" y="804"/>
                </a:lnTo>
                <a:lnTo>
                  <a:pt x="794" y="810"/>
                </a:lnTo>
                <a:lnTo>
                  <a:pt x="790" y="818"/>
                </a:lnTo>
                <a:lnTo>
                  <a:pt x="774" y="818"/>
                </a:lnTo>
                <a:lnTo>
                  <a:pt x="760" y="826"/>
                </a:lnTo>
                <a:lnTo>
                  <a:pt x="750" y="836"/>
                </a:lnTo>
                <a:lnTo>
                  <a:pt x="744" y="842"/>
                </a:lnTo>
                <a:lnTo>
                  <a:pt x="746" y="852"/>
                </a:lnTo>
                <a:lnTo>
                  <a:pt x="736" y="854"/>
                </a:lnTo>
                <a:lnTo>
                  <a:pt x="730" y="864"/>
                </a:lnTo>
                <a:lnTo>
                  <a:pt x="724" y="876"/>
                </a:lnTo>
                <a:lnTo>
                  <a:pt x="718" y="884"/>
                </a:lnTo>
                <a:lnTo>
                  <a:pt x="710" y="896"/>
                </a:lnTo>
                <a:lnTo>
                  <a:pt x="706" y="904"/>
                </a:lnTo>
                <a:lnTo>
                  <a:pt x="708" y="910"/>
                </a:lnTo>
                <a:lnTo>
                  <a:pt x="710" y="918"/>
                </a:lnTo>
                <a:lnTo>
                  <a:pt x="710" y="924"/>
                </a:lnTo>
                <a:lnTo>
                  <a:pt x="710" y="928"/>
                </a:lnTo>
                <a:lnTo>
                  <a:pt x="708" y="930"/>
                </a:lnTo>
                <a:lnTo>
                  <a:pt x="694" y="930"/>
                </a:lnTo>
                <a:lnTo>
                  <a:pt x="680" y="928"/>
                </a:lnTo>
                <a:lnTo>
                  <a:pt x="668" y="926"/>
                </a:lnTo>
                <a:lnTo>
                  <a:pt x="658" y="926"/>
                </a:lnTo>
                <a:lnTo>
                  <a:pt x="642" y="926"/>
                </a:lnTo>
                <a:lnTo>
                  <a:pt x="628" y="938"/>
                </a:lnTo>
                <a:lnTo>
                  <a:pt x="612" y="942"/>
                </a:lnTo>
                <a:lnTo>
                  <a:pt x="600" y="952"/>
                </a:lnTo>
                <a:lnTo>
                  <a:pt x="588" y="964"/>
                </a:lnTo>
                <a:lnTo>
                  <a:pt x="582" y="978"/>
                </a:lnTo>
                <a:lnTo>
                  <a:pt x="574" y="988"/>
                </a:lnTo>
                <a:lnTo>
                  <a:pt x="562" y="1000"/>
                </a:lnTo>
                <a:lnTo>
                  <a:pt x="556" y="1006"/>
                </a:lnTo>
                <a:lnTo>
                  <a:pt x="552" y="1014"/>
                </a:lnTo>
                <a:lnTo>
                  <a:pt x="548" y="1016"/>
                </a:lnTo>
                <a:lnTo>
                  <a:pt x="544" y="1018"/>
                </a:lnTo>
                <a:lnTo>
                  <a:pt x="538" y="1020"/>
                </a:lnTo>
                <a:lnTo>
                  <a:pt x="532" y="1010"/>
                </a:lnTo>
                <a:lnTo>
                  <a:pt x="522" y="1000"/>
                </a:lnTo>
                <a:lnTo>
                  <a:pt x="506" y="1000"/>
                </a:lnTo>
                <a:lnTo>
                  <a:pt x="496" y="1004"/>
                </a:lnTo>
                <a:lnTo>
                  <a:pt x="490" y="1010"/>
                </a:lnTo>
                <a:lnTo>
                  <a:pt x="482" y="1014"/>
                </a:lnTo>
                <a:lnTo>
                  <a:pt x="468" y="1010"/>
                </a:lnTo>
                <a:lnTo>
                  <a:pt x="452" y="1002"/>
                </a:lnTo>
                <a:lnTo>
                  <a:pt x="440" y="998"/>
                </a:lnTo>
                <a:lnTo>
                  <a:pt x="416" y="996"/>
                </a:lnTo>
                <a:lnTo>
                  <a:pt x="410" y="1002"/>
                </a:lnTo>
                <a:lnTo>
                  <a:pt x="398" y="998"/>
                </a:lnTo>
                <a:lnTo>
                  <a:pt x="388" y="992"/>
                </a:lnTo>
                <a:lnTo>
                  <a:pt x="372" y="988"/>
                </a:lnTo>
                <a:lnTo>
                  <a:pt x="354" y="986"/>
                </a:lnTo>
                <a:lnTo>
                  <a:pt x="342" y="984"/>
                </a:lnTo>
                <a:lnTo>
                  <a:pt x="326" y="982"/>
                </a:lnTo>
                <a:lnTo>
                  <a:pt x="312" y="982"/>
                </a:lnTo>
                <a:lnTo>
                  <a:pt x="296" y="984"/>
                </a:lnTo>
                <a:lnTo>
                  <a:pt x="288" y="992"/>
                </a:lnTo>
                <a:lnTo>
                  <a:pt x="278" y="998"/>
                </a:lnTo>
                <a:lnTo>
                  <a:pt x="268" y="1000"/>
                </a:lnTo>
                <a:lnTo>
                  <a:pt x="254" y="998"/>
                </a:lnTo>
                <a:lnTo>
                  <a:pt x="240" y="996"/>
                </a:lnTo>
                <a:lnTo>
                  <a:pt x="228" y="1000"/>
                </a:lnTo>
                <a:lnTo>
                  <a:pt x="208" y="1004"/>
                </a:lnTo>
                <a:lnTo>
                  <a:pt x="194" y="1018"/>
                </a:lnTo>
                <a:lnTo>
                  <a:pt x="186" y="1028"/>
                </a:lnTo>
                <a:lnTo>
                  <a:pt x="176" y="1030"/>
                </a:lnTo>
                <a:lnTo>
                  <a:pt x="176" y="1038"/>
                </a:lnTo>
                <a:lnTo>
                  <a:pt x="172" y="1042"/>
                </a:lnTo>
                <a:lnTo>
                  <a:pt x="168" y="1044"/>
                </a:lnTo>
                <a:lnTo>
                  <a:pt x="154" y="1044"/>
                </a:lnTo>
                <a:lnTo>
                  <a:pt x="142" y="1034"/>
                </a:lnTo>
                <a:lnTo>
                  <a:pt x="130" y="1020"/>
                </a:lnTo>
                <a:lnTo>
                  <a:pt x="124" y="1012"/>
                </a:lnTo>
                <a:lnTo>
                  <a:pt x="116" y="1010"/>
                </a:lnTo>
                <a:lnTo>
                  <a:pt x="106" y="992"/>
                </a:lnTo>
                <a:lnTo>
                  <a:pt x="102" y="982"/>
                </a:lnTo>
                <a:lnTo>
                  <a:pt x="100" y="970"/>
                </a:lnTo>
                <a:lnTo>
                  <a:pt x="100" y="960"/>
                </a:lnTo>
                <a:lnTo>
                  <a:pt x="104" y="952"/>
                </a:lnTo>
                <a:lnTo>
                  <a:pt x="94" y="948"/>
                </a:lnTo>
                <a:lnTo>
                  <a:pt x="88" y="940"/>
                </a:lnTo>
                <a:lnTo>
                  <a:pt x="90" y="930"/>
                </a:lnTo>
                <a:lnTo>
                  <a:pt x="98" y="924"/>
                </a:lnTo>
                <a:lnTo>
                  <a:pt x="102" y="918"/>
                </a:lnTo>
                <a:lnTo>
                  <a:pt x="92" y="910"/>
                </a:lnTo>
                <a:lnTo>
                  <a:pt x="84" y="892"/>
                </a:lnTo>
                <a:lnTo>
                  <a:pt x="72" y="880"/>
                </a:lnTo>
                <a:lnTo>
                  <a:pt x="58" y="870"/>
                </a:lnTo>
                <a:lnTo>
                  <a:pt x="50" y="862"/>
                </a:lnTo>
                <a:lnTo>
                  <a:pt x="36" y="856"/>
                </a:lnTo>
                <a:lnTo>
                  <a:pt x="22" y="850"/>
                </a:lnTo>
                <a:lnTo>
                  <a:pt x="0" y="850"/>
                </a:lnTo>
                <a:lnTo>
                  <a:pt x="2" y="832"/>
                </a:lnTo>
                <a:lnTo>
                  <a:pt x="2" y="816"/>
                </a:lnTo>
                <a:lnTo>
                  <a:pt x="4" y="804"/>
                </a:lnTo>
                <a:lnTo>
                  <a:pt x="2" y="796"/>
                </a:lnTo>
                <a:lnTo>
                  <a:pt x="14" y="780"/>
                </a:lnTo>
                <a:lnTo>
                  <a:pt x="20" y="774"/>
                </a:lnTo>
                <a:lnTo>
                  <a:pt x="28" y="766"/>
                </a:lnTo>
                <a:lnTo>
                  <a:pt x="40" y="752"/>
                </a:lnTo>
                <a:lnTo>
                  <a:pt x="44" y="748"/>
                </a:lnTo>
                <a:lnTo>
                  <a:pt x="54" y="748"/>
                </a:lnTo>
                <a:lnTo>
                  <a:pt x="68" y="746"/>
                </a:lnTo>
                <a:lnTo>
                  <a:pt x="78" y="734"/>
                </a:lnTo>
                <a:lnTo>
                  <a:pt x="80" y="724"/>
                </a:lnTo>
                <a:lnTo>
                  <a:pt x="68" y="726"/>
                </a:lnTo>
                <a:lnTo>
                  <a:pt x="62" y="724"/>
                </a:lnTo>
                <a:lnTo>
                  <a:pt x="60" y="708"/>
                </a:lnTo>
                <a:lnTo>
                  <a:pt x="54" y="696"/>
                </a:lnTo>
                <a:lnTo>
                  <a:pt x="50" y="686"/>
                </a:lnTo>
                <a:lnTo>
                  <a:pt x="54" y="676"/>
                </a:lnTo>
                <a:lnTo>
                  <a:pt x="60" y="666"/>
                </a:lnTo>
                <a:lnTo>
                  <a:pt x="60" y="656"/>
                </a:lnTo>
                <a:lnTo>
                  <a:pt x="70" y="650"/>
                </a:lnTo>
                <a:lnTo>
                  <a:pt x="84" y="642"/>
                </a:lnTo>
                <a:lnTo>
                  <a:pt x="96" y="632"/>
                </a:lnTo>
                <a:lnTo>
                  <a:pt x="100" y="626"/>
                </a:lnTo>
                <a:lnTo>
                  <a:pt x="104" y="616"/>
                </a:lnTo>
                <a:lnTo>
                  <a:pt x="100" y="608"/>
                </a:lnTo>
                <a:lnTo>
                  <a:pt x="90" y="608"/>
                </a:lnTo>
                <a:lnTo>
                  <a:pt x="86" y="600"/>
                </a:lnTo>
                <a:lnTo>
                  <a:pt x="80" y="582"/>
                </a:lnTo>
                <a:lnTo>
                  <a:pt x="80" y="566"/>
                </a:lnTo>
                <a:lnTo>
                  <a:pt x="82" y="558"/>
                </a:lnTo>
                <a:lnTo>
                  <a:pt x="74" y="546"/>
                </a:lnTo>
                <a:lnTo>
                  <a:pt x="68" y="532"/>
                </a:lnTo>
                <a:lnTo>
                  <a:pt x="80" y="526"/>
                </a:lnTo>
                <a:lnTo>
                  <a:pt x="94" y="530"/>
                </a:lnTo>
                <a:lnTo>
                  <a:pt x="104" y="534"/>
                </a:lnTo>
                <a:lnTo>
                  <a:pt x="116" y="534"/>
                </a:lnTo>
                <a:lnTo>
                  <a:pt x="130" y="516"/>
                </a:lnTo>
                <a:lnTo>
                  <a:pt x="140" y="506"/>
                </a:lnTo>
                <a:lnTo>
                  <a:pt x="142" y="492"/>
                </a:lnTo>
                <a:lnTo>
                  <a:pt x="136" y="482"/>
                </a:lnTo>
                <a:lnTo>
                  <a:pt x="134" y="470"/>
                </a:lnTo>
                <a:lnTo>
                  <a:pt x="134" y="468"/>
                </a:lnTo>
                <a:lnTo>
                  <a:pt x="136" y="466"/>
                </a:lnTo>
                <a:lnTo>
                  <a:pt x="138" y="464"/>
                </a:lnTo>
                <a:lnTo>
                  <a:pt x="154" y="462"/>
                </a:lnTo>
                <a:lnTo>
                  <a:pt x="158" y="448"/>
                </a:lnTo>
                <a:lnTo>
                  <a:pt x="166" y="428"/>
                </a:lnTo>
                <a:lnTo>
                  <a:pt x="170" y="412"/>
                </a:lnTo>
                <a:lnTo>
                  <a:pt x="174" y="390"/>
                </a:lnTo>
                <a:lnTo>
                  <a:pt x="172" y="378"/>
                </a:lnTo>
                <a:lnTo>
                  <a:pt x="168" y="368"/>
                </a:lnTo>
                <a:lnTo>
                  <a:pt x="184" y="360"/>
                </a:lnTo>
                <a:lnTo>
                  <a:pt x="194" y="352"/>
                </a:lnTo>
                <a:lnTo>
                  <a:pt x="214" y="344"/>
                </a:lnTo>
                <a:lnTo>
                  <a:pt x="232" y="336"/>
                </a:lnTo>
                <a:lnTo>
                  <a:pt x="240" y="332"/>
                </a:lnTo>
                <a:lnTo>
                  <a:pt x="250" y="320"/>
                </a:lnTo>
                <a:lnTo>
                  <a:pt x="254" y="306"/>
                </a:lnTo>
                <a:lnTo>
                  <a:pt x="242" y="298"/>
                </a:lnTo>
                <a:lnTo>
                  <a:pt x="230" y="296"/>
                </a:lnTo>
                <a:lnTo>
                  <a:pt x="220" y="290"/>
                </a:lnTo>
                <a:lnTo>
                  <a:pt x="228" y="280"/>
                </a:lnTo>
                <a:lnTo>
                  <a:pt x="232" y="268"/>
                </a:lnTo>
                <a:lnTo>
                  <a:pt x="220" y="256"/>
                </a:lnTo>
                <a:lnTo>
                  <a:pt x="208" y="252"/>
                </a:lnTo>
                <a:lnTo>
                  <a:pt x="196" y="252"/>
                </a:lnTo>
                <a:lnTo>
                  <a:pt x="186" y="248"/>
                </a:lnTo>
                <a:lnTo>
                  <a:pt x="176" y="240"/>
                </a:lnTo>
                <a:lnTo>
                  <a:pt x="170" y="252"/>
                </a:lnTo>
                <a:lnTo>
                  <a:pt x="152" y="254"/>
                </a:lnTo>
                <a:lnTo>
                  <a:pt x="142" y="252"/>
                </a:lnTo>
                <a:lnTo>
                  <a:pt x="136" y="246"/>
                </a:lnTo>
                <a:lnTo>
                  <a:pt x="126" y="250"/>
                </a:lnTo>
                <a:lnTo>
                  <a:pt x="122" y="240"/>
                </a:lnTo>
                <a:lnTo>
                  <a:pt x="106" y="238"/>
                </a:lnTo>
                <a:lnTo>
                  <a:pt x="98" y="234"/>
                </a:lnTo>
                <a:lnTo>
                  <a:pt x="86" y="242"/>
                </a:lnTo>
                <a:lnTo>
                  <a:pt x="74" y="240"/>
                </a:lnTo>
                <a:lnTo>
                  <a:pt x="70" y="232"/>
                </a:lnTo>
                <a:lnTo>
                  <a:pt x="74" y="220"/>
                </a:lnTo>
                <a:lnTo>
                  <a:pt x="88" y="212"/>
                </a:lnTo>
                <a:lnTo>
                  <a:pt x="82" y="204"/>
                </a:lnTo>
                <a:lnTo>
                  <a:pt x="78" y="198"/>
                </a:lnTo>
                <a:lnTo>
                  <a:pt x="62" y="200"/>
                </a:lnTo>
                <a:lnTo>
                  <a:pt x="46" y="200"/>
                </a:lnTo>
                <a:lnTo>
                  <a:pt x="34" y="202"/>
                </a:lnTo>
                <a:lnTo>
                  <a:pt x="24" y="208"/>
                </a:lnTo>
                <a:lnTo>
                  <a:pt x="12" y="218"/>
                </a:lnTo>
                <a:lnTo>
                  <a:pt x="6" y="208"/>
                </a:lnTo>
                <a:lnTo>
                  <a:pt x="8" y="192"/>
                </a:lnTo>
                <a:lnTo>
                  <a:pt x="22" y="176"/>
                </a:lnTo>
                <a:lnTo>
                  <a:pt x="36" y="170"/>
                </a:lnTo>
                <a:lnTo>
                  <a:pt x="24" y="168"/>
                </a:lnTo>
                <a:lnTo>
                  <a:pt x="22" y="162"/>
                </a:lnTo>
                <a:lnTo>
                  <a:pt x="30" y="156"/>
                </a:lnTo>
                <a:lnTo>
                  <a:pt x="40" y="150"/>
                </a:lnTo>
                <a:lnTo>
                  <a:pt x="26" y="148"/>
                </a:lnTo>
                <a:lnTo>
                  <a:pt x="26" y="138"/>
                </a:lnTo>
                <a:lnTo>
                  <a:pt x="28" y="136"/>
                </a:lnTo>
                <a:lnTo>
                  <a:pt x="32" y="130"/>
                </a:lnTo>
                <a:lnTo>
                  <a:pt x="38" y="126"/>
                </a:lnTo>
                <a:lnTo>
                  <a:pt x="40" y="122"/>
                </a:lnTo>
                <a:lnTo>
                  <a:pt x="36" y="114"/>
                </a:lnTo>
                <a:lnTo>
                  <a:pt x="26" y="122"/>
                </a:lnTo>
                <a:lnTo>
                  <a:pt x="16" y="126"/>
                </a:lnTo>
                <a:lnTo>
                  <a:pt x="14" y="112"/>
                </a:lnTo>
                <a:lnTo>
                  <a:pt x="24" y="104"/>
                </a:lnTo>
                <a:lnTo>
                  <a:pt x="34" y="98"/>
                </a:lnTo>
                <a:lnTo>
                  <a:pt x="26" y="96"/>
                </a:lnTo>
                <a:lnTo>
                  <a:pt x="16" y="96"/>
                </a:lnTo>
                <a:lnTo>
                  <a:pt x="14" y="82"/>
                </a:lnTo>
                <a:lnTo>
                  <a:pt x="14" y="74"/>
                </a:lnTo>
                <a:lnTo>
                  <a:pt x="10" y="66"/>
                </a:lnTo>
                <a:lnTo>
                  <a:pt x="12" y="54"/>
                </a:lnTo>
                <a:lnTo>
                  <a:pt x="20" y="48"/>
                </a:lnTo>
                <a:lnTo>
                  <a:pt x="28" y="40"/>
                </a:lnTo>
                <a:lnTo>
                  <a:pt x="34" y="42"/>
                </a:lnTo>
                <a:lnTo>
                  <a:pt x="38" y="42"/>
                </a:lnTo>
                <a:lnTo>
                  <a:pt x="42" y="40"/>
                </a:lnTo>
                <a:lnTo>
                  <a:pt x="52" y="32"/>
                </a:lnTo>
                <a:lnTo>
                  <a:pt x="66" y="38"/>
                </a:lnTo>
                <a:lnTo>
                  <a:pt x="82" y="40"/>
                </a:lnTo>
                <a:lnTo>
                  <a:pt x="104" y="38"/>
                </a:lnTo>
                <a:lnTo>
                  <a:pt x="116" y="36"/>
                </a:lnTo>
                <a:lnTo>
                  <a:pt x="122" y="30"/>
                </a:lnTo>
                <a:lnTo>
                  <a:pt x="112" y="24"/>
                </a:lnTo>
                <a:lnTo>
                  <a:pt x="118" y="14"/>
                </a:lnTo>
                <a:lnTo>
                  <a:pt x="128" y="14"/>
                </a:lnTo>
                <a:lnTo>
                  <a:pt x="140" y="6"/>
                </a:lnTo>
                <a:lnTo>
                  <a:pt x="144" y="4"/>
                </a:lnTo>
                <a:lnTo>
                  <a:pt x="154" y="0"/>
                </a:lnTo>
                <a:lnTo>
                  <a:pt x="160" y="4"/>
                </a:lnTo>
                <a:lnTo>
                  <a:pt x="166" y="6"/>
                </a:lnTo>
                <a:lnTo>
                  <a:pt x="176" y="6"/>
                </a:lnTo>
                <a:lnTo>
                  <a:pt x="190" y="8"/>
                </a:lnTo>
                <a:lnTo>
                  <a:pt x="200" y="16"/>
                </a:lnTo>
                <a:lnTo>
                  <a:pt x="216" y="36"/>
                </a:lnTo>
                <a:lnTo>
                  <a:pt x="232" y="44"/>
                </a:lnTo>
                <a:lnTo>
                  <a:pt x="252" y="46"/>
                </a:lnTo>
                <a:lnTo>
                  <a:pt x="266" y="52"/>
                </a:lnTo>
                <a:lnTo>
                  <a:pt x="292" y="56"/>
                </a:lnTo>
                <a:lnTo>
                  <a:pt x="308" y="58"/>
                </a:lnTo>
                <a:lnTo>
                  <a:pt x="326" y="60"/>
                </a:lnTo>
                <a:lnTo>
                  <a:pt x="338" y="58"/>
                </a:lnTo>
                <a:lnTo>
                  <a:pt x="350" y="56"/>
                </a:lnTo>
                <a:lnTo>
                  <a:pt x="356" y="66"/>
                </a:lnTo>
                <a:lnTo>
                  <a:pt x="362" y="76"/>
                </a:lnTo>
                <a:lnTo>
                  <a:pt x="376" y="76"/>
                </a:lnTo>
                <a:lnTo>
                  <a:pt x="384" y="76"/>
                </a:lnTo>
                <a:lnTo>
                  <a:pt x="400" y="90"/>
                </a:lnTo>
                <a:lnTo>
                  <a:pt x="422" y="100"/>
                </a:lnTo>
                <a:lnTo>
                  <a:pt x="448" y="108"/>
                </a:lnTo>
                <a:lnTo>
                  <a:pt x="476" y="120"/>
                </a:lnTo>
                <a:lnTo>
                  <a:pt x="502" y="122"/>
                </a:lnTo>
                <a:lnTo>
                  <a:pt x="518" y="120"/>
                </a:lnTo>
                <a:lnTo>
                  <a:pt x="534" y="118"/>
                </a:lnTo>
                <a:lnTo>
                  <a:pt x="550" y="118"/>
                </a:lnTo>
                <a:lnTo>
                  <a:pt x="568" y="126"/>
                </a:lnTo>
                <a:lnTo>
                  <a:pt x="576" y="134"/>
                </a:lnTo>
                <a:lnTo>
                  <a:pt x="594" y="142"/>
                </a:lnTo>
                <a:lnTo>
                  <a:pt x="610" y="140"/>
                </a:lnTo>
                <a:lnTo>
                  <a:pt x="624" y="140"/>
                </a:lnTo>
                <a:lnTo>
                  <a:pt x="636" y="144"/>
                </a:lnTo>
                <a:lnTo>
                  <a:pt x="654" y="154"/>
                </a:lnTo>
                <a:lnTo>
                  <a:pt x="674" y="164"/>
                </a:lnTo>
                <a:lnTo>
                  <a:pt x="694" y="168"/>
                </a:lnTo>
                <a:lnTo>
                  <a:pt x="708" y="164"/>
                </a:lnTo>
                <a:lnTo>
                  <a:pt x="720" y="164"/>
                </a:lnTo>
                <a:lnTo>
                  <a:pt x="734" y="178"/>
                </a:lnTo>
                <a:lnTo>
                  <a:pt x="742" y="180"/>
                </a:lnTo>
                <a:lnTo>
                  <a:pt x="752" y="180"/>
                </a:lnTo>
                <a:lnTo>
                  <a:pt x="756" y="188"/>
                </a:lnTo>
                <a:lnTo>
                  <a:pt x="746" y="200"/>
                </a:lnTo>
                <a:lnTo>
                  <a:pt x="744" y="210"/>
                </a:lnTo>
                <a:lnTo>
                  <a:pt x="756" y="210"/>
                </a:lnTo>
                <a:lnTo>
                  <a:pt x="764" y="204"/>
                </a:lnTo>
                <a:lnTo>
                  <a:pt x="768" y="212"/>
                </a:lnTo>
                <a:lnTo>
                  <a:pt x="788" y="228"/>
                </a:lnTo>
                <a:lnTo>
                  <a:pt x="802" y="232"/>
                </a:lnTo>
                <a:lnTo>
                  <a:pt x="812" y="232"/>
                </a:lnTo>
                <a:lnTo>
                  <a:pt x="814" y="240"/>
                </a:lnTo>
                <a:lnTo>
                  <a:pt x="826" y="256"/>
                </a:lnTo>
                <a:lnTo>
                  <a:pt x="846" y="256"/>
                </a:lnTo>
                <a:lnTo>
                  <a:pt x="854" y="254"/>
                </a:lnTo>
                <a:lnTo>
                  <a:pt x="872" y="274"/>
                </a:lnTo>
                <a:lnTo>
                  <a:pt x="916" y="280"/>
                </a:lnTo>
                <a:lnTo>
                  <a:pt x="916" y="284"/>
                </a:lnTo>
                <a:lnTo>
                  <a:pt x="942" y="284"/>
                </a:lnTo>
                <a:lnTo>
                  <a:pt x="940" y="268"/>
                </a:lnTo>
                <a:lnTo>
                  <a:pt x="946" y="264"/>
                </a:lnTo>
                <a:lnTo>
                  <a:pt x="964" y="270"/>
                </a:lnTo>
                <a:lnTo>
                  <a:pt x="984" y="280"/>
                </a:lnTo>
                <a:lnTo>
                  <a:pt x="992" y="286"/>
                </a:lnTo>
                <a:lnTo>
                  <a:pt x="1006" y="288"/>
                </a:lnTo>
                <a:lnTo>
                  <a:pt x="1012" y="296"/>
                </a:lnTo>
                <a:lnTo>
                  <a:pt x="1016" y="312"/>
                </a:lnTo>
                <a:lnTo>
                  <a:pt x="1018" y="318"/>
                </a:lnTo>
                <a:lnTo>
                  <a:pt x="1026" y="322"/>
                </a:lnTo>
                <a:lnTo>
                  <a:pt x="1030" y="322"/>
                </a:lnTo>
                <a:lnTo>
                  <a:pt x="1036" y="32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20" name="Freeform 91"/>
          <p:cNvSpPr>
            <a:spLocks/>
          </p:cNvSpPr>
          <p:nvPr/>
        </p:nvSpPr>
        <p:spPr bwMode="auto">
          <a:xfrm>
            <a:off x="4129088" y="5199063"/>
            <a:ext cx="25400" cy="20637"/>
          </a:xfrm>
          <a:custGeom>
            <a:avLst/>
            <a:gdLst>
              <a:gd name="T0" fmla="*/ 2147483647 w 20"/>
              <a:gd name="T1" fmla="*/ 0 h 16"/>
              <a:gd name="T2" fmla="*/ 2147483647 w 20"/>
              <a:gd name="T3" fmla="*/ 2147483647 h 16"/>
              <a:gd name="T4" fmla="*/ 0 w 20"/>
              <a:gd name="T5" fmla="*/ 2147483647 h 16"/>
              <a:gd name="T6" fmla="*/ 2147483647 w 20"/>
              <a:gd name="T7" fmla="*/ 2147483647 h 16"/>
              <a:gd name="T8" fmla="*/ 2147483647 w 20"/>
              <a:gd name="T9" fmla="*/ 2147483647 h 16"/>
              <a:gd name="T10" fmla="*/ 2147483647 w 20"/>
              <a:gd name="T11" fmla="*/ 2147483647 h 16"/>
              <a:gd name="T12" fmla="*/ 2147483647 w 20"/>
              <a:gd name="T13" fmla="*/ 2147483647 h 16"/>
              <a:gd name="T14" fmla="*/ 2147483647 w 20"/>
              <a:gd name="T15" fmla="*/ 2147483647 h 16"/>
              <a:gd name="T16" fmla="*/ 2147483647 w 20"/>
              <a:gd name="T17" fmla="*/ 0 h 16"/>
              <a:gd name="T18" fmla="*/ 2147483647 w 20"/>
              <a:gd name="T19" fmla="*/ 0 h 1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20" h="16">
                <a:moveTo>
                  <a:pt x="10" y="0"/>
                </a:moveTo>
                <a:lnTo>
                  <a:pt x="2" y="2"/>
                </a:lnTo>
                <a:lnTo>
                  <a:pt x="0" y="6"/>
                </a:lnTo>
                <a:lnTo>
                  <a:pt x="2" y="12"/>
                </a:lnTo>
                <a:lnTo>
                  <a:pt x="10" y="16"/>
                </a:lnTo>
                <a:lnTo>
                  <a:pt x="16" y="16"/>
                </a:lnTo>
                <a:lnTo>
                  <a:pt x="20" y="10"/>
                </a:lnTo>
                <a:lnTo>
                  <a:pt x="18" y="4"/>
                </a:lnTo>
                <a:lnTo>
                  <a:pt x="16" y="0"/>
                </a:lnTo>
                <a:lnTo>
                  <a:pt x="10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21" name="Freeform 92"/>
          <p:cNvSpPr>
            <a:spLocks/>
          </p:cNvSpPr>
          <p:nvPr/>
        </p:nvSpPr>
        <p:spPr bwMode="auto">
          <a:xfrm>
            <a:off x="2598738" y="5059363"/>
            <a:ext cx="542925" cy="858837"/>
          </a:xfrm>
          <a:custGeom>
            <a:avLst/>
            <a:gdLst>
              <a:gd name="T0" fmla="*/ 2147483647 w 420"/>
              <a:gd name="T1" fmla="*/ 2147483647 h 664"/>
              <a:gd name="T2" fmla="*/ 2147483647 w 420"/>
              <a:gd name="T3" fmla="*/ 2147483647 h 664"/>
              <a:gd name="T4" fmla="*/ 2147483647 w 420"/>
              <a:gd name="T5" fmla="*/ 2147483647 h 664"/>
              <a:gd name="T6" fmla="*/ 2147483647 w 420"/>
              <a:gd name="T7" fmla="*/ 2147483647 h 664"/>
              <a:gd name="T8" fmla="*/ 2147483647 w 420"/>
              <a:gd name="T9" fmla="*/ 2147483647 h 664"/>
              <a:gd name="T10" fmla="*/ 2147483647 w 420"/>
              <a:gd name="T11" fmla="*/ 2147483647 h 664"/>
              <a:gd name="T12" fmla="*/ 2147483647 w 420"/>
              <a:gd name="T13" fmla="*/ 2147483647 h 664"/>
              <a:gd name="T14" fmla="*/ 2147483647 w 420"/>
              <a:gd name="T15" fmla="*/ 2147483647 h 664"/>
              <a:gd name="T16" fmla="*/ 2147483647 w 420"/>
              <a:gd name="T17" fmla="*/ 2147483647 h 664"/>
              <a:gd name="T18" fmla="*/ 2147483647 w 420"/>
              <a:gd name="T19" fmla="*/ 2147483647 h 664"/>
              <a:gd name="T20" fmla="*/ 2147483647 w 420"/>
              <a:gd name="T21" fmla="*/ 2147483647 h 664"/>
              <a:gd name="T22" fmla="*/ 2147483647 w 420"/>
              <a:gd name="T23" fmla="*/ 2147483647 h 664"/>
              <a:gd name="T24" fmla="*/ 2147483647 w 420"/>
              <a:gd name="T25" fmla="*/ 2147483647 h 664"/>
              <a:gd name="T26" fmla="*/ 2147483647 w 420"/>
              <a:gd name="T27" fmla="*/ 2147483647 h 664"/>
              <a:gd name="T28" fmla="*/ 2147483647 w 420"/>
              <a:gd name="T29" fmla="*/ 2147483647 h 664"/>
              <a:gd name="T30" fmla="*/ 2147483647 w 420"/>
              <a:gd name="T31" fmla="*/ 2147483647 h 664"/>
              <a:gd name="T32" fmla="*/ 2147483647 w 420"/>
              <a:gd name="T33" fmla="*/ 2147483647 h 664"/>
              <a:gd name="T34" fmla="*/ 2147483647 w 420"/>
              <a:gd name="T35" fmla="*/ 2147483647 h 664"/>
              <a:gd name="T36" fmla="*/ 2147483647 w 420"/>
              <a:gd name="T37" fmla="*/ 2147483647 h 664"/>
              <a:gd name="T38" fmla="*/ 2147483647 w 420"/>
              <a:gd name="T39" fmla="*/ 2147483647 h 664"/>
              <a:gd name="T40" fmla="*/ 2147483647 w 420"/>
              <a:gd name="T41" fmla="*/ 2147483647 h 664"/>
              <a:gd name="T42" fmla="*/ 2147483647 w 420"/>
              <a:gd name="T43" fmla="*/ 2147483647 h 664"/>
              <a:gd name="T44" fmla="*/ 2147483647 w 420"/>
              <a:gd name="T45" fmla="*/ 2147483647 h 664"/>
              <a:gd name="T46" fmla="*/ 2147483647 w 420"/>
              <a:gd name="T47" fmla="*/ 2147483647 h 664"/>
              <a:gd name="T48" fmla="*/ 2147483647 w 420"/>
              <a:gd name="T49" fmla="*/ 2147483647 h 664"/>
              <a:gd name="T50" fmla="*/ 2147483647 w 420"/>
              <a:gd name="T51" fmla="*/ 2147483647 h 664"/>
              <a:gd name="T52" fmla="*/ 2147483647 w 420"/>
              <a:gd name="T53" fmla="*/ 2147483647 h 664"/>
              <a:gd name="T54" fmla="*/ 2147483647 w 420"/>
              <a:gd name="T55" fmla="*/ 2147483647 h 664"/>
              <a:gd name="T56" fmla="*/ 2147483647 w 420"/>
              <a:gd name="T57" fmla="*/ 2147483647 h 664"/>
              <a:gd name="T58" fmla="*/ 2147483647 w 420"/>
              <a:gd name="T59" fmla="*/ 2147483647 h 664"/>
              <a:gd name="T60" fmla="*/ 2147483647 w 420"/>
              <a:gd name="T61" fmla="*/ 2147483647 h 664"/>
              <a:gd name="T62" fmla="*/ 2147483647 w 420"/>
              <a:gd name="T63" fmla="*/ 2147483647 h 664"/>
              <a:gd name="T64" fmla="*/ 2147483647 w 420"/>
              <a:gd name="T65" fmla="*/ 2147483647 h 664"/>
              <a:gd name="T66" fmla="*/ 2147483647 w 420"/>
              <a:gd name="T67" fmla="*/ 2147483647 h 664"/>
              <a:gd name="T68" fmla="*/ 2147483647 w 420"/>
              <a:gd name="T69" fmla="*/ 2147483647 h 664"/>
              <a:gd name="T70" fmla="*/ 2147483647 w 420"/>
              <a:gd name="T71" fmla="*/ 2147483647 h 664"/>
              <a:gd name="T72" fmla="*/ 2147483647 w 420"/>
              <a:gd name="T73" fmla="*/ 2147483647 h 664"/>
              <a:gd name="T74" fmla="*/ 2147483647 w 420"/>
              <a:gd name="T75" fmla="*/ 2147483647 h 664"/>
              <a:gd name="T76" fmla="*/ 2147483647 w 420"/>
              <a:gd name="T77" fmla="*/ 2147483647 h 664"/>
              <a:gd name="T78" fmla="*/ 2147483647 w 420"/>
              <a:gd name="T79" fmla="*/ 2147483647 h 664"/>
              <a:gd name="T80" fmla="*/ 2147483647 w 420"/>
              <a:gd name="T81" fmla="*/ 2147483647 h 664"/>
              <a:gd name="T82" fmla="*/ 2147483647 w 420"/>
              <a:gd name="T83" fmla="*/ 2147483647 h 664"/>
              <a:gd name="T84" fmla="*/ 2147483647 w 420"/>
              <a:gd name="T85" fmla="*/ 2147483647 h 664"/>
              <a:gd name="T86" fmla="*/ 2147483647 w 420"/>
              <a:gd name="T87" fmla="*/ 2147483647 h 664"/>
              <a:gd name="T88" fmla="*/ 2147483647 w 420"/>
              <a:gd name="T89" fmla="*/ 2147483647 h 664"/>
              <a:gd name="T90" fmla="*/ 0 w 420"/>
              <a:gd name="T91" fmla="*/ 2147483647 h 664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0" t="0" r="r" b="b"/>
            <a:pathLst>
              <a:path w="420" h="664">
                <a:moveTo>
                  <a:pt x="2" y="632"/>
                </a:moveTo>
                <a:lnTo>
                  <a:pt x="18" y="630"/>
                </a:lnTo>
                <a:lnTo>
                  <a:pt x="38" y="630"/>
                </a:lnTo>
                <a:lnTo>
                  <a:pt x="54" y="638"/>
                </a:lnTo>
                <a:lnTo>
                  <a:pt x="70" y="640"/>
                </a:lnTo>
                <a:lnTo>
                  <a:pt x="86" y="646"/>
                </a:lnTo>
                <a:lnTo>
                  <a:pt x="96" y="652"/>
                </a:lnTo>
                <a:lnTo>
                  <a:pt x="104" y="660"/>
                </a:lnTo>
                <a:lnTo>
                  <a:pt x="124" y="664"/>
                </a:lnTo>
                <a:lnTo>
                  <a:pt x="138" y="658"/>
                </a:lnTo>
                <a:lnTo>
                  <a:pt x="150" y="654"/>
                </a:lnTo>
                <a:lnTo>
                  <a:pt x="166" y="652"/>
                </a:lnTo>
                <a:lnTo>
                  <a:pt x="168" y="620"/>
                </a:lnTo>
                <a:lnTo>
                  <a:pt x="170" y="606"/>
                </a:lnTo>
                <a:lnTo>
                  <a:pt x="168" y="598"/>
                </a:lnTo>
                <a:lnTo>
                  <a:pt x="178" y="582"/>
                </a:lnTo>
                <a:lnTo>
                  <a:pt x="186" y="576"/>
                </a:lnTo>
                <a:lnTo>
                  <a:pt x="210" y="550"/>
                </a:lnTo>
                <a:lnTo>
                  <a:pt x="220" y="550"/>
                </a:lnTo>
                <a:lnTo>
                  <a:pt x="234" y="548"/>
                </a:lnTo>
                <a:lnTo>
                  <a:pt x="244" y="536"/>
                </a:lnTo>
                <a:lnTo>
                  <a:pt x="246" y="526"/>
                </a:lnTo>
                <a:lnTo>
                  <a:pt x="234" y="528"/>
                </a:lnTo>
                <a:lnTo>
                  <a:pt x="228" y="526"/>
                </a:lnTo>
                <a:lnTo>
                  <a:pt x="226" y="510"/>
                </a:lnTo>
                <a:lnTo>
                  <a:pt x="216" y="488"/>
                </a:lnTo>
                <a:lnTo>
                  <a:pt x="220" y="478"/>
                </a:lnTo>
                <a:lnTo>
                  <a:pt x="226" y="468"/>
                </a:lnTo>
                <a:lnTo>
                  <a:pt x="226" y="458"/>
                </a:lnTo>
                <a:lnTo>
                  <a:pt x="250" y="444"/>
                </a:lnTo>
                <a:lnTo>
                  <a:pt x="262" y="434"/>
                </a:lnTo>
                <a:lnTo>
                  <a:pt x="266" y="428"/>
                </a:lnTo>
                <a:lnTo>
                  <a:pt x="270" y="418"/>
                </a:lnTo>
                <a:lnTo>
                  <a:pt x="266" y="410"/>
                </a:lnTo>
                <a:lnTo>
                  <a:pt x="256" y="410"/>
                </a:lnTo>
                <a:lnTo>
                  <a:pt x="252" y="402"/>
                </a:lnTo>
                <a:lnTo>
                  <a:pt x="246" y="384"/>
                </a:lnTo>
                <a:lnTo>
                  <a:pt x="246" y="368"/>
                </a:lnTo>
                <a:lnTo>
                  <a:pt x="248" y="360"/>
                </a:lnTo>
                <a:lnTo>
                  <a:pt x="240" y="348"/>
                </a:lnTo>
                <a:lnTo>
                  <a:pt x="234" y="334"/>
                </a:lnTo>
                <a:lnTo>
                  <a:pt x="246" y="328"/>
                </a:lnTo>
                <a:lnTo>
                  <a:pt x="260" y="332"/>
                </a:lnTo>
                <a:lnTo>
                  <a:pt x="270" y="336"/>
                </a:lnTo>
                <a:lnTo>
                  <a:pt x="282" y="336"/>
                </a:lnTo>
                <a:lnTo>
                  <a:pt x="296" y="318"/>
                </a:lnTo>
                <a:lnTo>
                  <a:pt x="306" y="308"/>
                </a:lnTo>
                <a:lnTo>
                  <a:pt x="308" y="294"/>
                </a:lnTo>
                <a:lnTo>
                  <a:pt x="302" y="284"/>
                </a:lnTo>
                <a:lnTo>
                  <a:pt x="300" y="278"/>
                </a:lnTo>
                <a:lnTo>
                  <a:pt x="298" y="274"/>
                </a:lnTo>
                <a:lnTo>
                  <a:pt x="302" y="268"/>
                </a:lnTo>
                <a:lnTo>
                  <a:pt x="306" y="266"/>
                </a:lnTo>
                <a:lnTo>
                  <a:pt x="320" y="264"/>
                </a:lnTo>
                <a:lnTo>
                  <a:pt x="328" y="238"/>
                </a:lnTo>
                <a:lnTo>
                  <a:pt x="336" y="214"/>
                </a:lnTo>
                <a:lnTo>
                  <a:pt x="340" y="192"/>
                </a:lnTo>
                <a:lnTo>
                  <a:pt x="338" y="180"/>
                </a:lnTo>
                <a:lnTo>
                  <a:pt x="334" y="170"/>
                </a:lnTo>
                <a:lnTo>
                  <a:pt x="350" y="162"/>
                </a:lnTo>
                <a:lnTo>
                  <a:pt x="360" y="154"/>
                </a:lnTo>
                <a:lnTo>
                  <a:pt x="380" y="146"/>
                </a:lnTo>
                <a:lnTo>
                  <a:pt x="398" y="138"/>
                </a:lnTo>
                <a:lnTo>
                  <a:pt x="406" y="134"/>
                </a:lnTo>
                <a:lnTo>
                  <a:pt x="416" y="122"/>
                </a:lnTo>
                <a:lnTo>
                  <a:pt x="420" y="108"/>
                </a:lnTo>
                <a:lnTo>
                  <a:pt x="408" y="100"/>
                </a:lnTo>
                <a:lnTo>
                  <a:pt x="396" y="98"/>
                </a:lnTo>
                <a:lnTo>
                  <a:pt x="386" y="92"/>
                </a:lnTo>
                <a:lnTo>
                  <a:pt x="394" y="82"/>
                </a:lnTo>
                <a:lnTo>
                  <a:pt x="398" y="70"/>
                </a:lnTo>
                <a:lnTo>
                  <a:pt x="386" y="58"/>
                </a:lnTo>
                <a:lnTo>
                  <a:pt x="374" y="54"/>
                </a:lnTo>
                <a:lnTo>
                  <a:pt x="362" y="54"/>
                </a:lnTo>
                <a:lnTo>
                  <a:pt x="350" y="50"/>
                </a:lnTo>
                <a:lnTo>
                  <a:pt x="342" y="42"/>
                </a:lnTo>
                <a:lnTo>
                  <a:pt x="336" y="54"/>
                </a:lnTo>
                <a:lnTo>
                  <a:pt x="318" y="56"/>
                </a:lnTo>
                <a:lnTo>
                  <a:pt x="308" y="54"/>
                </a:lnTo>
                <a:lnTo>
                  <a:pt x="302" y="48"/>
                </a:lnTo>
                <a:lnTo>
                  <a:pt x="292" y="52"/>
                </a:lnTo>
                <a:lnTo>
                  <a:pt x="288" y="42"/>
                </a:lnTo>
                <a:lnTo>
                  <a:pt x="272" y="40"/>
                </a:lnTo>
                <a:lnTo>
                  <a:pt x="264" y="38"/>
                </a:lnTo>
                <a:lnTo>
                  <a:pt x="252" y="44"/>
                </a:lnTo>
                <a:lnTo>
                  <a:pt x="240" y="42"/>
                </a:lnTo>
                <a:lnTo>
                  <a:pt x="236" y="34"/>
                </a:lnTo>
                <a:lnTo>
                  <a:pt x="240" y="22"/>
                </a:lnTo>
                <a:lnTo>
                  <a:pt x="254" y="14"/>
                </a:lnTo>
                <a:lnTo>
                  <a:pt x="248" y="6"/>
                </a:lnTo>
                <a:lnTo>
                  <a:pt x="244" y="0"/>
                </a:lnTo>
                <a:lnTo>
                  <a:pt x="230" y="2"/>
                </a:lnTo>
                <a:lnTo>
                  <a:pt x="210" y="2"/>
                </a:lnTo>
                <a:lnTo>
                  <a:pt x="200" y="4"/>
                </a:lnTo>
                <a:lnTo>
                  <a:pt x="178" y="20"/>
                </a:lnTo>
                <a:lnTo>
                  <a:pt x="172" y="26"/>
                </a:lnTo>
                <a:lnTo>
                  <a:pt x="170" y="52"/>
                </a:lnTo>
                <a:lnTo>
                  <a:pt x="166" y="86"/>
                </a:lnTo>
                <a:lnTo>
                  <a:pt x="170" y="110"/>
                </a:lnTo>
                <a:lnTo>
                  <a:pt x="166" y="120"/>
                </a:lnTo>
                <a:lnTo>
                  <a:pt x="164" y="134"/>
                </a:lnTo>
                <a:lnTo>
                  <a:pt x="156" y="152"/>
                </a:lnTo>
                <a:lnTo>
                  <a:pt x="150" y="168"/>
                </a:lnTo>
                <a:lnTo>
                  <a:pt x="140" y="186"/>
                </a:lnTo>
                <a:lnTo>
                  <a:pt x="128" y="212"/>
                </a:lnTo>
                <a:lnTo>
                  <a:pt x="110" y="228"/>
                </a:lnTo>
                <a:lnTo>
                  <a:pt x="116" y="238"/>
                </a:lnTo>
                <a:lnTo>
                  <a:pt x="106" y="258"/>
                </a:lnTo>
                <a:lnTo>
                  <a:pt x="92" y="276"/>
                </a:lnTo>
                <a:lnTo>
                  <a:pt x="72" y="300"/>
                </a:lnTo>
                <a:lnTo>
                  <a:pt x="56" y="318"/>
                </a:lnTo>
                <a:lnTo>
                  <a:pt x="40" y="322"/>
                </a:lnTo>
                <a:lnTo>
                  <a:pt x="40" y="338"/>
                </a:lnTo>
                <a:lnTo>
                  <a:pt x="26" y="354"/>
                </a:lnTo>
                <a:lnTo>
                  <a:pt x="22" y="368"/>
                </a:lnTo>
                <a:lnTo>
                  <a:pt x="18" y="382"/>
                </a:lnTo>
                <a:lnTo>
                  <a:pt x="6" y="394"/>
                </a:lnTo>
                <a:lnTo>
                  <a:pt x="8" y="404"/>
                </a:lnTo>
                <a:lnTo>
                  <a:pt x="18" y="406"/>
                </a:lnTo>
                <a:lnTo>
                  <a:pt x="32" y="410"/>
                </a:lnTo>
                <a:lnTo>
                  <a:pt x="32" y="418"/>
                </a:lnTo>
                <a:lnTo>
                  <a:pt x="26" y="428"/>
                </a:lnTo>
                <a:lnTo>
                  <a:pt x="26" y="442"/>
                </a:lnTo>
                <a:lnTo>
                  <a:pt x="34" y="446"/>
                </a:lnTo>
                <a:lnTo>
                  <a:pt x="42" y="444"/>
                </a:lnTo>
                <a:lnTo>
                  <a:pt x="52" y="442"/>
                </a:lnTo>
                <a:lnTo>
                  <a:pt x="58" y="446"/>
                </a:lnTo>
                <a:lnTo>
                  <a:pt x="60" y="456"/>
                </a:lnTo>
                <a:lnTo>
                  <a:pt x="64" y="468"/>
                </a:lnTo>
                <a:lnTo>
                  <a:pt x="58" y="492"/>
                </a:lnTo>
                <a:lnTo>
                  <a:pt x="44" y="512"/>
                </a:lnTo>
                <a:lnTo>
                  <a:pt x="46" y="528"/>
                </a:lnTo>
                <a:lnTo>
                  <a:pt x="42" y="550"/>
                </a:lnTo>
                <a:lnTo>
                  <a:pt x="36" y="558"/>
                </a:lnTo>
                <a:lnTo>
                  <a:pt x="34" y="574"/>
                </a:lnTo>
                <a:lnTo>
                  <a:pt x="28" y="590"/>
                </a:lnTo>
                <a:lnTo>
                  <a:pt x="14" y="610"/>
                </a:lnTo>
                <a:lnTo>
                  <a:pt x="0" y="624"/>
                </a:lnTo>
                <a:lnTo>
                  <a:pt x="2" y="63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22" name="Freeform 93"/>
          <p:cNvSpPr>
            <a:spLocks/>
          </p:cNvSpPr>
          <p:nvPr/>
        </p:nvSpPr>
        <p:spPr bwMode="auto">
          <a:xfrm>
            <a:off x="4187825" y="5667375"/>
            <a:ext cx="147638" cy="109538"/>
          </a:xfrm>
          <a:custGeom>
            <a:avLst/>
            <a:gdLst>
              <a:gd name="T0" fmla="*/ 2147483647 w 114"/>
              <a:gd name="T1" fmla="*/ 2147483647 h 84"/>
              <a:gd name="T2" fmla="*/ 2147483647 w 114"/>
              <a:gd name="T3" fmla="*/ 2147483647 h 84"/>
              <a:gd name="T4" fmla="*/ 2147483647 w 114"/>
              <a:gd name="T5" fmla="*/ 2147483647 h 84"/>
              <a:gd name="T6" fmla="*/ 2147483647 w 114"/>
              <a:gd name="T7" fmla="*/ 2147483647 h 84"/>
              <a:gd name="T8" fmla="*/ 0 w 114"/>
              <a:gd name="T9" fmla="*/ 2147483647 h 84"/>
              <a:gd name="T10" fmla="*/ 2147483647 w 114"/>
              <a:gd name="T11" fmla="*/ 2147483647 h 84"/>
              <a:gd name="T12" fmla="*/ 2147483647 w 114"/>
              <a:gd name="T13" fmla="*/ 2147483647 h 84"/>
              <a:gd name="T14" fmla="*/ 2147483647 w 114"/>
              <a:gd name="T15" fmla="*/ 2147483647 h 84"/>
              <a:gd name="T16" fmla="*/ 2147483647 w 114"/>
              <a:gd name="T17" fmla="*/ 2147483647 h 84"/>
              <a:gd name="T18" fmla="*/ 2147483647 w 114"/>
              <a:gd name="T19" fmla="*/ 0 h 84"/>
              <a:gd name="T20" fmla="*/ 2147483647 w 114"/>
              <a:gd name="T21" fmla="*/ 2147483647 h 84"/>
              <a:gd name="T22" fmla="*/ 2147483647 w 114"/>
              <a:gd name="T23" fmla="*/ 2147483647 h 84"/>
              <a:gd name="T24" fmla="*/ 2147483647 w 114"/>
              <a:gd name="T25" fmla="*/ 2147483647 h 84"/>
              <a:gd name="T26" fmla="*/ 2147483647 w 114"/>
              <a:gd name="T27" fmla="*/ 2147483647 h 84"/>
              <a:gd name="T28" fmla="*/ 2147483647 w 114"/>
              <a:gd name="T29" fmla="*/ 2147483647 h 84"/>
              <a:gd name="T30" fmla="*/ 2147483647 w 114"/>
              <a:gd name="T31" fmla="*/ 2147483647 h 84"/>
              <a:gd name="T32" fmla="*/ 2147483647 w 114"/>
              <a:gd name="T33" fmla="*/ 2147483647 h 84"/>
              <a:gd name="T34" fmla="*/ 2147483647 w 114"/>
              <a:gd name="T35" fmla="*/ 2147483647 h 84"/>
              <a:gd name="T36" fmla="*/ 2147483647 w 114"/>
              <a:gd name="T37" fmla="*/ 2147483647 h 84"/>
              <a:gd name="T38" fmla="*/ 2147483647 w 114"/>
              <a:gd name="T39" fmla="*/ 2147483647 h 84"/>
              <a:gd name="T40" fmla="*/ 2147483647 w 114"/>
              <a:gd name="T41" fmla="*/ 2147483647 h 84"/>
              <a:gd name="T42" fmla="*/ 2147483647 w 114"/>
              <a:gd name="T43" fmla="*/ 2147483647 h 84"/>
              <a:gd name="T44" fmla="*/ 2147483647 w 114"/>
              <a:gd name="T45" fmla="*/ 2147483647 h 84"/>
              <a:gd name="T46" fmla="*/ 2147483647 w 114"/>
              <a:gd name="T47" fmla="*/ 2147483647 h 84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0" t="0" r="r" b="b"/>
            <a:pathLst>
              <a:path w="114" h="84">
                <a:moveTo>
                  <a:pt x="34" y="48"/>
                </a:moveTo>
                <a:lnTo>
                  <a:pt x="26" y="44"/>
                </a:lnTo>
                <a:lnTo>
                  <a:pt x="16" y="56"/>
                </a:lnTo>
                <a:lnTo>
                  <a:pt x="2" y="48"/>
                </a:lnTo>
                <a:lnTo>
                  <a:pt x="0" y="36"/>
                </a:lnTo>
                <a:lnTo>
                  <a:pt x="14" y="28"/>
                </a:lnTo>
                <a:lnTo>
                  <a:pt x="32" y="18"/>
                </a:lnTo>
                <a:lnTo>
                  <a:pt x="50" y="8"/>
                </a:lnTo>
                <a:lnTo>
                  <a:pt x="68" y="2"/>
                </a:lnTo>
                <a:lnTo>
                  <a:pt x="90" y="0"/>
                </a:lnTo>
                <a:lnTo>
                  <a:pt x="82" y="12"/>
                </a:lnTo>
                <a:lnTo>
                  <a:pt x="84" y="24"/>
                </a:lnTo>
                <a:lnTo>
                  <a:pt x="98" y="26"/>
                </a:lnTo>
                <a:lnTo>
                  <a:pt x="110" y="24"/>
                </a:lnTo>
                <a:lnTo>
                  <a:pt x="114" y="34"/>
                </a:lnTo>
                <a:lnTo>
                  <a:pt x="102" y="48"/>
                </a:lnTo>
                <a:lnTo>
                  <a:pt x="94" y="60"/>
                </a:lnTo>
                <a:lnTo>
                  <a:pt x="86" y="72"/>
                </a:lnTo>
                <a:lnTo>
                  <a:pt x="74" y="84"/>
                </a:lnTo>
                <a:lnTo>
                  <a:pt x="62" y="80"/>
                </a:lnTo>
                <a:lnTo>
                  <a:pt x="50" y="72"/>
                </a:lnTo>
                <a:lnTo>
                  <a:pt x="38" y="68"/>
                </a:lnTo>
                <a:lnTo>
                  <a:pt x="36" y="56"/>
                </a:lnTo>
                <a:lnTo>
                  <a:pt x="34" y="4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23" name="Freeform 94"/>
          <p:cNvSpPr>
            <a:spLocks/>
          </p:cNvSpPr>
          <p:nvPr/>
        </p:nvSpPr>
        <p:spPr bwMode="auto">
          <a:xfrm>
            <a:off x="4022725" y="5784850"/>
            <a:ext cx="53975" cy="42863"/>
          </a:xfrm>
          <a:custGeom>
            <a:avLst/>
            <a:gdLst>
              <a:gd name="T0" fmla="*/ 2147483647 w 42"/>
              <a:gd name="T1" fmla="*/ 2147483647 h 34"/>
              <a:gd name="T2" fmla="*/ 2147483647 w 42"/>
              <a:gd name="T3" fmla="*/ 2147483647 h 34"/>
              <a:gd name="T4" fmla="*/ 2147483647 w 42"/>
              <a:gd name="T5" fmla="*/ 0 h 34"/>
              <a:gd name="T6" fmla="*/ 2147483647 w 42"/>
              <a:gd name="T7" fmla="*/ 2147483647 h 34"/>
              <a:gd name="T8" fmla="*/ 2147483647 w 42"/>
              <a:gd name="T9" fmla="*/ 2147483647 h 34"/>
              <a:gd name="T10" fmla="*/ 2147483647 w 42"/>
              <a:gd name="T11" fmla="*/ 2147483647 h 34"/>
              <a:gd name="T12" fmla="*/ 2147483647 w 42"/>
              <a:gd name="T13" fmla="*/ 2147483647 h 34"/>
              <a:gd name="T14" fmla="*/ 2147483647 w 42"/>
              <a:gd name="T15" fmla="*/ 2147483647 h 34"/>
              <a:gd name="T16" fmla="*/ 0 w 42"/>
              <a:gd name="T17" fmla="*/ 2147483647 h 34"/>
              <a:gd name="T18" fmla="*/ 0 w 42"/>
              <a:gd name="T19" fmla="*/ 2147483647 h 34"/>
              <a:gd name="T20" fmla="*/ 2147483647 w 42"/>
              <a:gd name="T21" fmla="*/ 2147483647 h 34"/>
              <a:gd name="T22" fmla="*/ 2147483647 w 42"/>
              <a:gd name="T23" fmla="*/ 2147483647 h 34"/>
              <a:gd name="T24" fmla="*/ 2147483647 w 42"/>
              <a:gd name="T25" fmla="*/ 2147483647 h 34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42" h="34">
                <a:moveTo>
                  <a:pt x="14" y="6"/>
                </a:moveTo>
                <a:lnTo>
                  <a:pt x="26" y="2"/>
                </a:lnTo>
                <a:lnTo>
                  <a:pt x="42" y="0"/>
                </a:lnTo>
                <a:lnTo>
                  <a:pt x="42" y="14"/>
                </a:lnTo>
                <a:lnTo>
                  <a:pt x="30" y="26"/>
                </a:lnTo>
                <a:lnTo>
                  <a:pt x="14" y="34"/>
                </a:lnTo>
                <a:lnTo>
                  <a:pt x="8" y="34"/>
                </a:lnTo>
                <a:lnTo>
                  <a:pt x="2" y="34"/>
                </a:lnTo>
                <a:lnTo>
                  <a:pt x="0" y="32"/>
                </a:lnTo>
                <a:lnTo>
                  <a:pt x="0" y="30"/>
                </a:lnTo>
                <a:lnTo>
                  <a:pt x="2" y="22"/>
                </a:lnTo>
                <a:lnTo>
                  <a:pt x="2" y="16"/>
                </a:lnTo>
                <a:lnTo>
                  <a:pt x="14" y="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24" name="Freeform 95"/>
          <p:cNvSpPr>
            <a:spLocks/>
          </p:cNvSpPr>
          <p:nvPr/>
        </p:nvSpPr>
        <p:spPr bwMode="auto">
          <a:xfrm>
            <a:off x="4387850" y="5651500"/>
            <a:ext cx="61913" cy="52388"/>
          </a:xfrm>
          <a:custGeom>
            <a:avLst/>
            <a:gdLst>
              <a:gd name="T0" fmla="*/ 2147483647 w 48"/>
              <a:gd name="T1" fmla="*/ 2147483647 h 40"/>
              <a:gd name="T2" fmla="*/ 2147483647 w 48"/>
              <a:gd name="T3" fmla="*/ 2147483647 h 40"/>
              <a:gd name="T4" fmla="*/ 0 w 48"/>
              <a:gd name="T5" fmla="*/ 2147483647 h 40"/>
              <a:gd name="T6" fmla="*/ 0 w 48"/>
              <a:gd name="T7" fmla="*/ 2147483647 h 40"/>
              <a:gd name="T8" fmla="*/ 2147483647 w 48"/>
              <a:gd name="T9" fmla="*/ 0 h 40"/>
              <a:gd name="T10" fmla="*/ 2147483647 w 48"/>
              <a:gd name="T11" fmla="*/ 2147483647 h 40"/>
              <a:gd name="T12" fmla="*/ 2147483647 w 48"/>
              <a:gd name="T13" fmla="*/ 2147483647 h 40"/>
              <a:gd name="T14" fmla="*/ 2147483647 w 48"/>
              <a:gd name="T15" fmla="*/ 2147483647 h 40"/>
              <a:gd name="T16" fmla="*/ 2147483647 w 48"/>
              <a:gd name="T17" fmla="*/ 2147483647 h 40"/>
              <a:gd name="T18" fmla="*/ 2147483647 w 48"/>
              <a:gd name="T19" fmla="*/ 2147483647 h 40"/>
              <a:gd name="T20" fmla="*/ 2147483647 w 48"/>
              <a:gd name="T21" fmla="*/ 2147483647 h 40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48" h="40">
                <a:moveTo>
                  <a:pt x="20" y="24"/>
                </a:moveTo>
                <a:lnTo>
                  <a:pt x="8" y="24"/>
                </a:lnTo>
                <a:lnTo>
                  <a:pt x="0" y="12"/>
                </a:lnTo>
                <a:lnTo>
                  <a:pt x="0" y="4"/>
                </a:lnTo>
                <a:lnTo>
                  <a:pt x="16" y="0"/>
                </a:lnTo>
                <a:lnTo>
                  <a:pt x="32" y="4"/>
                </a:lnTo>
                <a:lnTo>
                  <a:pt x="44" y="12"/>
                </a:lnTo>
                <a:lnTo>
                  <a:pt x="48" y="28"/>
                </a:lnTo>
                <a:lnTo>
                  <a:pt x="46" y="40"/>
                </a:lnTo>
                <a:lnTo>
                  <a:pt x="32" y="32"/>
                </a:lnTo>
                <a:lnTo>
                  <a:pt x="20" y="2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25" name="Freeform 96"/>
          <p:cNvSpPr>
            <a:spLocks/>
          </p:cNvSpPr>
          <p:nvPr/>
        </p:nvSpPr>
        <p:spPr bwMode="auto">
          <a:xfrm>
            <a:off x="4867275" y="5048250"/>
            <a:ext cx="25400" cy="23813"/>
          </a:xfrm>
          <a:custGeom>
            <a:avLst/>
            <a:gdLst>
              <a:gd name="T0" fmla="*/ 2147483647 w 20"/>
              <a:gd name="T1" fmla="*/ 2147483647 h 18"/>
              <a:gd name="T2" fmla="*/ 2147483647 w 20"/>
              <a:gd name="T3" fmla="*/ 2147483647 h 18"/>
              <a:gd name="T4" fmla="*/ 2147483647 w 20"/>
              <a:gd name="T5" fmla="*/ 2147483647 h 18"/>
              <a:gd name="T6" fmla="*/ 2147483647 w 20"/>
              <a:gd name="T7" fmla="*/ 2147483647 h 18"/>
              <a:gd name="T8" fmla="*/ 2147483647 w 20"/>
              <a:gd name="T9" fmla="*/ 2147483647 h 18"/>
              <a:gd name="T10" fmla="*/ 2147483647 w 20"/>
              <a:gd name="T11" fmla="*/ 2147483647 h 18"/>
              <a:gd name="T12" fmla="*/ 2147483647 w 20"/>
              <a:gd name="T13" fmla="*/ 2147483647 h 18"/>
              <a:gd name="T14" fmla="*/ 2147483647 w 20"/>
              <a:gd name="T15" fmla="*/ 2147483647 h 18"/>
              <a:gd name="T16" fmla="*/ 0 w 20"/>
              <a:gd name="T17" fmla="*/ 2147483647 h 18"/>
              <a:gd name="T18" fmla="*/ 2147483647 w 20"/>
              <a:gd name="T19" fmla="*/ 2147483647 h 18"/>
              <a:gd name="T20" fmla="*/ 2147483647 w 20"/>
              <a:gd name="T21" fmla="*/ 2147483647 h 18"/>
              <a:gd name="T22" fmla="*/ 2147483647 w 20"/>
              <a:gd name="T23" fmla="*/ 0 h 18"/>
              <a:gd name="T24" fmla="*/ 2147483647 w 20"/>
              <a:gd name="T25" fmla="*/ 0 h 18"/>
              <a:gd name="T26" fmla="*/ 2147483647 w 20"/>
              <a:gd name="T27" fmla="*/ 2147483647 h 18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0" h="18">
                <a:moveTo>
                  <a:pt x="18" y="2"/>
                </a:moveTo>
                <a:lnTo>
                  <a:pt x="20" y="6"/>
                </a:lnTo>
                <a:lnTo>
                  <a:pt x="18" y="8"/>
                </a:lnTo>
                <a:lnTo>
                  <a:pt x="16" y="10"/>
                </a:lnTo>
                <a:lnTo>
                  <a:pt x="10" y="12"/>
                </a:lnTo>
                <a:lnTo>
                  <a:pt x="6" y="16"/>
                </a:lnTo>
                <a:lnTo>
                  <a:pt x="4" y="18"/>
                </a:lnTo>
                <a:lnTo>
                  <a:pt x="2" y="14"/>
                </a:lnTo>
                <a:lnTo>
                  <a:pt x="0" y="8"/>
                </a:lnTo>
                <a:lnTo>
                  <a:pt x="4" y="4"/>
                </a:lnTo>
                <a:lnTo>
                  <a:pt x="6" y="2"/>
                </a:lnTo>
                <a:lnTo>
                  <a:pt x="10" y="0"/>
                </a:lnTo>
                <a:lnTo>
                  <a:pt x="14" y="0"/>
                </a:lnTo>
                <a:lnTo>
                  <a:pt x="18" y="2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26" name="Freeform 97"/>
          <p:cNvSpPr>
            <a:spLocks/>
          </p:cNvSpPr>
          <p:nvPr/>
        </p:nvSpPr>
        <p:spPr bwMode="auto">
          <a:xfrm>
            <a:off x="5867400" y="465138"/>
            <a:ext cx="979488" cy="1806575"/>
          </a:xfrm>
          <a:custGeom>
            <a:avLst/>
            <a:gdLst>
              <a:gd name="T0" fmla="*/ 2147483647 w 756"/>
              <a:gd name="T1" fmla="*/ 2147483647 h 1396"/>
              <a:gd name="T2" fmla="*/ 2147483647 w 756"/>
              <a:gd name="T3" fmla="*/ 2147483647 h 1396"/>
              <a:gd name="T4" fmla="*/ 2147483647 w 756"/>
              <a:gd name="T5" fmla="*/ 2147483647 h 1396"/>
              <a:gd name="T6" fmla="*/ 2147483647 w 756"/>
              <a:gd name="T7" fmla="*/ 2147483647 h 1396"/>
              <a:gd name="T8" fmla="*/ 2147483647 w 756"/>
              <a:gd name="T9" fmla="*/ 2147483647 h 1396"/>
              <a:gd name="T10" fmla="*/ 2147483647 w 756"/>
              <a:gd name="T11" fmla="*/ 2147483647 h 1396"/>
              <a:gd name="T12" fmla="*/ 2147483647 w 756"/>
              <a:gd name="T13" fmla="*/ 2147483647 h 1396"/>
              <a:gd name="T14" fmla="*/ 2147483647 w 756"/>
              <a:gd name="T15" fmla="*/ 2147483647 h 1396"/>
              <a:gd name="T16" fmla="*/ 2147483647 w 756"/>
              <a:gd name="T17" fmla="*/ 2147483647 h 1396"/>
              <a:gd name="T18" fmla="*/ 2147483647 w 756"/>
              <a:gd name="T19" fmla="*/ 2147483647 h 1396"/>
              <a:gd name="T20" fmla="*/ 2147483647 w 756"/>
              <a:gd name="T21" fmla="*/ 2147483647 h 1396"/>
              <a:gd name="T22" fmla="*/ 2147483647 w 756"/>
              <a:gd name="T23" fmla="*/ 2147483647 h 1396"/>
              <a:gd name="T24" fmla="*/ 2147483647 w 756"/>
              <a:gd name="T25" fmla="*/ 2147483647 h 1396"/>
              <a:gd name="T26" fmla="*/ 2147483647 w 756"/>
              <a:gd name="T27" fmla="*/ 2147483647 h 1396"/>
              <a:gd name="T28" fmla="*/ 2147483647 w 756"/>
              <a:gd name="T29" fmla="*/ 2147483647 h 1396"/>
              <a:gd name="T30" fmla="*/ 2147483647 w 756"/>
              <a:gd name="T31" fmla="*/ 2147483647 h 1396"/>
              <a:gd name="T32" fmla="*/ 2147483647 w 756"/>
              <a:gd name="T33" fmla="*/ 2147483647 h 1396"/>
              <a:gd name="T34" fmla="*/ 2147483647 w 756"/>
              <a:gd name="T35" fmla="*/ 2147483647 h 1396"/>
              <a:gd name="T36" fmla="*/ 2147483647 w 756"/>
              <a:gd name="T37" fmla="*/ 2147483647 h 1396"/>
              <a:gd name="T38" fmla="*/ 2147483647 w 756"/>
              <a:gd name="T39" fmla="*/ 2147483647 h 1396"/>
              <a:gd name="T40" fmla="*/ 2147483647 w 756"/>
              <a:gd name="T41" fmla="*/ 2147483647 h 1396"/>
              <a:gd name="T42" fmla="*/ 2147483647 w 756"/>
              <a:gd name="T43" fmla="*/ 2147483647 h 1396"/>
              <a:gd name="T44" fmla="*/ 2147483647 w 756"/>
              <a:gd name="T45" fmla="*/ 2147483647 h 1396"/>
              <a:gd name="T46" fmla="*/ 2147483647 w 756"/>
              <a:gd name="T47" fmla="*/ 2147483647 h 1396"/>
              <a:gd name="T48" fmla="*/ 2147483647 w 756"/>
              <a:gd name="T49" fmla="*/ 2147483647 h 1396"/>
              <a:gd name="T50" fmla="*/ 2147483647 w 756"/>
              <a:gd name="T51" fmla="*/ 2147483647 h 1396"/>
              <a:gd name="T52" fmla="*/ 2147483647 w 756"/>
              <a:gd name="T53" fmla="*/ 2147483647 h 1396"/>
              <a:gd name="T54" fmla="*/ 2147483647 w 756"/>
              <a:gd name="T55" fmla="*/ 2147483647 h 1396"/>
              <a:gd name="T56" fmla="*/ 2147483647 w 756"/>
              <a:gd name="T57" fmla="*/ 2147483647 h 1396"/>
              <a:gd name="T58" fmla="*/ 2147483647 w 756"/>
              <a:gd name="T59" fmla="*/ 2147483647 h 1396"/>
              <a:gd name="T60" fmla="*/ 2147483647 w 756"/>
              <a:gd name="T61" fmla="*/ 2147483647 h 1396"/>
              <a:gd name="T62" fmla="*/ 2147483647 w 756"/>
              <a:gd name="T63" fmla="*/ 2147483647 h 1396"/>
              <a:gd name="T64" fmla="*/ 2147483647 w 756"/>
              <a:gd name="T65" fmla="*/ 2147483647 h 1396"/>
              <a:gd name="T66" fmla="*/ 2147483647 w 756"/>
              <a:gd name="T67" fmla="*/ 2147483647 h 1396"/>
              <a:gd name="T68" fmla="*/ 2147483647 w 756"/>
              <a:gd name="T69" fmla="*/ 2147483647 h 1396"/>
              <a:gd name="T70" fmla="*/ 2147483647 w 756"/>
              <a:gd name="T71" fmla="*/ 2147483647 h 1396"/>
              <a:gd name="T72" fmla="*/ 2147483647 w 756"/>
              <a:gd name="T73" fmla="*/ 2147483647 h 1396"/>
              <a:gd name="T74" fmla="*/ 2147483647 w 756"/>
              <a:gd name="T75" fmla="*/ 2147483647 h 1396"/>
              <a:gd name="T76" fmla="*/ 2147483647 w 756"/>
              <a:gd name="T77" fmla="*/ 2147483647 h 1396"/>
              <a:gd name="T78" fmla="*/ 2147483647 w 756"/>
              <a:gd name="T79" fmla="*/ 2147483647 h 1396"/>
              <a:gd name="T80" fmla="*/ 2147483647 w 756"/>
              <a:gd name="T81" fmla="*/ 2147483647 h 1396"/>
              <a:gd name="T82" fmla="*/ 2147483647 w 756"/>
              <a:gd name="T83" fmla="*/ 2147483647 h 1396"/>
              <a:gd name="T84" fmla="*/ 2147483647 w 756"/>
              <a:gd name="T85" fmla="*/ 2147483647 h 1396"/>
              <a:gd name="T86" fmla="*/ 2147483647 w 756"/>
              <a:gd name="T87" fmla="*/ 2147483647 h 1396"/>
              <a:gd name="T88" fmla="*/ 2147483647 w 756"/>
              <a:gd name="T89" fmla="*/ 2147483647 h 1396"/>
              <a:gd name="T90" fmla="*/ 2147483647 w 756"/>
              <a:gd name="T91" fmla="*/ 2147483647 h 1396"/>
              <a:gd name="T92" fmla="*/ 2147483647 w 756"/>
              <a:gd name="T93" fmla="*/ 2147483647 h 1396"/>
              <a:gd name="T94" fmla="*/ 2147483647 w 756"/>
              <a:gd name="T95" fmla="*/ 2147483647 h 1396"/>
              <a:gd name="T96" fmla="*/ 2147483647 w 756"/>
              <a:gd name="T97" fmla="*/ 2147483647 h 1396"/>
              <a:gd name="T98" fmla="*/ 2147483647 w 756"/>
              <a:gd name="T99" fmla="*/ 2147483647 h 1396"/>
              <a:gd name="T100" fmla="*/ 2147483647 w 756"/>
              <a:gd name="T101" fmla="*/ 2147483647 h 139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0" t="0" r="r" b="b"/>
            <a:pathLst>
              <a:path w="756" h="1396">
                <a:moveTo>
                  <a:pt x="14" y="224"/>
                </a:moveTo>
                <a:lnTo>
                  <a:pt x="8" y="216"/>
                </a:lnTo>
                <a:lnTo>
                  <a:pt x="0" y="206"/>
                </a:lnTo>
                <a:lnTo>
                  <a:pt x="4" y="198"/>
                </a:lnTo>
                <a:lnTo>
                  <a:pt x="14" y="204"/>
                </a:lnTo>
                <a:lnTo>
                  <a:pt x="22" y="198"/>
                </a:lnTo>
                <a:lnTo>
                  <a:pt x="14" y="186"/>
                </a:lnTo>
                <a:lnTo>
                  <a:pt x="16" y="174"/>
                </a:lnTo>
                <a:lnTo>
                  <a:pt x="20" y="172"/>
                </a:lnTo>
                <a:lnTo>
                  <a:pt x="26" y="170"/>
                </a:lnTo>
                <a:lnTo>
                  <a:pt x="38" y="172"/>
                </a:lnTo>
                <a:lnTo>
                  <a:pt x="52" y="184"/>
                </a:lnTo>
                <a:lnTo>
                  <a:pt x="60" y="200"/>
                </a:lnTo>
                <a:lnTo>
                  <a:pt x="72" y="210"/>
                </a:lnTo>
                <a:lnTo>
                  <a:pt x="82" y="224"/>
                </a:lnTo>
                <a:lnTo>
                  <a:pt x="88" y="236"/>
                </a:lnTo>
                <a:lnTo>
                  <a:pt x="112" y="240"/>
                </a:lnTo>
                <a:lnTo>
                  <a:pt x="132" y="242"/>
                </a:lnTo>
                <a:lnTo>
                  <a:pt x="150" y="230"/>
                </a:lnTo>
                <a:lnTo>
                  <a:pt x="154" y="216"/>
                </a:lnTo>
                <a:lnTo>
                  <a:pt x="162" y="210"/>
                </a:lnTo>
                <a:lnTo>
                  <a:pt x="174" y="216"/>
                </a:lnTo>
                <a:lnTo>
                  <a:pt x="192" y="222"/>
                </a:lnTo>
                <a:lnTo>
                  <a:pt x="214" y="234"/>
                </a:lnTo>
                <a:lnTo>
                  <a:pt x="222" y="220"/>
                </a:lnTo>
                <a:lnTo>
                  <a:pt x="224" y="200"/>
                </a:lnTo>
                <a:lnTo>
                  <a:pt x="240" y="184"/>
                </a:lnTo>
                <a:lnTo>
                  <a:pt x="248" y="162"/>
                </a:lnTo>
                <a:lnTo>
                  <a:pt x="238" y="146"/>
                </a:lnTo>
                <a:lnTo>
                  <a:pt x="236" y="82"/>
                </a:lnTo>
                <a:lnTo>
                  <a:pt x="246" y="58"/>
                </a:lnTo>
                <a:lnTo>
                  <a:pt x="246" y="42"/>
                </a:lnTo>
                <a:lnTo>
                  <a:pt x="266" y="32"/>
                </a:lnTo>
                <a:lnTo>
                  <a:pt x="286" y="30"/>
                </a:lnTo>
                <a:lnTo>
                  <a:pt x="296" y="10"/>
                </a:lnTo>
                <a:lnTo>
                  <a:pt x="310" y="0"/>
                </a:lnTo>
                <a:lnTo>
                  <a:pt x="324" y="12"/>
                </a:lnTo>
                <a:lnTo>
                  <a:pt x="334" y="24"/>
                </a:lnTo>
                <a:lnTo>
                  <a:pt x="342" y="28"/>
                </a:lnTo>
                <a:lnTo>
                  <a:pt x="346" y="36"/>
                </a:lnTo>
                <a:lnTo>
                  <a:pt x="370" y="38"/>
                </a:lnTo>
                <a:lnTo>
                  <a:pt x="380" y="40"/>
                </a:lnTo>
                <a:lnTo>
                  <a:pt x="396" y="60"/>
                </a:lnTo>
                <a:lnTo>
                  <a:pt x="396" y="78"/>
                </a:lnTo>
                <a:lnTo>
                  <a:pt x="386" y="102"/>
                </a:lnTo>
                <a:lnTo>
                  <a:pt x="384" y="116"/>
                </a:lnTo>
                <a:lnTo>
                  <a:pt x="398" y="128"/>
                </a:lnTo>
                <a:lnTo>
                  <a:pt x="378" y="150"/>
                </a:lnTo>
                <a:lnTo>
                  <a:pt x="394" y="152"/>
                </a:lnTo>
                <a:lnTo>
                  <a:pt x="390" y="188"/>
                </a:lnTo>
                <a:lnTo>
                  <a:pt x="388" y="192"/>
                </a:lnTo>
                <a:lnTo>
                  <a:pt x="392" y="206"/>
                </a:lnTo>
                <a:lnTo>
                  <a:pt x="418" y="244"/>
                </a:lnTo>
                <a:lnTo>
                  <a:pt x="448" y="248"/>
                </a:lnTo>
                <a:lnTo>
                  <a:pt x="472" y="278"/>
                </a:lnTo>
                <a:lnTo>
                  <a:pt x="492" y="286"/>
                </a:lnTo>
                <a:lnTo>
                  <a:pt x="500" y="298"/>
                </a:lnTo>
                <a:lnTo>
                  <a:pt x="484" y="342"/>
                </a:lnTo>
                <a:lnTo>
                  <a:pt x="476" y="376"/>
                </a:lnTo>
                <a:lnTo>
                  <a:pt x="478" y="408"/>
                </a:lnTo>
                <a:lnTo>
                  <a:pt x="512" y="450"/>
                </a:lnTo>
                <a:lnTo>
                  <a:pt x="530" y="470"/>
                </a:lnTo>
                <a:lnTo>
                  <a:pt x="540" y="484"/>
                </a:lnTo>
                <a:lnTo>
                  <a:pt x="562" y="514"/>
                </a:lnTo>
                <a:lnTo>
                  <a:pt x="574" y="544"/>
                </a:lnTo>
                <a:lnTo>
                  <a:pt x="558" y="552"/>
                </a:lnTo>
                <a:lnTo>
                  <a:pt x="558" y="570"/>
                </a:lnTo>
                <a:lnTo>
                  <a:pt x="562" y="588"/>
                </a:lnTo>
                <a:lnTo>
                  <a:pt x="564" y="610"/>
                </a:lnTo>
                <a:lnTo>
                  <a:pt x="578" y="612"/>
                </a:lnTo>
                <a:lnTo>
                  <a:pt x="580" y="620"/>
                </a:lnTo>
                <a:lnTo>
                  <a:pt x="568" y="634"/>
                </a:lnTo>
                <a:lnTo>
                  <a:pt x="588" y="664"/>
                </a:lnTo>
                <a:lnTo>
                  <a:pt x="604" y="660"/>
                </a:lnTo>
                <a:lnTo>
                  <a:pt x="616" y="670"/>
                </a:lnTo>
                <a:lnTo>
                  <a:pt x="606" y="684"/>
                </a:lnTo>
                <a:lnTo>
                  <a:pt x="606" y="694"/>
                </a:lnTo>
                <a:lnTo>
                  <a:pt x="618" y="698"/>
                </a:lnTo>
                <a:lnTo>
                  <a:pt x="620" y="714"/>
                </a:lnTo>
                <a:lnTo>
                  <a:pt x="636" y="714"/>
                </a:lnTo>
                <a:lnTo>
                  <a:pt x="652" y="722"/>
                </a:lnTo>
                <a:lnTo>
                  <a:pt x="660" y="740"/>
                </a:lnTo>
                <a:lnTo>
                  <a:pt x="660" y="750"/>
                </a:lnTo>
                <a:lnTo>
                  <a:pt x="652" y="762"/>
                </a:lnTo>
                <a:lnTo>
                  <a:pt x="652" y="780"/>
                </a:lnTo>
                <a:lnTo>
                  <a:pt x="636" y="796"/>
                </a:lnTo>
                <a:lnTo>
                  <a:pt x="678" y="822"/>
                </a:lnTo>
                <a:lnTo>
                  <a:pt x="704" y="830"/>
                </a:lnTo>
                <a:lnTo>
                  <a:pt x="726" y="840"/>
                </a:lnTo>
                <a:lnTo>
                  <a:pt x="734" y="856"/>
                </a:lnTo>
                <a:lnTo>
                  <a:pt x="756" y="870"/>
                </a:lnTo>
                <a:lnTo>
                  <a:pt x="756" y="932"/>
                </a:lnTo>
                <a:lnTo>
                  <a:pt x="736" y="972"/>
                </a:lnTo>
                <a:lnTo>
                  <a:pt x="718" y="1030"/>
                </a:lnTo>
                <a:lnTo>
                  <a:pt x="694" y="1082"/>
                </a:lnTo>
                <a:lnTo>
                  <a:pt x="678" y="1128"/>
                </a:lnTo>
                <a:lnTo>
                  <a:pt x="662" y="1150"/>
                </a:lnTo>
                <a:lnTo>
                  <a:pt x="656" y="1166"/>
                </a:lnTo>
                <a:lnTo>
                  <a:pt x="646" y="1174"/>
                </a:lnTo>
                <a:lnTo>
                  <a:pt x="614" y="1238"/>
                </a:lnTo>
                <a:lnTo>
                  <a:pt x="614" y="1248"/>
                </a:lnTo>
                <a:lnTo>
                  <a:pt x="602" y="1248"/>
                </a:lnTo>
                <a:lnTo>
                  <a:pt x="596" y="1252"/>
                </a:lnTo>
                <a:lnTo>
                  <a:pt x="584" y="1250"/>
                </a:lnTo>
                <a:lnTo>
                  <a:pt x="578" y="1248"/>
                </a:lnTo>
                <a:lnTo>
                  <a:pt x="570" y="1254"/>
                </a:lnTo>
                <a:lnTo>
                  <a:pt x="554" y="1264"/>
                </a:lnTo>
                <a:lnTo>
                  <a:pt x="548" y="1272"/>
                </a:lnTo>
                <a:lnTo>
                  <a:pt x="534" y="1272"/>
                </a:lnTo>
                <a:lnTo>
                  <a:pt x="522" y="1276"/>
                </a:lnTo>
                <a:lnTo>
                  <a:pt x="514" y="1284"/>
                </a:lnTo>
                <a:lnTo>
                  <a:pt x="512" y="1294"/>
                </a:lnTo>
                <a:lnTo>
                  <a:pt x="504" y="1296"/>
                </a:lnTo>
                <a:lnTo>
                  <a:pt x="498" y="1292"/>
                </a:lnTo>
                <a:lnTo>
                  <a:pt x="484" y="1282"/>
                </a:lnTo>
                <a:lnTo>
                  <a:pt x="486" y="1292"/>
                </a:lnTo>
                <a:lnTo>
                  <a:pt x="486" y="1302"/>
                </a:lnTo>
                <a:lnTo>
                  <a:pt x="476" y="1308"/>
                </a:lnTo>
                <a:lnTo>
                  <a:pt x="466" y="1312"/>
                </a:lnTo>
                <a:lnTo>
                  <a:pt x="452" y="1324"/>
                </a:lnTo>
                <a:lnTo>
                  <a:pt x="438" y="1334"/>
                </a:lnTo>
                <a:lnTo>
                  <a:pt x="426" y="1342"/>
                </a:lnTo>
                <a:lnTo>
                  <a:pt x="410" y="1350"/>
                </a:lnTo>
                <a:lnTo>
                  <a:pt x="396" y="1354"/>
                </a:lnTo>
                <a:lnTo>
                  <a:pt x="378" y="1362"/>
                </a:lnTo>
                <a:lnTo>
                  <a:pt x="372" y="1368"/>
                </a:lnTo>
                <a:lnTo>
                  <a:pt x="360" y="1380"/>
                </a:lnTo>
                <a:lnTo>
                  <a:pt x="350" y="1380"/>
                </a:lnTo>
                <a:lnTo>
                  <a:pt x="348" y="1386"/>
                </a:lnTo>
                <a:lnTo>
                  <a:pt x="338" y="1396"/>
                </a:lnTo>
                <a:lnTo>
                  <a:pt x="328" y="1396"/>
                </a:lnTo>
                <a:lnTo>
                  <a:pt x="332" y="1384"/>
                </a:lnTo>
                <a:lnTo>
                  <a:pt x="338" y="1380"/>
                </a:lnTo>
                <a:lnTo>
                  <a:pt x="336" y="1372"/>
                </a:lnTo>
                <a:lnTo>
                  <a:pt x="332" y="1376"/>
                </a:lnTo>
                <a:lnTo>
                  <a:pt x="324" y="1384"/>
                </a:lnTo>
                <a:lnTo>
                  <a:pt x="320" y="1378"/>
                </a:lnTo>
                <a:lnTo>
                  <a:pt x="326" y="1364"/>
                </a:lnTo>
                <a:lnTo>
                  <a:pt x="318" y="1354"/>
                </a:lnTo>
                <a:lnTo>
                  <a:pt x="316" y="1356"/>
                </a:lnTo>
                <a:lnTo>
                  <a:pt x="314" y="1358"/>
                </a:lnTo>
                <a:lnTo>
                  <a:pt x="312" y="1364"/>
                </a:lnTo>
                <a:lnTo>
                  <a:pt x="310" y="1366"/>
                </a:lnTo>
                <a:lnTo>
                  <a:pt x="294" y="1374"/>
                </a:lnTo>
                <a:lnTo>
                  <a:pt x="284" y="1372"/>
                </a:lnTo>
                <a:lnTo>
                  <a:pt x="286" y="1360"/>
                </a:lnTo>
                <a:lnTo>
                  <a:pt x="294" y="1352"/>
                </a:lnTo>
                <a:lnTo>
                  <a:pt x="290" y="1342"/>
                </a:lnTo>
                <a:lnTo>
                  <a:pt x="286" y="1338"/>
                </a:lnTo>
                <a:lnTo>
                  <a:pt x="272" y="1346"/>
                </a:lnTo>
                <a:lnTo>
                  <a:pt x="268" y="1336"/>
                </a:lnTo>
                <a:lnTo>
                  <a:pt x="266" y="1328"/>
                </a:lnTo>
                <a:lnTo>
                  <a:pt x="260" y="1322"/>
                </a:lnTo>
                <a:lnTo>
                  <a:pt x="250" y="1312"/>
                </a:lnTo>
                <a:lnTo>
                  <a:pt x="234" y="1312"/>
                </a:lnTo>
                <a:lnTo>
                  <a:pt x="230" y="1312"/>
                </a:lnTo>
                <a:lnTo>
                  <a:pt x="214" y="1312"/>
                </a:lnTo>
                <a:lnTo>
                  <a:pt x="204" y="1302"/>
                </a:lnTo>
                <a:lnTo>
                  <a:pt x="204" y="1280"/>
                </a:lnTo>
                <a:lnTo>
                  <a:pt x="206" y="1266"/>
                </a:lnTo>
                <a:lnTo>
                  <a:pt x="200" y="1254"/>
                </a:lnTo>
                <a:lnTo>
                  <a:pt x="204" y="1232"/>
                </a:lnTo>
                <a:lnTo>
                  <a:pt x="208" y="1218"/>
                </a:lnTo>
                <a:lnTo>
                  <a:pt x="204" y="1208"/>
                </a:lnTo>
                <a:lnTo>
                  <a:pt x="202" y="1190"/>
                </a:lnTo>
                <a:lnTo>
                  <a:pt x="204" y="1178"/>
                </a:lnTo>
                <a:lnTo>
                  <a:pt x="190" y="1152"/>
                </a:lnTo>
                <a:lnTo>
                  <a:pt x="184" y="1138"/>
                </a:lnTo>
                <a:lnTo>
                  <a:pt x="176" y="1136"/>
                </a:lnTo>
                <a:lnTo>
                  <a:pt x="176" y="1098"/>
                </a:lnTo>
                <a:lnTo>
                  <a:pt x="166" y="1082"/>
                </a:lnTo>
                <a:lnTo>
                  <a:pt x="158" y="1066"/>
                </a:lnTo>
                <a:lnTo>
                  <a:pt x="158" y="1056"/>
                </a:lnTo>
                <a:lnTo>
                  <a:pt x="150" y="1050"/>
                </a:lnTo>
                <a:lnTo>
                  <a:pt x="156" y="1022"/>
                </a:lnTo>
                <a:lnTo>
                  <a:pt x="166" y="1018"/>
                </a:lnTo>
                <a:lnTo>
                  <a:pt x="164" y="994"/>
                </a:lnTo>
                <a:lnTo>
                  <a:pt x="174" y="992"/>
                </a:lnTo>
                <a:lnTo>
                  <a:pt x="172" y="982"/>
                </a:lnTo>
                <a:lnTo>
                  <a:pt x="168" y="970"/>
                </a:lnTo>
                <a:lnTo>
                  <a:pt x="176" y="970"/>
                </a:lnTo>
                <a:lnTo>
                  <a:pt x="182" y="964"/>
                </a:lnTo>
                <a:lnTo>
                  <a:pt x="190" y="964"/>
                </a:lnTo>
                <a:lnTo>
                  <a:pt x="200" y="964"/>
                </a:lnTo>
                <a:lnTo>
                  <a:pt x="198" y="952"/>
                </a:lnTo>
                <a:lnTo>
                  <a:pt x="202" y="952"/>
                </a:lnTo>
                <a:lnTo>
                  <a:pt x="212" y="958"/>
                </a:lnTo>
                <a:lnTo>
                  <a:pt x="216" y="950"/>
                </a:lnTo>
                <a:lnTo>
                  <a:pt x="208" y="942"/>
                </a:lnTo>
                <a:lnTo>
                  <a:pt x="204" y="932"/>
                </a:lnTo>
                <a:lnTo>
                  <a:pt x="206" y="928"/>
                </a:lnTo>
                <a:lnTo>
                  <a:pt x="210" y="926"/>
                </a:lnTo>
                <a:lnTo>
                  <a:pt x="216" y="922"/>
                </a:lnTo>
                <a:lnTo>
                  <a:pt x="216" y="910"/>
                </a:lnTo>
                <a:lnTo>
                  <a:pt x="216" y="902"/>
                </a:lnTo>
                <a:lnTo>
                  <a:pt x="224" y="902"/>
                </a:lnTo>
                <a:lnTo>
                  <a:pt x="232" y="900"/>
                </a:lnTo>
                <a:lnTo>
                  <a:pt x="234" y="886"/>
                </a:lnTo>
                <a:lnTo>
                  <a:pt x="238" y="872"/>
                </a:lnTo>
                <a:lnTo>
                  <a:pt x="250" y="866"/>
                </a:lnTo>
                <a:lnTo>
                  <a:pt x="256" y="860"/>
                </a:lnTo>
                <a:lnTo>
                  <a:pt x="256" y="846"/>
                </a:lnTo>
                <a:lnTo>
                  <a:pt x="266" y="844"/>
                </a:lnTo>
                <a:lnTo>
                  <a:pt x="266" y="832"/>
                </a:lnTo>
                <a:lnTo>
                  <a:pt x="268" y="818"/>
                </a:lnTo>
                <a:lnTo>
                  <a:pt x="280" y="814"/>
                </a:lnTo>
                <a:lnTo>
                  <a:pt x="280" y="792"/>
                </a:lnTo>
                <a:lnTo>
                  <a:pt x="294" y="772"/>
                </a:lnTo>
                <a:lnTo>
                  <a:pt x="296" y="748"/>
                </a:lnTo>
                <a:lnTo>
                  <a:pt x="302" y="742"/>
                </a:lnTo>
                <a:lnTo>
                  <a:pt x="302" y="732"/>
                </a:lnTo>
                <a:lnTo>
                  <a:pt x="320" y="716"/>
                </a:lnTo>
                <a:lnTo>
                  <a:pt x="334" y="714"/>
                </a:lnTo>
                <a:lnTo>
                  <a:pt x="338" y="724"/>
                </a:lnTo>
                <a:lnTo>
                  <a:pt x="346" y="720"/>
                </a:lnTo>
                <a:lnTo>
                  <a:pt x="344" y="712"/>
                </a:lnTo>
                <a:lnTo>
                  <a:pt x="334" y="706"/>
                </a:lnTo>
                <a:lnTo>
                  <a:pt x="332" y="702"/>
                </a:lnTo>
                <a:lnTo>
                  <a:pt x="332" y="700"/>
                </a:lnTo>
                <a:lnTo>
                  <a:pt x="338" y="698"/>
                </a:lnTo>
                <a:lnTo>
                  <a:pt x="342" y="696"/>
                </a:lnTo>
                <a:lnTo>
                  <a:pt x="344" y="694"/>
                </a:lnTo>
                <a:lnTo>
                  <a:pt x="338" y="688"/>
                </a:lnTo>
                <a:lnTo>
                  <a:pt x="326" y="678"/>
                </a:lnTo>
                <a:lnTo>
                  <a:pt x="326" y="662"/>
                </a:lnTo>
                <a:lnTo>
                  <a:pt x="326" y="648"/>
                </a:lnTo>
                <a:lnTo>
                  <a:pt x="326" y="636"/>
                </a:lnTo>
                <a:lnTo>
                  <a:pt x="314" y="628"/>
                </a:lnTo>
                <a:lnTo>
                  <a:pt x="294" y="620"/>
                </a:lnTo>
                <a:lnTo>
                  <a:pt x="290" y="624"/>
                </a:lnTo>
                <a:lnTo>
                  <a:pt x="278" y="616"/>
                </a:lnTo>
                <a:lnTo>
                  <a:pt x="272" y="606"/>
                </a:lnTo>
                <a:lnTo>
                  <a:pt x="252" y="608"/>
                </a:lnTo>
                <a:lnTo>
                  <a:pt x="242" y="588"/>
                </a:lnTo>
                <a:lnTo>
                  <a:pt x="230" y="562"/>
                </a:lnTo>
                <a:lnTo>
                  <a:pt x="212" y="550"/>
                </a:lnTo>
                <a:lnTo>
                  <a:pt x="210" y="522"/>
                </a:lnTo>
                <a:lnTo>
                  <a:pt x="216" y="508"/>
                </a:lnTo>
                <a:lnTo>
                  <a:pt x="216" y="474"/>
                </a:lnTo>
                <a:lnTo>
                  <a:pt x="184" y="434"/>
                </a:lnTo>
                <a:lnTo>
                  <a:pt x="184" y="422"/>
                </a:lnTo>
                <a:lnTo>
                  <a:pt x="192" y="418"/>
                </a:lnTo>
                <a:lnTo>
                  <a:pt x="190" y="398"/>
                </a:lnTo>
                <a:lnTo>
                  <a:pt x="172" y="392"/>
                </a:lnTo>
                <a:lnTo>
                  <a:pt x="166" y="340"/>
                </a:lnTo>
                <a:lnTo>
                  <a:pt x="172" y="332"/>
                </a:lnTo>
                <a:lnTo>
                  <a:pt x="154" y="310"/>
                </a:lnTo>
                <a:lnTo>
                  <a:pt x="144" y="308"/>
                </a:lnTo>
                <a:lnTo>
                  <a:pt x="142" y="298"/>
                </a:lnTo>
                <a:lnTo>
                  <a:pt x="130" y="284"/>
                </a:lnTo>
                <a:lnTo>
                  <a:pt x="102" y="274"/>
                </a:lnTo>
                <a:lnTo>
                  <a:pt x="76" y="274"/>
                </a:lnTo>
                <a:lnTo>
                  <a:pt x="68" y="258"/>
                </a:lnTo>
                <a:lnTo>
                  <a:pt x="52" y="252"/>
                </a:lnTo>
                <a:lnTo>
                  <a:pt x="32" y="238"/>
                </a:lnTo>
                <a:lnTo>
                  <a:pt x="22" y="228"/>
                </a:lnTo>
                <a:lnTo>
                  <a:pt x="14" y="224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27" name="Freeform 98"/>
          <p:cNvSpPr>
            <a:spLocks/>
          </p:cNvSpPr>
          <p:nvPr/>
        </p:nvSpPr>
        <p:spPr bwMode="auto">
          <a:xfrm>
            <a:off x="5289550" y="731838"/>
            <a:ext cx="904875" cy="2384425"/>
          </a:xfrm>
          <a:custGeom>
            <a:avLst/>
            <a:gdLst>
              <a:gd name="T0" fmla="*/ 2147483647 w 698"/>
              <a:gd name="T1" fmla="*/ 2147483647 h 1842"/>
              <a:gd name="T2" fmla="*/ 2147483647 w 698"/>
              <a:gd name="T3" fmla="*/ 2147483647 h 1842"/>
              <a:gd name="T4" fmla="*/ 2147483647 w 698"/>
              <a:gd name="T5" fmla="*/ 2147483647 h 1842"/>
              <a:gd name="T6" fmla="*/ 2147483647 w 698"/>
              <a:gd name="T7" fmla="*/ 2147483647 h 1842"/>
              <a:gd name="T8" fmla="*/ 2147483647 w 698"/>
              <a:gd name="T9" fmla="*/ 2147483647 h 1842"/>
              <a:gd name="T10" fmla="*/ 2147483647 w 698"/>
              <a:gd name="T11" fmla="*/ 2147483647 h 1842"/>
              <a:gd name="T12" fmla="*/ 2147483647 w 698"/>
              <a:gd name="T13" fmla="*/ 2147483647 h 1842"/>
              <a:gd name="T14" fmla="*/ 2147483647 w 698"/>
              <a:gd name="T15" fmla="*/ 2147483647 h 1842"/>
              <a:gd name="T16" fmla="*/ 2147483647 w 698"/>
              <a:gd name="T17" fmla="*/ 2147483647 h 1842"/>
              <a:gd name="T18" fmla="*/ 2147483647 w 698"/>
              <a:gd name="T19" fmla="*/ 2147483647 h 1842"/>
              <a:gd name="T20" fmla="*/ 2147483647 w 698"/>
              <a:gd name="T21" fmla="*/ 2147483647 h 1842"/>
              <a:gd name="T22" fmla="*/ 2147483647 w 698"/>
              <a:gd name="T23" fmla="*/ 2147483647 h 1842"/>
              <a:gd name="T24" fmla="*/ 2147483647 w 698"/>
              <a:gd name="T25" fmla="*/ 2147483647 h 1842"/>
              <a:gd name="T26" fmla="*/ 2147483647 w 698"/>
              <a:gd name="T27" fmla="*/ 2147483647 h 1842"/>
              <a:gd name="T28" fmla="*/ 2147483647 w 698"/>
              <a:gd name="T29" fmla="*/ 2147483647 h 1842"/>
              <a:gd name="T30" fmla="*/ 2147483647 w 698"/>
              <a:gd name="T31" fmla="*/ 2147483647 h 1842"/>
              <a:gd name="T32" fmla="*/ 2147483647 w 698"/>
              <a:gd name="T33" fmla="*/ 2147483647 h 1842"/>
              <a:gd name="T34" fmla="*/ 2147483647 w 698"/>
              <a:gd name="T35" fmla="*/ 2147483647 h 1842"/>
              <a:gd name="T36" fmla="*/ 2147483647 w 698"/>
              <a:gd name="T37" fmla="*/ 2147483647 h 1842"/>
              <a:gd name="T38" fmla="*/ 2147483647 w 698"/>
              <a:gd name="T39" fmla="*/ 2147483647 h 1842"/>
              <a:gd name="T40" fmla="*/ 2147483647 w 698"/>
              <a:gd name="T41" fmla="*/ 2147483647 h 1842"/>
              <a:gd name="T42" fmla="*/ 2147483647 w 698"/>
              <a:gd name="T43" fmla="*/ 2147483647 h 1842"/>
              <a:gd name="T44" fmla="*/ 2147483647 w 698"/>
              <a:gd name="T45" fmla="*/ 2147483647 h 1842"/>
              <a:gd name="T46" fmla="*/ 2147483647 w 698"/>
              <a:gd name="T47" fmla="*/ 2147483647 h 1842"/>
              <a:gd name="T48" fmla="*/ 2147483647 w 698"/>
              <a:gd name="T49" fmla="*/ 2147483647 h 1842"/>
              <a:gd name="T50" fmla="*/ 2147483647 w 698"/>
              <a:gd name="T51" fmla="*/ 2147483647 h 1842"/>
              <a:gd name="T52" fmla="*/ 2147483647 w 698"/>
              <a:gd name="T53" fmla="*/ 2147483647 h 1842"/>
              <a:gd name="T54" fmla="*/ 2147483647 w 698"/>
              <a:gd name="T55" fmla="*/ 2147483647 h 1842"/>
              <a:gd name="T56" fmla="*/ 2147483647 w 698"/>
              <a:gd name="T57" fmla="*/ 2147483647 h 1842"/>
              <a:gd name="T58" fmla="*/ 2147483647 w 698"/>
              <a:gd name="T59" fmla="*/ 2147483647 h 1842"/>
              <a:gd name="T60" fmla="*/ 2147483647 w 698"/>
              <a:gd name="T61" fmla="*/ 2147483647 h 1842"/>
              <a:gd name="T62" fmla="*/ 2147483647 w 698"/>
              <a:gd name="T63" fmla="*/ 2147483647 h 1842"/>
              <a:gd name="T64" fmla="*/ 2147483647 w 698"/>
              <a:gd name="T65" fmla="*/ 2147483647 h 1842"/>
              <a:gd name="T66" fmla="*/ 2147483647 w 698"/>
              <a:gd name="T67" fmla="*/ 2147483647 h 1842"/>
              <a:gd name="T68" fmla="*/ 2147483647 w 698"/>
              <a:gd name="T69" fmla="*/ 2147483647 h 1842"/>
              <a:gd name="T70" fmla="*/ 2147483647 w 698"/>
              <a:gd name="T71" fmla="*/ 2147483647 h 1842"/>
              <a:gd name="T72" fmla="*/ 2147483647 w 698"/>
              <a:gd name="T73" fmla="*/ 2147483647 h 1842"/>
              <a:gd name="T74" fmla="*/ 2147483647 w 698"/>
              <a:gd name="T75" fmla="*/ 2147483647 h 1842"/>
              <a:gd name="T76" fmla="*/ 2147483647 w 698"/>
              <a:gd name="T77" fmla="*/ 2147483647 h 1842"/>
              <a:gd name="T78" fmla="*/ 2147483647 w 698"/>
              <a:gd name="T79" fmla="*/ 2147483647 h 1842"/>
              <a:gd name="T80" fmla="*/ 2147483647 w 698"/>
              <a:gd name="T81" fmla="*/ 2147483647 h 1842"/>
              <a:gd name="T82" fmla="*/ 2147483647 w 698"/>
              <a:gd name="T83" fmla="*/ 2147483647 h 1842"/>
              <a:gd name="T84" fmla="*/ 2147483647 w 698"/>
              <a:gd name="T85" fmla="*/ 2147483647 h 1842"/>
              <a:gd name="T86" fmla="*/ 2147483647 w 698"/>
              <a:gd name="T87" fmla="*/ 2147483647 h 1842"/>
              <a:gd name="T88" fmla="*/ 2147483647 w 698"/>
              <a:gd name="T89" fmla="*/ 2147483647 h 1842"/>
              <a:gd name="T90" fmla="*/ 2147483647 w 698"/>
              <a:gd name="T91" fmla="*/ 2147483647 h 1842"/>
              <a:gd name="T92" fmla="*/ 2147483647 w 698"/>
              <a:gd name="T93" fmla="*/ 2147483647 h 1842"/>
              <a:gd name="T94" fmla="*/ 2147483647 w 698"/>
              <a:gd name="T95" fmla="*/ 2147483647 h 1842"/>
              <a:gd name="T96" fmla="*/ 2147483647 w 698"/>
              <a:gd name="T97" fmla="*/ 2147483647 h 1842"/>
              <a:gd name="T98" fmla="*/ 2147483647 w 698"/>
              <a:gd name="T99" fmla="*/ 2147483647 h 1842"/>
              <a:gd name="T100" fmla="*/ 2147483647 w 698"/>
              <a:gd name="T101" fmla="*/ 2147483647 h 1842"/>
              <a:gd name="T102" fmla="*/ 2147483647 w 698"/>
              <a:gd name="T103" fmla="*/ 2147483647 h 1842"/>
              <a:gd name="T104" fmla="*/ 2147483647 w 698"/>
              <a:gd name="T105" fmla="*/ 2147483647 h 1842"/>
              <a:gd name="T106" fmla="*/ 2147483647 w 698"/>
              <a:gd name="T107" fmla="*/ 2147483647 h 1842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0" t="0" r="r" b="b"/>
            <a:pathLst>
              <a:path w="698" h="1842">
                <a:moveTo>
                  <a:pt x="434" y="34"/>
                </a:moveTo>
                <a:lnTo>
                  <a:pt x="430" y="24"/>
                </a:lnTo>
                <a:lnTo>
                  <a:pt x="422" y="8"/>
                </a:lnTo>
                <a:lnTo>
                  <a:pt x="432" y="4"/>
                </a:lnTo>
                <a:lnTo>
                  <a:pt x="442" y="2"/>
                </a:lnTo>
                <a:lnTo>
                  <a:pt x="446" y="0"/>
                </a:lnTo>
                <a:lnTo>
                  <a:pt x="458" y="14"/>
                </a:lnTo>
                <a:lnTo>
                  <a:pt x="460" y="18"/>
                </a:lnTo>
                <a:lnTo>
                  <a:pt x="498" y="46"/>
                </a:lnTo>
                <a:lnTo>
                  <a:pt x="514" y="52"/>
                </a:lnTo>
                <a:lnTo>
                  <a:pt x="522" y="68"/>
                </a:lnTo>
                <a:lnTo>
                  <a:pt x="548" y="68"/>
                </a:lnTo>
                <a:lnTo>
                  <a:pt x="576" y="78"/>
                </a:lnTo>
                <a:lnTo>
                  <a:pt x="588" y="92"/>
                </a:lnTo>
                <a:lnTo>
                  <a:pt x="590" y="102"/>
                </a:lnTo>
                <a:lnTo>
                  <a:pt x="600" y="104"/>
                </a:lnTo>
                <a:lnTo>
                  <a:pt x="618" y="126"/>
                </a:lnTo>
                <a:lnTo>
                  <a:pt x="612" y="134"/>
                </a:lnTo>
                <a:lnTo>
                  <a:pt x="618" y="186"/>
                </a:lnTo>
                <a:lnTo>
                  <a:pt x="636" y="192"/>
                </a:lnTo>
                <a:lnTo>
                  <a:pt x="638" y="212"/>
                </a:lnTo>
                <a:lnTo>
                  <a:pt x="630" y="216"/>
                </a:lnTo>
                <a:lnTo>
                  <a:pt x="630" y="228"/>
                </a:lnTo>
                <a:lnTo>
                  <a:pt x="662" y="268"/>
                </a:lnTo>
                <a:lnTo>
                  <a:pt x="662" y="302"/>
                </a:lnTo>
                <a:lnTo>
                  <a:pt x="656" y="316"/>
                </a:lnTo>
                <a:lnTo>
                  <a:pt x="658" y="344"/>
                </a:lnTo>
                <a:lnTo>
                  <a:pt x="676" y="356"/>
                </a:lnTo>
                <a:lnTo>
                  <a:pt x="688" y="380"/>
                </a:lnTo>
                <a:lnTo>
                  <a:pt x="698" y="402"/>
                </a:lnTo>
                <a:lnTo>
                  <a:pt x="692" y="408"/>
                </a:lnTo>
                <a:lnTo>
                  <a:pt x="680" y="412"/>
                </a:lnTo>
                <a:lnTo>
                  <a:pt x="666" y="408"/>
                </a:lnTo>
                <a:lnTo>
                  <a:pt x="654" y="408"/>
                </a:lnTo>
                <a:lnTo>
                  <a:pt x="650" y="416"/>
                </a:lnTo>
                <a:lnTo>
                  <a:pt x="646" y="418"/>
                </a:lnTo>
                <a:lnTo>
                  <a:pt x="640" y="422"/>
                </a:lnTo>
                <a:lnTo>
                  <a:pt x="624" y="416"/>
                </a:lnTo>
                <a:lnTo>
                  <a:pt x="620" y="410"/>
                </a:lnTo>
                <a:lnTo>
                  <a:pt x="618" y="416"/>
                </a:lnTo>
                <a:lnTo>
                  <a:pt x="604" y="412"/>
                </a:lnTo>
                <a:lnTo>
                  <a:pt x="600" y="422"/>
                </a:lnTo>
                <a:lnTo>
                  <a:pt x="602" y="434"/>
                </a:lnTo>
                <a:lnTo>
                  <a:pt x="608" y="442"/>
                </a:lnTo>
                <a:lnTo>
                  <a:pt x="606" y="456"/>
                </a:lnTo>
                <a:lnTo>
                  <a:pt x="594" y="458"/>
                </a:lnTo>
                <a:lnTo>
                  <a:pt x="584" y="456"/>
                </a:lnTo>
                <a:lnTo>
                  <a:pt x="586" y="468"/>
                </a:lnTo>
                <a:lnTo>
                  <a:pt x="572" y="480"/>
                </a:lnTo>
                <a:lnTo>
                  <a:pt x="564" y="484"/>
                </a:lnTo>
                <a:lnTo>
                  <a:pt x="574" y="494"/>
                </a:lnTo>
                <a:lnTo>
                  <a:pt x="572" y="504"/>
                </a:lnTo>
                <a:lnTo>
                  <a:pt x="570" y="518"/>
                </a:lnTo>
                <a:lnTo>
                  <a:pt x="566" y="534"/>
                </a:lnTo>
                <a:lnTo>
                  <a:pt x="556" y="550"/>
                </a:lnTo>
                <a:lnTo>
                  <a:pt x="562" y="562"/>
                </a:lnTo>
                <a:lnTo>
                  <a:pt x="562" y="580"/>
                </a:lnTo>
                <a:lnTo>
                  <a:pt x="568" y="582"/>
                </a:lnTo>
                <a:lnTo>
                  <a:pt x="578" y="590"/>
                </a:lnTo>
                <a:lnTo>
                  <a:pt x="588" y="602"/>
                </a:lnTo>
                <a:lnTo>
                  <a:pt x="586" y="606"/>
                </a:lnTo>
                <a:lnTo>
                  <a:pt x="584" y="612"/>
                </a:lnTo>
                <a:lnTo>
                  <a:pt x="580" y="622"/>
                </a:lnTo>
                <a:lnTo>
                  <a:pt x="576" y="628"/>
                </a:lnTo>
                <a:lnTo>
                  <a:pt x="560" y="640"/>
                </a:lnTo>
                <a:lnTo>
                  <a:pt x="560" y="654"/>
                </a:lnTo>
                <a:lnTo>
                  <a:pt x="554" y="676"/>
                </a:lnTo>
                <a:lnTo>
                  <a:pt x="554" y="694"/>
                </a:lnTo>
                <a:lnTo>
                  <a:pt x="542" y="702"/>
                </a:lnTo>
                <a:lnTo>
                  <a:pt x="530" y="710"/>
                </a:lnTo>
                <a:lnTo>
                  <a:pt x="526" y="718"/>
                </a:lnTo>
                <a:lnTo>
                  <a:pt x="510" y="726"/>
                </a:lnTo>
                <a:lnTo>
                  <a:pt x="500" y="740"/>
                </a:lnTo>
                <a:lnTo>
                  <a:pt x="498" y="752"/>
                </a:lnTo>
                <a:lnTo>
                  <a:pt x="486" y="738"/>
                </a:lnTo>
                <a:lnTo>
                  <a:pt x="486" y="752"/>
                </a:lnTo>
                <a:lnTo>
                  <a:pt x="474" y="752"/>
                </a:lnTo>
                <a:lnTo>
                  <a:pt x="470" y="774"/>
                </a:lnTo>
                <a:lnTo>
                  <a:pt x="468" y="786"/>
                </a:lnTo>
                <a:lnTo>
                  <a:pt x="450" y="786"/>
                </a:lnTo>
                <a:lnTo>
                  <a:pt x="442" y="792"/>
                </a:lnTo>
                <a:lnTo>
                  <a:pt x="428" y="812"/>
                </a:lnTo>
                <a:lnTo>
                  <a:pt x="434" y="824"/>
                </a:lnTo>
                <a:lnTo>
                  <a:pt x="430" y="834"/>
                </a:lnTo>
                <a:lnTo>
                  <a:pt x="416" y="842"/>
                </a:lnTo>
                <a:lnTo>
                  <a:pt x="408" y="842"/>
                </a:lnTo>
                <a:lnTo>
                  <a:pt x="404" y="840"/>
                </a:lnTo>
                <a:lnTo>
                  <a:pt x="398" y="828"/>
                </a:lnTo>
                <a:lnTo>
                  <a:pt x="396" y="834"/>
                </a:lnTo>
                <a:lnTo>
                  <a:pt x="402" y="850"/>
                </a:lnTo>
                <a:lnTo>
                  <a:pt x="406" y="868"/>
                </a:lnTo>
                <a:lnTo>
                  <a:pt x="406" y="880"/>
                </a:lnTo>
                <a:lnTo>
                  <a:pt x="398" y="890"/>
                </a:lnTo>
                <a:lnTo>
                  <a:pt x="386" y="896"/>
                </a:lnTo>
                <a:lnTo>
                  <a:pt x="380" y="888"/>
                </a:lnTo>
                <a:lnTo>
                  <a:pt x="376" y="894"/>
                </a:lnTo>
                <a:lnTo>
                  <a:pt x="376" y="910"/>
                </a:lnTo>
                <a:lnTo>
                  <a:pt x="382" y="920"/>
                </a:lnTo>
                <a:lnTo>
                  <a:pt x="392" y="924"/>
                </a:lnTo>
                <a:lnTo>
                  <a:pt x="392" y="936"/>
                </a:lnTo>
                <a:lnTo>
                  <a:pt x="384" y="954"/>
                </a:lnTo>
                <a:lnTo>
                  <a:pt x="378" y="974"/>
                </a:lnTo>
                <a:lnTo>
                  <a:pt x="384" y="986"/>
                </a:lnTo>
                <a:lnTo>
                  <a:pt x="392" y="990"/>
                </a:lnTo>
                <a:lnTo>
                  <a:pt x="392" y="1002"/>
                </a:lnTo>
                <a:lnTo>
                  <a:pt x="382" y="998"/>
                </a:lnTo>
                <a:lnTo>
                  <a:pt x="374" y="998"/>
                </a:lnTo>
                <a:lnTo>
                  <a:pt x="374" y="1010"/>
                </a:lnTo>
                <a:lnTo>
                  <a:pt x="376" y="1024"/>
                </a:lnTo>
                <a:lnTo>
                  <a:pt x="372" y="1038"/>
                </a:lnTo>
                <a:lnTo>
                  <a:pt x="378" y="1040"/>
                </a:lnTo>
                <a:lnTo>
                  <a:pt x="382" y="1048"/>
                </a:lnTo>
                <a:lnTo>
                  <a:pt x="376" y="1058"/>
                </a:lnTo>
                <a:lnTo>
                  <a:pt x="380" y="1076"/>
                </a:lnTo>
                <a:lnTo>
                  <a:pt x="380" y="1100"/>
                </a:lnTo>
                <a:lnTo>
                  <a:pt x="390" y="1112"/>
                </a:lnTo>
                <a:lnTo>
                  <a:pt x="388" y="1130"/>
                </a:lnTo>
                <a:lnTo>
                  <a:pt x="406" y="1134"/>
                </a:lnTo>
                <a:lnTo>
                  <a:pt x="416" y="1134"/>
                </a:lnTo>
                <a:lnTo>
                  <a:pt x="420" y="1146"/>
                </a:lnTo>
                <a:lnTo>
                  <a:pt x="428" y="1138"/>
                </a:lnTo>
                <a:lnTo>
                  <a:pt x="438" y="1136"/>
                </a:lnTo>
                <a:lnTo>
                  <a:pt x="440" y="1142"/>
                </a:lnTo>
                <a:lnTo>
                  <a:pt x="444" y="1150"/>
                </a:lnTo>
                <a:lnTo>
                  <a:pt x="450" y="1160"/>
                </a:lnTo>
                <a:lnTo>
                  <a:pt x="456" y="1164"/>
                </a:lnTo>
                <a:lnTo>
                  <a:pt x="468" y="1164"/>
                </a:lnTo>
                <a:lnTo>
                  <a:pt x="478" y="1162"/>
                </a:lnTo>
                <a:lnTo>
                  <a:pt x="484" y="1172"/>
                </a:lnTo>
                <a:lnTo>
                  <a:pt x="474" y="1180"/>
                </a:lnTo>
                <a:lnTo>
                  <a:pt x="480" y="1192"/>
                </a:lnTo>
                <a:lnTo>
                  <a:pt x="490" y="1192"/>
                </a:lnTo>
                <a:lnTo>
                  <a:pt x="494" y="1184"/>
                </a:lnTo>
                <a:lnTo>
                  <a:pt x="500" y="1196"/>
                </a:lnTo>
                <a:lnTo>
                  <a:pt x="506" y="1208"/>
                </a:lnTo>
                <a:lnTo>
                  <a:pt x="512" y="1224"/>
                </a:lnTo>
                <a:lnTo>
                  <a:pt x="518" y="1232"/>
                </a:lnTo>
                <a:lnTo>
                  <a:pt x="514" y="1240"/>
                </a:lnTo>
                <a:lnTo>
                  <a:pt x="504" y="1252"/>
                </a:lnTo>
                <a:lnTo>
                  <a:pt x="498" y="1268"/>
                </a:lnTo>
                <a:lnTo>
                  <a:pt x="490" y="1280"/>
                </a:lnTo>
                <a:lnTo>
                  <a:pt x="486" y="1294"/>
                </a:lnTo>
                <a:lnTo>
                  <a:pt x="492" y="1304"/>
                </a:lnTo>
                <a:lnTo>
                  <a:pt x="488" y="1314"/>
                </a:lnTo>
                <a:lnTo>
                  <a:pt x="490" y="1328"/>
                </a:lnTo>
                <a:lnTo>
                  <a:pt x="478" y="1330"/>
                </a:lnTo>
                <a:lnTo>
                  <a:pt x="470" y="1334"/>
                </a:lnTo>
                <a:lnTo>
                  <a:pt x="466" y="1346"/>
                </a:lnTo>
                <a:lnTo>
                  <a:pt x="460" y="1356"/>
                </a:lnTo>
                <a:lnTo>
                  <a:pt x="456" y="1364"/>
                </a:lnTo>
                <a:lnTo>
                  <a:pt x="448" y="1350"/>
                </a:lnTo>
                <a:lnTo>
                  <a:pt x="446" y="1336"/>
                </a:lnTo>
                <a:lnTo>
                  <a:pt x="444" y="1338"/>
                </a:lnTo>
                <a:lnTo>
                  <a:pt x="442" y="1344"/>
                </a:lnTo>
                <a:lnTo>
                  <a:pt x="436" y="1356"/>
                </a:lnTo>
                <a:lnTo>
                  <a:pt x="432" y="1366"/>
                </a:lnTo>
                <a:lnTo>
                  <a:pt x="424" y="1376"/>
                </a:lnTo>
                <a:lnTo>
                  <a:pt x="410" y="1382"/>
                </a:lnTo>
                <a:lnTo>
                  <a:pt x="404" y="1390"/>
                </a:lnTo>
                <a:lnTo>
                  <a:pt x="400" y="1398"/>
                </a:lnTo>
                <a:lnTo>
                  <a:pt x="376" y="1398"/>
                </a:lnTo>
                <a:lnTo>
                  <a:pt x="360" y="1398"/>
                </a:lnTo>
                <a:lnTo>
                  <a:pt x="372" y="1402"/>
                </a:lnTo>
                <a:lnTo>
                  <a:pt x="388" y="1408"/>
                </a:lnTo>
                <a:lnTo>
                  <a:pt x="400" y="1416"/>
                </a:lnTo>
                <a:lnTo>
                  <a:pt x="400" y="1420"/>
                </a:lnTo>
                <a:lnTo>
                  <a:pt x="400" y="1422"/>
                </a:lnTo>
                <a:lnTo>
                  <a:pt x="398" y="1422"/>
                </a:lnTo>
                <a:lnTo>
                  <a:pt x="372" y="1422"/>
                </a:lnTo>
                <a:lnTo>
                  <a:pt x="384" y="1430"/>
                </a:lnTo>
                <a:lnTo>
                  <a:pt x="390" y="1436"/>
                </a:lnTo>
                <a:lnTo>
                  <a:pt x="394" y="1450"/>
                </a:lnTo>
                <a:lnTo>
                  <a:pt x="396" y="1464"/>
                </a:lnTo>
                <a:lnTo>
                  <a:pt x="392" y="1470"/>
                </a:lnTo>
                <a:lnTo>
                  <a:pt x="386" y="1476"/>
                </a:lnTo>
                <a:lnTo>
                  <a:pt x="390" y="1478"/>
                </a:lnTo>
                <a:lnTo>
                  <a:pt x="392" y="1478"/>
                </a:lnTo>
                <a:lnTo>
                  <a:pt x="394" y="1480"/>
                </a:lnTo>
                <a:lnTo>
                  <a:pt x="394" y="1494"/>
                </a:lnTo>
                <a:lnTo>
                  <a:pt x="380" y="1494"/>
                </a:lnTo>
                <a:lnTo>
                  <a:pt x="380" y="1500"/>
                </a:lnTo>
                <a:lnTo>
                  <a:pt x="386" y="1506"/>
                </a:lnTo>
                <a:lnTo>
                  <a:pt x="390" y="1512"/>
                </a:lnTo>
                <a:lnTo>
                  <a:pt x="390" y="1522"/>
                </a:lnTo>
                <a:lnTo>
                  <a:pt x="386" y="1526"/>
                </a:lnTo>
                <a:lnTo>
                  <a:pt x="386" y="1534"/>
                </a:lnTo>
                <a:lnTo>
                  <a:pt x="396" y="1540"/>
                </a:lnTo>
                <a:lnTo>
                  <a:pt x="394" y="1548"/>
                </a:lnTo>
                <a:lnTo>
                  <a:pt x="394" y="1564"/>
                </a:lnTo>
                <a:lnTo>
                  <a:pt x="382" y="1570"/>
                </a:lnTo>
                <a:lnTo>
                  <a:pt x="380" y="1582"/>
                </a:lnTo>
                <a:lnTo>
                  <a:pt x="380" y="1590"/>
                </a:lnTo>
                <a:lnTo>
                  <a:pt x="380" y="1586"/>
                </a:lnTo>
                <a:lnTo>
                  <a:pt x="380" y="1588"/>
                </a:lnTo>
                <a:lnTo>
                  <a:pt x="384" y="1592"/>
                </a:lnTo>
                <a:lnTo>
                  <a:pt x="392" y="1600"/>
                </a:lnTo>
                <a:lnTo>
                  <a:pt x="384" y="1610"/>
                </a:lnTo>
                <a:lnTo>
                  <a:pt x="386" y="1644"/>
                </a:lnTo>
                <a:lnTo>
                  <a:pt x="378" y="1660"/>
                </a:lnTo>
                <a:lnTo>
                  <a:pt x="372" y="1672"/>
                </a:lnTo>
                <a:lnTo>
                  <a:pt x="364" y="1694"/>
                </a:lnTo>
                <a:lnTo>
                  <a:pt x="364" y="1708"/>
                </a:lnTo>
                <a:lnTo>
                  <a:pt x="356" y="1722"/>
                </a:lnTo>
                <a:lnTo>
                  <a:pt x="348" y="1732"/>
                </a:lnTo>
                <a:lnTo>
                  <a:pt x="340" y="1722"/>
                </a:lnTo>
                <a:lnTo>
                  <a:pt x="332" y="1716"/>
                </a:lnTo>
                <a:lnTo>
                  <a:pt x="324" y="1724"/>
                </a:lnTo>
                <a:lnTo>
                  <a:pt x="310" y="1724"/>
                </a:lnTo>
                <a:lnTo>
                  <a:pt x="294" y="1724"/>
                </a:lnTo>
                <a:lnTo>
                  <a:pt x="284" y="1726"/>
                </a:lnTo>
                <a:lnTo>
                  <a:pt x="272" y="1730"/>
                </a:lnTo>
                <a:lnTo>
                  <a:pt x="274" y="1742"/>
                </a:lnTo>
                <a:lnTo>
                  <a:pt x="270" y="1750"/>
                </a:lnTo>
                <a:lnTo>
                  <a:pt x="260" y="1746"/>
                </a:lnTo>
                <a:lnTo>
                  <a:pt x="254" y="1748"/>
                </a:lnTo>
                <a:lnTo>
                  <a:pt x="240" y="1762"/>
                </a:lnTo>
                <a:lnTo>
                  <a:pt x="236" y="1768"/>
                </a:lnTo>
                <a:lnTo>
                  <a:pt x="232" y="1790"/>
                </a:lnTo>
                <a:lnTo>
                  <a:pt x="244" y="1794"/>
                </a:lnTo>
                <a:lnTo>
                  <a:pt x="246" y="1804"/>
                </a:lnTo>
                <a:lnTo>
                  <a:pt x="246" y="1816"/>
                </a:lnTo>
                <a:lnTo>
                  <a:pt x="236" y="1830"/>
                </a:lnTo>
                <a:lnTo>
                  <a:pt x="224" y="1834"/>
                </a:lnTo>
                <a:lnTo>
                  <a:pt x="214" y="1826"/>
                </a:lnTo>
                <a:lnTo>
                  <a:pt x="204" y="1828"/>
                </a:lnTo>
                <a:lnTo>
                  <a:pt x="194" y="1832"/>
                </a:lnTo>
                <a:lnTo>
                  <a:pt x="180" y="1842"/>
                </a:lnTo>
                <a:lnTo>
                  <a:pt x="158" y="1836"/>
                </a:lnTo>
                <a:lnTo>
                  <a:pt x="140" y="1838"/>
                </a:lnTo>
                <a:lnTo>
                  <a:pt x="148" y="1824"/>
                </a:lnTo>
                <a:lnTo>
                  <a:pt x="140" y="1818"/>
                </a:lnTo>
                <a:lnTo>
                  <a:pt x="140" y="1814"/>
                </a:lnTo>
                <a:lnTo>
                  <a:pt x="142" y="1810"/>
                </a:lnTo>
                <a:lnTo>
                  <a:pt x="144" y="1808"/>
                </a:lnTo>
                <a:lnTo>
                  <a:pt x="154" y="1802"/>
                </a:lnTo>
                <a:lnTo>
                  <a:pt x="152" y="1794"/>
                </a:lnTo>
                <a:lnTo>
                  <a:pt x="140" y="1788"/>
                </a:lnTo>
                <a:lnTo>
                  <a:pt x="142" y="1780"/>
                </a:lnTo>
                <a:lnTo>
                  <a:pt x="132" y="1762"/>
                </a:lnTo>
                <a:lnTo>
                  <a:pt x="120" y="1748"/>
                </a:lnTo>
                <a:lnTo>
                  <a:pt x="112" y="1734"/>
                </a:lnTo>
                <a:lnTo>
                  <a:pt x="110" y="1718"/>
                </a:lnTo>
                <a:lnTo>
                  <a:pt x="118" y="1724"/>
                </a:lnTo>
                <a:lnTo>
                  <a:pt x="126" y="1730"/>
                </a:lnTo>
                <a:lnTo>
                  <a:pt x="134" y="1722"/>
                </a:lnTo>
                <a:lnTo>
                  <a:pt x="126" y="1716"/>
                </a:lnTo>
                <a:lnTo>
                  <a:pt x="114" y="1706"/>
                </a:lnTo>
                <a:lnTo>
                  <a:pt x="120" y="1696"/>
                </a:lnTo>
                <a:lnTo>
                  <a:pt x="132" y="1696"/>
                </a:lnTo>
                <a:lnTo>
                  <a:pt x="138" y="1686"/>
                </a:lnTo>
                <a:lnTo>
                  <a:pt x="134" y="1666"/>
                </a:lnTo>
                <a:lnTo>
                  <a:pt x="120" y="1670"/>
                </a:lnTo>
                <a:lnTo>
                  <a:pt x="108" y="1646"/>
                </a:lnTo>
                <a:lnTo>
                  <a:pt x="98" y="1636"/>
                </a:lnTo>
                <a:lnTo>
                  <a:pt x="80" y="1600"/>
                </a:lnTo>
                <a:lnTo>
                  <a:pt x="76" y="1582"/>
                </a:lnTo>
                <a:lnTo>
                  <a:pt x="64" y="1580"/>
                </a:lnTo>
                <a:lnTo>
                  <a:pt x="64" y="1556"/>
                </a:lnTo>
                <a:lnTo>
                  <a:pt x="58" y="1544"/>
                </a:lnTo>
                <a:lnTo>
                  <a:pt x="64" y="1532"/>
                </a:lnTo>
                <a:lnTo>
                  <a:pt x="58" y="1526"/>
                </a:lnTo>
                <a:lnTo>
                  <a:pt x="52" y="1538"/>
                </a:lnTo>
                <a:lnTo>
                  <a:pt x="46" y="1536"/>
                </a:lnTo>
                <a:lnTo>
                  <a:pt x="42" y="1536"/>
                </a:lnTo>
                <a:lnTo>
                  <a:pt x="40" y="1532"/>
                </a:lnTo>
                <a:lnTo>
                  <a:pt x="48" y="1520"/>
                </a:lnTo>
                <a:lnTo>
                  <a:pt x="48" y="1508"/>
                </a:lnTo>
                <a:lnTo>
                  <a:pt x="48" y="1498"/>
                </a:lnTo>
                <a:lnTo>
                  <a:pt x="40" y="1492"/>
                </a:lnTo>
                <a:lnTo>
                  <a:pt x="48" y="1484"/>
                </a:lnTo>
                <a:lnTo>
                  <a:pt x="52" y="1482"/>
                </a:lnTo>
                <a:lnTo>
                  <a:pt x="54" y="1476"/>
                </a:lnTo>
                <a:lnTo>
                  <a:pt x="52" y="1464"/>
                </a:lnTo>
                <a:lnTo>
                  <a:pt x="38" y="1464"/>
                </a:lnTo>
                <a:lnTo>
                  <a:pt x="32" y="1478"/>
                </a:lnTo>
                <a:lnTo>
                  <a:pt x="20" y="1482"/>
                </a:lnTo>
                <a:lnTo>
                  <a:pt x="26" y="1464"/>
                </a:lnTo>
                <a:lnTo>
                  <a:pt x="24" y="1454"/>
                </a:lnTo>
                <a:lnTo>
                  <a:pt x="12" y="1452"/>
                </a:lnTo>
                <a:lnTo>
                  <a:pt x="12" y="1424"/>
                </a:lnTo>
                <a:lnTo>
                  <a:pt x="10" y="1400"/>
                </a:lnTo>
                <a:lnTo>
                  <a:pt x="8" y="1384"/>
                </a:lnTo>
                <a:lnTo>
                  <a:pt x="0" y="1372"/>
                </a:lnTo>
                <a:lnTo>
                  <a:pt x="4" y="1364"/>
                </a:lnTo>
                <a:lnTo>
                  <a:pt x="8" y="1360"/>
                </a:lnTo>
                <a:lnTo>
                  <a:pt x="14" y="1354"/>
                </a:lnTo>
                <a:lnTo>
                  <a:pt x="18" y="1358"/>
                </a:lnTo>
                <a:lnTo>
                  <a:pt x="20" y="1362"/>
                </a:lnTo>
                <a:lnTo>
                  <a:pt x="22" y="1376"/>
                </a:lnTo>
                <a:lnTo>
                  <a:pt x="30" y="1386"/>
                </a:lnTo>
                <a:lnTo>
                  <a:pt x="38" y="1380"/>
                </a:lnTo>
                <a:lnTo>
                  <a:pt x="44" y="1362"/>
                </a:lnTo>
                <a:lnTo>
                  <a:pt x="46" y="1346"/>
                </a:lnTo>
                <a:lnTo>
                  <a:pt x="46" y="1320"/>
                </a:lnTo>
                <a:lnTo>
                  <a:pt x="40" y="1308"/>
                </a:lnTo>
                <a:lnTo>
                  <a:pt x="38" y="1288"/>
                </a:lnTo>
                <a:lnTo>
                  <a:pt x="48" y="1284"/>
                </a:lnTo>
                <a:lnTo>
                  <a:pt x="50" y="1264"/>
                </a:lnTo>
                <a:lnTo>
                  <a:pt x="46" y="1258"/>
                </a:lnTo>
                <a:lnTo>
                  <a:pt x="52" y="1252"/>
                </a:lnTo>
                <a:lnTo>
                  <a:pt x="68" y="1252"/>
                </a:lnTo>
                <a:lnTo>
                  <a:pt x="86" y="1232"/>
                </a:lnTo>
                <a:lnTo>
                  <a:pt x="88" y="1196"/>
                </a:lnTo>
                <a:lnTo>
                  <a:pt x="94" y="1174"/>
                </a:lnTo>
                <a:lnTo>
                  <a:pt x="86" y="1158"/>
                </a:lnTo>
                <a:lnTo>
                  <a:pt x="78" y="1134"/>
                </a:lnTo>
                <a:lnTo>
                  <a:pt x="72" y="1118"/>
                </a:lnTo>
                <a:lnTo>
                  <a:pt x="76" y="1104"/>
                </a:lnTo>
                <a:lnTo>
                  <a:pt x="96" y="1100"/>
                </a:lnTo>
                <a:lnTo>
                  <a:pt x="104" y="1086"/>
                </a:lnTo>
                <a:lnTo>
                  <a:pt x="108" y="1066"/>
                </a:lnTo>
                <a:lnTo>
                  <a:pt x="104" y="1054"/>
                </a:lnTo>
                <a:lnTo>
                  <a:pt x="86" y="1036"/>
                </a:lnTo>
                <a:lnTo>
                  <a:pt x="78" y="1032"/>
                </a:lnTo>
                <a:lnTo>
                  <a:pt x="62" y="1016"/>
                </a:lnTo>
                <a:lnTo>
                  <a:pt x="60" y="982"/>
                </a:lnTo>
                <a:lnTo>
                  <a:pt x="70" y="942"/>
                </a:lnTo>
                <a:lnTo>
                  <a:pt x="54" y="910"/>
                </a:lnTo>
                <a:lnTo>
                  <a:pt x="54" y="888"/>
                </a:lnTo>
                <a:lnTo>
                  <a:pt x="56" y="872"/>
                </a:lnTo>
                <a:lnTo>
                  <a:pt x="50" y="862"/>
                </a:lnTo>
                <a:lnTo>
                  <a:pt x="58" y="852"/>
                </a:lnTo>
                <a:lnTo>
                  <a:pt x="58" y="838"/>
                </a:lnTo>
                <a:lnTo>
                  <a:pt x="50" y="820"/>
                </a:lnTo>
                <a:lnTo>
                  <a:pt x="46" y="810"/>
                </a:lnTo>
                <a:lnTo>
                  <a:pt x="48" y="800"/>
                </a:lnTo>
                <a:lnTo>
                  <a:pt x="56" y="782"/>
                </a:lnTo>
                <a:lnTo>
                  <a:pt x="54" y="766"/>
                </a:lnTo>
                <a:lnTo>
                  <a:pt x="60" y="758"/>
                </a:lnTo>
                <a:lnTo>
                  <a:pt x="70" y="738"/>
                </a:lnTo>
                <a:lnTo>
                  <a:pt x="78" y="722"/>
                </a:lnTo>
                <a:lnTo>
                  <a:pt x="90" y="708"/>
                </a:lnTo>
                <a:lnTo>
                  <a:pt x="106" y="700"/>
                </a:lnTo>
                <a:lnTo>
                  <a:pt x="128" y="700"/>
                </a:lnTo>
                <a:lnTo>
                  <a:pt x="156" y="706"/>
                </a:lnTo>
                <a:lnTo>
                  <a:pt x="162" y="694"/>
                </a:lnTo>
                <a:lnTo>
                  <a:pt x="166" y="686"/>
                </a:lnTo>
                <a:lnTo>
                  <a:pt x="162" y="666"/>
                </a:lnTo>
                <a:lnTo>
                  <a:pt x="162" y="646"/>
                </a:lnTo>
                <a:lnTo>
                  <a:pt x="150" y="642"/>
                </a:lnTo>
                <a:lnTo>
                  <a:pt x="136" y="636"/>
                </a:lnTo>
                <a:lnTo>
                  <a:pt x="136" y="626"/>
                </a:lnTo>
                <a:lnTo>
                  <a:pt x="142" y="608"/>
                </a:lnTo>
                <a:lnTo>
                  <a:pt x="150" y="598"/>
                </a:lnTo>
                <a:lnTo>
                  <a:pt x="160" y="576"/>
                </a:lnTo>
                <a:lnTo>
                  <a:pt x="168" y="560"/>
                </a:lnTo>
                <a:lnTo>
                  <a:pt x="174" y="530"/>
                </a:lnTo>
                <a:lnTo>
                  <a:pt x="178" y="484"/>
                </a:lnTo>
                <a:lnTo>
                  <a:pt x="180" y="456"/>
                </a:lnTo>
                <a:lnTo>
                  <a:pt x="174" y="442"/>
                </a:lnTo>
                <a:lnTo>
                  <a:pt x="176" y="424"/>
                </a:lnTo>
                <a:lnTo>
                  <a:pt x="198" y="420"/>
                </a:lnTo>
                <a:lnTo>
                  <a:pt x="220" y="402"/>
                </a:lnTo>
                <a:lnTo>
                  <a:pt x="220" y="382"/>
                </a:lnTo>
                <a:lnTo>
                  <a:pt x="214" y="372"/>
                </a:lnTo>
                <a:lnTo>
                  <a:pt x="226" y="356"/>
                </a:lnTo>
                <a:lnTo>
                  <a:pt x="240" y="330"/>
                </a:lnTo>
                <a:lnTo>
                  <a:pt x="242" y="316"/>
                </a:lnTo>
                <a:lnTo>
                  <a:pt x="260" y="300"/>
                </a:lnTo>
                <a:lnTo>
                  <a:pt x="262" y="274"/>
                </a:lnTo>
                <a:lnTo>
                  <a:pt x="252" y="260"/>
                </a:lnTo>
                <a:lnTo>
                  <a:pt x="242" y="242"/>
                </a:lnTo>
                <a:lnTo>
                  <a:pt x="262" y="220"/>
                </a:lnTo>
                <a:lnTo>
                  <a:pt x="266" y="194"/>
                </a:lnTo>
                <a:lnTo>
                  <a:pt x="270" y="176"/>
                </a:lnTo>
                <a:lnTo>
                  <a:pt x="292" y="152"/>
                </a:lnTo>
                <a:lnTo>
                  <a:pt x="308" y="150"/>
                </a:lnTo>
                <a:lnTo>
                  <a:pt x="316" y="160"/>
                </a:lnTo>
                <a:lnTo>
                  <a:pt x="328" y="158"/>
                </a:lnTo>
                <a:lnTo>
                  <a:pt x="336" y="142"/>
                </a:lnTo>
                <a:lnTo>
                  <a:pt x="336" y="118"/>
                </a:lnTo>
                <a:lnTo>
                  <a:pt x="330" y="104"/>
                </a:lnTo>
                <a:lnTo>
                  <a:pt x="330" y="86"/>
                </a:lnTo>
                <a:lnTo>
                  <a:pt x="344" y="80"/>
                </a:lnTo>
                <a:lnTo>
                  <a:pt x="360" y="86"/>
                </a:lnTo>
                <a:lnTo>
                  <a:pt x="378" y="86"/>
                </a:lnTo>
                <a:lnTo>
                  <a:pt x="396" y="92"/>
                </a:lnTo>
                <a:lnTo>
                  <a:pt x="418" y="100"/>
                </a:lnTo>
                <a:lnTo>
                  <a:pt x="434" y="86"/>
                </a:lnTo>
                <a:lnTo>
                  <a:pt x="434" y="78"/>
                </a:lnTo>
                <a:lnTo>
                  <a:pt x="424" y="78"/>
                </a:lnTo>
                <a:lnTo>
                  <a:pt x="422" y="70"/>
                </a:lnTo>
                <a:lnTo>
                  <a:pt x="432" y="48"/>
                </a:lnTo>
                <a:lnTo>
                  <a:pt x="434" y="3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28" name="Freeform 99"/>
          <p:cNvSpPr>
            <a:spLocks/>
          </p:cNvSpPr>
          <p:nvPr/>
        </p:nvSpPr>
        <p:spPr bwMode="auto">
          <a:xfrm>
            <a:off x="6511925" y="417513"/>
            <a:ext cx="88900" cy="52387"/>
          </a:xfrm>
          <a:custGeom>
            <a:avLst/>
            <a:gdLst>
              <a:gd name="T0" fmla="*/ 2147483647 w 68"/>
              <a:gd name="T1" fmla="*/ 0 h 40"/>
              <a:gd name="T2" fmla="*/ 2147483647 w 68"/>
              <a:gd name="T3" fmla="*/ 2147483647 h 40"/>
              <a:gd name="T4" fmla="*/ 2147483647 w 68"/>
              <a:gd name="T5" fmla="*/ 2147483647 h 40"/>
              <a:gd name="T6" fmla="*/ 2147483647 w 68"/>
              <a:gd name="T7" fmla="*/ 2147483647 h 40"/>
              <a:gd name="T8" fmla="*/ 2147483647 w 68"/>
              <a:gd name="T9" fmla="*/ 2147483647 h 40"/>
              <a:gd name="T10" fmla="*/ 2147483647 w 68"/>
              <a:gd name="T11" fmla="*/ 2147483647 h 40"/>
              <a:gd name="T12" fmla="*/ 2147483647 w 68"/>
              <a:gd name="T13" fmla="*/ 2147483647 h 40"/>
              <a:gd name="T14" fmla="*/ 2147483647 w 68"/>
              <a:gd name="T15" fmla="*/ 2147483647 h 40"/>
              <a:gd name="T16" fmla="*/ 2147483647 w 68"/>
              <a:gd name="T17" fmla="*/ 2147483647 h 40"/>
              <a:gd name="T18" fmla="*/ 2147483647 w 68"/>
              <a:gd name="T19" fmla="*/ 2147483647 h 40"/>
              <a:gd name="T20" fmla="*/ 2147483647 w 68"/>
              <a:gd name="T21" fmla="*/ 2147483647 h 40"/>
              <a:gd name="T22" fmla="*/ 0 w 68"/>
              <a:gd name="T23" fmla="*/ 2147483647 h 40"/>
              <a:gd name="T24" fmla="*/ 2147483647 w 68"/>
              <a:gd name="T25" fmla="*/ 0 h 40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68" h="40">
                <a:moveTo>
                  <a:pt x="4" y="0"/>
                </a:moveTo>
                <a:lnTo>
                  <a:pt x="18" y="8"/>
                </a:lnTo>
                <a:lnTo>
                  <a:pt x="38" y="14"/>
                </a:lnTo>
                <a:lnTo>
                  <a:pt x="50" y="10"/>
                </a:lnTo>
                <a:lnTo>
                  <a:pt x="60" y="16"/>
                </a:lnTo>
                <a:lnTo>
                  <a:pt x="68" y="24"/>
                </a:lnTo>
                <a:lnTo>
                  <a:pt x="62" y="36"/>
                </a:lnTo>
                <a:lnTo>
                  <a:pt x="46" y="40"/>
                </a:lnTo>
                <a:lnTo>
                  <a:pt x="26" y="36"/>
                </a:lnTo>
                <a:lnTo>
                  <a:pt x="18" y="26"/>
                </a:lnTo>
                <a:lnTo>
                  <a:pt x="10" y="20"/>
                </a:lnTo>
                <a:lnTo>
                  <a:pt x="0" y="10"/>
                </a:lnTo>
                <a:lnTo>
                  <a:pt x="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1929" name="Group 100"/>
          <p:cNvGrpSpPr>
            <a:grpSpLocks/>
          </p:cNvGrpSpPr>
          <p:nvPr/>
        </p:nvGrpSpPr>
        <p:grpSpPr bwMode="auto">
          <a:xfrm>
            <a:off x="4778375" y="292100"/>
            <a:ext cx="1692275" cy="2378075"/>
            <a:chOff x="1890" y="495"/>
            <a:chExt cx="1307" cy="1838"/>
          </a:xfrm>
        </p:grpSpPr>
        <p:sp>
          <p:nvSpPr>
            <p:cNvPr id="121980" name="Freeform 101"/>
            <p:cNvSpPr>
              <a:spLocks/>
            </p:cNvSpPr>
            <p:nvPr/>
          </p:nvSpPr>
          <p:spPr bwMode="auto">
            <a:xfrm>
              <a:off x="1890" y="495"/>
              <a:ext cx="1307" cy="1838"/>
            </a:xfrm>
            <a:custGeom>
              <a:avLst/>
              <a:gdLst>
                <a:gd name="T0" fmla="*/ 1103 w 1307"/>
                <a:gd name="T1" fmla="*/ 88 h 1838"/>
                <a:gd name="T2" fmla="*/ 1105 w 1307"/>
                <a:gd name="T3" fmla="*/ 0 h 1838"/>
                <a:gd name="T4" fmla="*/ 1145 w 1307"/>
                <a:gd name="T5" fmla="*/ 66 h 1838"/>
                <a:gd name="T6" fmla="*/ 1219 w 1307"/>
                <a:gd name="T7" fmla="*/ 34 h 1838"/>
                <a:gd name="T8" fmla="*/ 1263 w 1307"/>
                <a:gd name="T9" fmla="*/ 86 h 1838"/>
                <a:gd name="T10" fmla="*/ 1283 w 1307"/>
                <a:gd name="T11" fmla="*/ 150 h 1838"/>
                <a:gd name="T12" fmla="*/ 1227 w 1307"/>
                <a:gd name="T13" fmla="*/ 236 h 1838"/>
                <a:gd name="T14" fmla="*/ 1137 w 1307"/>
                <a:gd name="T15" fmla="*/ 144 h 1838"/>
                <a:gd name="T16" fmla="*/ 1055 w 1307"/>
                <a:gd name="T17" fmla="*/ 368 h 1838"/>
                <a:gd name="T18" fmla="*/ 901 w 1307"/>
                <a:gd name="T19" fmla="*/ 334 h 1838"/>
                <a:gd name="T20" fmla="*/ 817 w 1307"/>
                <a:gd name="T21" fmla="*/ 348 h 1838"/>
                <a:gd name="T22" fmla="*/ 725 w 1307"/>
                <a:gd name="T23" fmla="*/ 426 h 1838"/>
                <a:gd name="T24" fmla="*/ 647 w 1307"/>
                <a:gd name="T25" fmla="*/ 600 h 1838"/>
                <a:gd name="T26" fmla="*/ 569 w 1307"/>
                <a:gd name="T27" fmla="*/ 782 h 1838"/>
                <a:gd name="T28" fmla="*/ 557 w 1307"/>
                <a:gd name="T29" fmla="*/ 986 h 1838"/>
                <a:gd name="T30" fmla="*/ 449 w 1307"/>
                <a:gd name="T31" fmla="*/ 1106 h 1838"/>
                <a:gd name="T32" fmla="*/ 473 w 1307"/>
                <a:gd name="T33" fmla="*/ 1372 h 1838"/>
                <a:gd name="T34" fmla="*/ 483 w 1307"/>
                <a:gd name="T35" fmla="*/ 1536 h 1838"/>
                <a:gd name="T36" fmla="*/ 439 w 1307"/>
                <a:gd name="T37" fmla="*/ 1702 h 1838"/>
                <a:gd name="T38" fmla="*/ 365 w 1307"/>
                <a:gd name="T39" fmla="*/ 1652 h 1838"/>
                <a:gd name="T40" fmla="*/ 353 w 1307"/>
                <a:gd name="T41" fmla="*/ 1656 h 1838"/>
                <a:gd name="T42" fmla="*/ 285 w 1307"/>
                <a:gd name="T43" fmla="*/ 1730 h 1838"/>
                <a:gd name="T44" fmla="*/ 192 w 1307"/>
                <a:gd name="T45" fmla="*/ 1824 h 1838"/>
                <a:gd name="T46" fmla="*/ 94 w 1307"/>
                <a:gd name="T47" fmla="*/ 1804 h 1838"/>
                <a:gd name="T48" fmla="*/ 62 w 1307"/>
                <a:gd name="T49" fmla="*/ 1706 h 1838"/>
                <a:gd name="T50" fmla="*/ 68 w 1307"/>
                <a:gd name="T51" fmla="*/ 1636 h 1838"/>
                <a:gd name="T52" fmla="*/ 4 w 1307"/>
                <a:gd name="T53" fmla="*/ 1650 h 1838"/>
                <a:gd name="T54" fmla="*/ 70 w 1307"/>
                <a:gd name="T55" fmla="*/ 1602 h 1838"/>
                <a:gd name="T56" fmla="*/ 84 w 1307"/>
                <a:gd name="T57" fmla="*/ 1530 h 1838"/>
                <a:gd name="T58" fmla="*/ 36 w 1307"/>
                <a:gd name="T59" fmla="*/ 1560 h 1838"/>
                <a:gd name="T60" fmla="*/ 24 w 1307"/>
                <a:gd name="T61" fmla="*/ 1504 h 1838"/>
                <a:gd name="T62" fmla="*/ 6 w 1307"/>
                <a:gd name="T63" fmla="*/ 1444 h 1838"/>
                <a:gd name="T64" fmla="*/ 28 w 1307"/>
                <a:gd name="T65" fmla="*/ 1430 h 1838"/>
                <a:gd name="T66" fmla="*/ 10 w 1307"/>
                <a:gd name="T67" fmla="*/ 1346 h 1838"/>
                <a:gd name="T68" fmla="*/ 56 w 1307"/>
                <a:gd name="T69" fmla="*/ 1288 h 1838"/>
                <a:gd name="T70" fmla="*/ 116 w 1307"/>
                <a:gd name="T71" fmla="*/ 1250 h 1838"/>
                <a:gd name="T72" fmla="*/ 132 w 1307"/>
                <a:gd name="T73" fmla="*/ 1202 h 1838"/>
                <a:gd name="T74" fmla="*/ 206 w 1307"/>
                <a:gd name="T75" fmla="*/ 1186 h 1838"/>
                <a:gd name="T76" fmla="*/ 234 w 1307"/>
                <a:gd name="T77" fmla="*/ 1140 h 1838"/>
                <a:gd name="T78" fmla="*/ 256 w 1307"/>
                <a:gd name="T79" fmla="*/ 1106 h 1838"/>
                <a:gd name="T80" fmla="*/ 319 w 1307"/>
                <a:gd name="T81" fmla="*/ 1052 h 1838"/>
                <a:gd name="T82" fmla="*/ 415 w 1307"/>
                <a:gd name="T83" fmla="*/ 940 h 1838"/>
                <a:gd name="T84" fmla="*/ 443 w 1307"/>
                <a:gd name="T85" fmla="*/ 850 h 1838"/>
                <a:gd name="T86" fmla="*/ 515 w 1307"/>
                <a:gd name="T87" fmla="*/ 754 h 1838"/>
                <a:gd name="T88" fmla="*/ 523 w 1307"/>
                <a:gd name="T89" fmla="*/ 684 h 1838"/>
                <a:gd name="T90" fmla="*/ 555 w 1307"/>
                <a:gd name="T91" fmla="*/ 620 h 1838"/>
                <a:gd name="T92" fmla="*/ 591 w 1307"/>
                <a:gd name="T93" fmla="*/ 558 h 1838"/>
                <a:gd name="T94" fmla="*/ 575 w 1307"/>
                <a:gd name="T95" fmla="*/ 520 h 1838"/>
                <a:gd name="T96" fmla="*/ 645 w 1307"/>
                <a:gd name="T97" fmla="*/ 496 h 1838"/>
                <a:gd name="T98" fmla="*/ 689 w 1307"/>
                <a:gd name="T99" fmla="*/ 450 h 1838"/>
                <a:gd name="T100" fmla="*/ 679 w 1307"/>
                <a:gd name="T101" fmla="*/ 382 h 1838"/>
                <a:gd name="T102" fmla="*/ 717 w 1307"/>
                <a:gd name="T103" fmla="*/ 280 h 1838"/>
                <a:gd name="T104" fmla="*/ 795 w 1307"/>
                <a:gd name="T105" fmla="*/ 226 h 1838"/>
                <a:gd name="T106" fmla="*/ 825 w 1307"/>
                <a:gd name="T107" fmla="*/ 212 h 1838"/>
                <a:gd name="T108" fmla="*/ 881 w 1307"/>
                <a:gd name="T109" fmla="*/ 192 h 1838"/>
                <a:gd name="T110" fmla="*/ 899 w 1307"/>
                <a:gd name="T111" fmla="*/ 152 h 1838"/>
                <a:gd name="T112" fmla="*/ 925 w 1307"/>
                <a:gd name="T113" fmla="*/ 118 h 1838"/>
                <a:gd name="T114" fmla="*/ 965 w 1307"/>
                <a:gd name="T115" fmla="*/ 76 h 1838"/>
                <a:gd name="T116" fmla="*/ 983 w 1307"/>
                <a:gd name="T117" fmla="*/ 36 h 1838"/>
                <a:gd name="T118" fmla="*/ 1023 w 1307"/>
                <a:gd name="T119" fmla="*/ 10 h 1838"/>
                <a:gd name="T120" fmla="*/ 1021 w 1307"/>
                <a:gd name="T121" fmla="*/ 94 h 1838"/>
                <a:gd name="T122" fmla="*/ 1035 w 1307"/>
                <a:gd name="T123" fmla="*/ 128 h 1838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0" t="0" r="r" b="b"/>
              <a:pathLst>
                <a:path w="1307" h="1838">
                  <a:moveTo>
                    <a:pt x="1055" y="48"/>
                  </a:moveTo>
                  <a:lnTo>
                    <a:pt x="1061" y="32"/>
                  </a:lnTo>
                  <a:lnTo>
                    <a:pt x="1071" y="32"/>
                  </a:lnTo>
                  <a:lnTo>
                    <a:pt x="1075" y="48"/>
                  </a:lnTo>
                  <a:lnTo>
                    <a:pt x="1077" y="64"/>
                  </a:lnTo>
                  <a:lnTo>
                    <a:pt x="1069" y="72"/>
                  </a:lnTo>
                  <a:lnTo>
                    <a:pt x="1079" y="76"/>
                  </a:lnTo>
                  <a:lnTo>
                    <a:pt x="1081" y="86"/>
                  </a:lnTo>
                  <a:lnTo>
                    <a:pt x="1083" y="104"/>
                  </a:lnTo>
                  <a:lnTo>
                    <a:pt x="1095" y="94"/>
                  </a:lnTo>
                  <a:lnTo>
                    <a:pt x="1103" y="88"/>
                  </a:lnTo>
                  <a:lnTo>
                    <a:pt x="1099" y="72"/>
                  </a:lnTo>
                  <a:lnTo>
                    <a:pt x="1097" y="56"/>
                  </a:lnTo>
                  <a:lnTo>
                    <a:pt x="1099" y="50"/>
                  </a:lnTo>
                  <a:lnTo>
                    <a:pt x="1101" y="44"/>
                  </a:lnTo>
                  <a:lnTo>
                    <a:pt x="1103" y="42"/>
                  </a:lnTo>
                  <a:lnTo>
                    <a:pt x="1107" y="38"/>
                  </a:lnTo>
                  <a:lnTo>
                    <a:pt x="1109" y="34"/>
                  </a:lnTo>
                  <a:lnTo>
                    <a:pt x="1095" y="34"/>
                  </a:lnTo>
                  <a:lnTo>
                    <a:pt x="1091" y="22"/>
                  </a:lnTo>
                  <a:lnTo>
                    <a:pt x="1099" y="12"/>
                  </a:lnTo>
                  <a:lnTo>
                    <a:pt x="1105" y="0"/>
                  </a:lnTo>
                  <a:lnTo>
                    <a:pt x="1121" y="4"/>
                  </a:lnTo>
                  <a:lnTo>
                    <a:pt x="1135" y="6"/>
                  </a:lnTo>
                  <a:lnTo>
                    <a:pt x="1151" y="10"/>
                  </a:lnTo>
                  <a:lnTo>
                    <a:pt x="1149" y="24"/>
                  </a:lnTo>
                  <a:lnTo>
                    <a:pt x="1143" y="34"/>
                  </a:lnTo>
                  <a:lnTo>
                    <a:pt x="1129" y="40"/>
                  </a:lnTo>
                  <a:lnTo>
                    <a:pt x="1135" y="46"/>
                  </a:lnTo>
                  <a:lnTo>
                    <a:pt x="1135" y="56"/>
                  </a:lnTo>
                  <a:lnTo>
                    <a:pt x="1147" y="48"/>
                  </a:lnTo>
                  <a:lnTo>
                    <a:pt x="1151" y="56"/>
                  </a:lnTo>
                  <a:lnTo>
                    <a:pt x="1145" y="66"/>
                  </a:lnTo>
                  <a:lnTo>
                    <a:pt x="1141" y="78"/>
                  </a:lnTo>
                  <a:lnTo>
                    <a:pt x="1155" y="78"/>
                  </a:lnTo>
                  <a:lnTo>
                    <a:pt x="1165" y="70"/>
                  </a:lnTo>
                  <a:lnTo>
                    <a:pt x="1159" y="54"/>
                  </a:lnTo>
                  <a:lnTo>
                    <a:pt x="1159" y="36"/>
                  </a:lnTo>
                  <a:lnTo>
                    <a:pt x="1167" y="16"/>
                  </a:lnTo>
                  <a:lnTo>
                    <a:pt x="1179" y="14"/>
                  </a:lnTo>
                  <a:lnTo>
                    <a:pt x="1193" y="24"/>
                  </a:lnTo>
                  <a:lnTo>
                    <a:pt x="1199" y="38"/>
                  </a:lnTo>
                  <a:lnTo>
                    <a:pt x="1209" y="30"/>
                  </a:lnTo>
                  <a:lnTo>
                    <a:pt x="1219" y="34"/>
                  </a:lnTo>
                  <a:lnTo>
                    <a:pt x="1229" y="26"/>
                  </a:lnTo>
                  <a:lnTo>
                    <a:pt x="1237" y="36"/>
                  </a:lnTo>
                  <a:lnTo>
                    <a:pt x="1245" y="40"/>
                  </a:lnTo>
                  <a:lnTo>
                    <a:pt x="1243" y="48"/>
                  </a:lnTo>
                  <a:lnTo>
                    <a:pt x="1257" y="46"/>
                  </a:lnTo>
                  <a:lnTo>
                    <a:pt x="1267" y="54"/>
                  </a:lnTo>
                  <a:lnTo>
                    <a:pt x="1283" y="54"/>
                  </a:lnTo>
                  <a:lnTo>
                    <a:pt x="1285" y="66"/>
                  </a:lnTo>
                  <a:lnTo>
                    <a:pt x="1275" y="74"/>
                  </a:lnTo>
                  <a:lnTo>
                    <a:pt x="1271" y="80"/>
                  </a:lnTo>
                  <a:lnTo>
                    <a:pt x="1263" y="86"/>
                  </a:lnTo>
                  <a:lnTo>
                    <a:pt x="1263" y="98"/>
                  </a:lnTo>
                  <a:lnTo>
                    <a:pt x="1249" y="114"/>
                  </a:lnTo>
                  <a:lnTo>
                    <a:pt x="1187" y="116"/>
                  </a:lnTo>
                  <a:lnTo>
                    <a:pt x="1187" y="126"/>
                  </a:lnTo>
                  <a:lnTo>
                    <a:pt x="1229" y="128"/>
                  </a:lnTo>
                  <a:lnTo>
                    <a:pt x="1237" y="136"/>
                  </a:lnTo>
                  <a:lnTo>
                    <a:pt x="1251" y="134"/>
                  </a:lnTo>
                  <a:lnTo>
                    <a:pt x="1261" y="142"/>
                  </a:lnTo>
                  <a:lnTo>
                    <a:pt x="1269" y="136"/>
                  </a:lnTo>
                  <a:lnTo>
                    <a:pt x="1277" y="142"/>
                  </a:lnTo>
                  <a:lnTo>
                    <a:pt x="1283" y="150"/>
                  </a:lnTo>
                  <a:lnTo>
                    <a:pt x="1287" y="138"/>
                  </a:lnTo>
                  <a:lnTo>
                    <a:pt x="1299" y="140"/>
                  </a:lnTo>
                  <a:lnTo>
                    <a:pt x="1307" y="164"/>
                  </a:lnTo>
                  <a:lnTo>
                    <a:pt x="1301" y="172"/>
                  </a:lnTo>
                  <a:lnTo>
                    <a:pt x="1275" y="168"/>
                  </a:lnTo>
                  <a:lnTo>
                    <a:pt x="1275" y="200"/>
                  </a:lnTo>
                  <a:lnTo>
                    <a:pt x="1249" y="218"/>
                  </a:lnTo>
                  <a:lnTo>
                    <a:pt x="1249" y="252"/>
                  </a:lnTo>
                  <a:lnTo>
                    <a:pt x="1239" y="262"/>
                  </a:lnTo>
                  <a:lnTo>
                    <a:pt x="1225" y="250"/>
                  </a:lnTo>
                  <a:lnTo>
                    <a:pt x="1227" y="236"/>
                  </a:lnTo>
                  <a:lnTo>
                    <a:pt x="1237" y="212"/>
                  </a:lnTo>
                  <a:lnTo>
                    <a:pt x="1237" y="194"/>
                  </a:lnTo>
                  <a:lnTo>
                    <a:pt x="1221" y="174"/>
                  </a:lnTo>
                  <a:lnTo>
                    <a:pt x="1211" y="170"/>
                  </a:lnTo>
                  <a:lnTo>
                    <a:pt x="1187" y="170"/>
                  </a:lnTo>
                  <a:lnTo>
                    <a:pt x="1183" y="162"/>
                  </a:lnTo>
                  <a:lnTo>
                    <a:pt x="1175" y="158"/>
                  </a:lnTo>
                  <a:lnTo>
                    <a:pt x="1167" y="150"/>
                  </a:lnTo>
                  <a:lnTo>
                    <a:pt x="1151" y="134"/>
                  </a:lnTo>
                  <a:lnTo>
                    <a:pt x="1145" y="138"/>
                  </a:lnTo>
                  <a:lnTo>
                    <a:pt x="1137" y="144"/>
                  </a:lnTo>
                  <a:lnTo>
                    <a:pt x="1127" y="164"/>
                  </a:lnTo>
                  <a:lnTo>
                    <a:pt x="1107" y="166"/>
                  </a:lnTo>
                  <a:lnTo>
                    <a:pt x="1087" y="176"/>
                  </a:lnTo>
                  <a:lnTo>
                    <a:pt x="1087" y="192"/>
                  </a:lnTo>
                  <a:lnTo>
                    <a:pt x="1077" y="214"/>
                  </a:lnTo>
                  <a:lnTo>
                    <a:pt x="1079" y="280"/>
                  </a:lnTo>
                  <a:lnTo>
                    <a:pt x="1089" y="296"/>
                  </a:lnTo>
                  <a:lnTo>
                    <a:pt x="1081" y="318"/>
                  </a:lnTo>
                  <a:lnTo>
                    <a:pt x="1065" y="334"/>
                  </a:lnTo>
                  <a:lnTo>
                    <a:pt x="1063" y="354"/>
                  </a:lnTo>
                  <a:lnTo>
                    <a:pt x="1055" y="368"/>
                  </a:lnTo>
                  <a:lnTo>
                    <a:pt x="1033" y="356"/>
                  </a:lnTo>
                  <a:lnTo>
                    <a:pt x="1015" y="350"/>
                  </a:lnTo>
                  <a:lnTo>
                    <a:pt x="1003" y="344"/>
                  </a:lnTo>
                  <a:lnTo>
                    <a:pt x="995" y="350"/>
                  </a:lnTo>
                  <a:lnTo>
                    <a:pt x="991" y="364"/>
                  </a:lnTo>
                  <a:lnTo>
                    <a:pt x="973" y="376"/>
                  </a:lnTo>
                  <a:lnTo>
                    <a:pt x="955" y="374"/>
                  </a:lnTo>
                  <a:lnTo>
                    <a:pt x="929" y="370"/>
                  </a:lnTo>
                  <a:lnTo>
                    <a:pt x="925" y="360"/>
                  </a:lnTo>
                  <a:lnTo>
                    <a:pt x="913" y="344"/>
                  </a:lnTo>
                  <a:lnTo>
                    <a:pt x="901" y="334"/>
                  </a:lnTo>
                  <a:lnTo>
                    <a:pt x="893" y="318"/>
                  </a:lnTo>
                  <a:lnTo>
                    <a:pt x="879" y="306"/>
                  </a:lnTo>
                  <a:lnTo>
                    <a:pt x="867" y="302"/>
                  </a:lnTo>
                  <a:lnTo>
                    <a:pt x="857" y="308"/>
                  </a:lnTo>
                  <a:lnTo>
                    <a:pt x="855" y="320"/>
                  </a:lnTo>
                  <a:lnTo>
                    <a:pt x="863" y="332"/>
                  </a:lnTo>
                  <a:lnTo>
                    <a:pt x="855" y="338"/>
                  </a:lnTo>
                  <a:lnTo>
                    <a:pt x="845" y="332"/>
                  </a:lnTo>
                  <a:lnTo>
                    <a:pt x="841" y="340"/>
                  </a:lnTo>
                  <a:lnTo>
                    <a:pt x="837" y="342"/>
                  </a:lnTo>
                  <a:lnTo>
                    <a:pt x="817" y="348"/>
                  </a:lnTo>
                  <a:lnTo>
                    <a:pt x="829" y="374"/>
                  </a:lnTo>
                  <a:lnTo>
                    <a:pt x="827" y="388"/>
                  </a:lnTo>
                  <a:lnTo>
                    <a:pt x="817" y="410"/>
                  </a:lnTo>
                  <a:lnTo>
                    <a:pt x="819" y="418"/>
                  </a:lnTo>
                  <a:lnTo>
                    <a:pt x="829" y="418"/>
                  </a:lnTo>
                  <a:lnTo>
                    <a:pt x="829" y="426"/>
                  </a:lnTo>
                  <a:lnTo>
                    <a:pt x="813" y="440"/>
                  </a:lnTo>
                  <a:lnTo>
                    <a:pt x="773" y="426"/>
                  </a:lnTo>
                  <a:lnTo>
                    <a:pt x="755" y="426"/>
                  </a:lnTo>
                  <a:lnTo>
                    <a:pt x="739" y="420"/>
                  </a:lnTo>
                  <a:lnTo>
                    <a:pt x="725" y="426"/>
                  </a:lnTo>
                  <a:lnTo>
                    <a:pt x="725" y="444"/>
                  </a:lnTo>
                  <a:lnTo>
                    <a:pt x="731" y="458"/>
                  </a:lnTo>
                  <a:lnTo>
                    <a:pt x="731" y="482"/>
                  </a:lnTo>
                  <a:lnTo>
                    <a:pt x="723" y="498"/>
                  </a:lnTo>
                  <a:lnTo>
                    <a:pt x="711" y="500"/>
                  </a:lnTo>
                  <a:lnTo>
                    <a:pt x="703" y="490"/>
                  </a:lnTo>
                  <a:lnTo>
                    <a:pt x="687" y="492"/>
                  </a:lnTo>
                  <a:lnTo>
                    <a:pt x="665" y="516"/>
                  </a:lnTo>
                  <a:lnTo>
                    <a:pt x="657" y="560"/>
                  </a:lnTo>
                  <a:lnTo>
                    <a:pt x="637" y="582"/>
                  </a:lnTo>
                  <a:lnTo>
                    <a:pt x="647" y="600"/>
                  </a:lnTo>
                  <a:lnTo>
                    <a:pt x="657" y="614"/>
                  </a:lnTo>
                  <a:lnTo>
                    <a:pt x="655" y="640"/>
                  </a:lnTo>
                  <a:lnTo>
                    <a:pt x="637" y="656"/>
                  </a:lnTo>
                  <a:lnTo>
                    <a:pt x="635" y="670"/>
                  </a:lnTo>
                  <a:lnTo>
                    <a:pt x="621" y="696"/>
                  </a:lnTo>
                  <a:lnTo>
                    <a:pt x="609" y="712"/>
                  </a:lnTo>
                  <a:lnTo>
                    <a:pt x="615" y="722"/>
                  </a:lnTo>
                  <a:lnTo>
                    <a:pt x="615" y="742"/>
                  </a:lnTo>
                  <a:lnTo>
                    <a:pt x="593" y="760"/>
                  </a:lnTo>
                  <a:lnTo>
                    <a:pt x="571" y="764"/>
                  </a:lnTo>
                  <a:lnTo>
                    <a:pt x="569" y="782"/>
                  </a:lnTo>
                  <a:lnTo>
                    <a:pt x="575" y="796"/>
                  </a:lnTo>
                  <a:lnTo>
                    <a:pt x="569" y="866"/>
                  </a:lnTo>
                  <a:lnTo>
                    <a:pt x="569" y="870"/>
                  </a:lnTo>
                  <a:lnTo>
                    <a:pt x="563" y="898"/>
                  </a:lnTo>
                  <a:lnTo>
                    <a:pt x="555" y="916"/>
                  </a:lnTo>
                  <a:lnTo>
                    <a:pt x="545" y="938"/>
                  </a:lnTo>
                  <a:lnTo>
                    <a:pt x="537" y="948"/>
                  </a:lnTo>
                  <a:lnTo>
                    <a:pt x="531" y="966"/>
                  </a:lnTo>
                  <a:lnTo>
                    <a:pt x="531" y="976"/>
                  </a:lnTo>
                  <a:lnTo>
                    <a:pt x="545" y="982"/>
                  </a:lnTo>
                  <a:lnTo>
                    <a:pt x="557" y="986"/>
                  </a:lnTo>
                  <a:lnTo>
                    <a:pt x="557" y="1008"/>
                  </a:lnTo>
                  <a:lnTo>
                    <a:pt x="561" y="1026"/>
                  </a:lnTo>
                  <a:lnTo>
                    <a:pt x="551" y="1046"/>
                  </a:lnTo>
                  <a:lnTo>
                    <a:pt x="535" y="1044"/>
                  </a:lnTo>
                  <a:lnTo>
                    <a:pt x="525" y="1040"/>
                  </a:lnTo>
                  <a:lnTo>
                    <a:pt x="501" y="1042"/>
                  </a:lnTo>
                  <a:lnTo>
                    <a:pt x="485" y="1048"/>
                  </a:lnTo>
                  <a:lnTo>
                    <a:pt x="473" y="1062"/>
                  </a:lnTo>
                  <a:lnTo>
                    <a:pt x="467" y="1072"/>
                  </a:lnTo>
                  <a:lnTo>
                    <a:pt x="465" y="1078"/>
                  </a:lnTo>
                  <a:lnTo>
                    <a:pt x="449" y="1106"/>
                  </a:lnTo>
                  <a:lnTo>
                    <a:pt x="451" y="1122"/>
                  </a:lnTo>
                  <a:lnTo>
                    <a:pt x="441" y="1150"/>
                  </a:lnTo>
                  <a:lnTo>
                    <a:pt x="453" y="1178"/>
                  </a:lnTo>
                  <a:lnTo>
                    <a:pt x="453" y="1192"/>
                  </a:lnTo>
                  <a:lnTo>
                    <a:pt x="445" y="1202"/>
                  </a:lnTo>
                  <a:lnTo>
                    <a:pt x="451" y="1212"/>
                  </a:lnTo>
                  <a:lnTo>
                    <a:pt x="449" y="1250"/>
                  </a:lnTo>
                  <a:lnTo>
                    <a:pt x="465" y="1282"/>
                  </a:lnTo>
                  <a:lnTo>
                    <a:pt x="457" y="1322"/>
                  </a:lnTo>
                  <a:lnTo>
                    <a:pt x="457" y="1356"/>
                  </a:lnTo>
                  <a:lnTo>
                    <a:pt x="473" y="1372"/>
                  </a:lnTo>
                  <a:lnTo>
                    <a:pt x="481" y="1376"/>
                  </a:lnTo>
                  <a:lnTo>
                    <a:pt x="499" y="1394"/>
                  </a:lnTo>
                  <a:lnTo>
                    <a:pt x="503" y="1406"/>
                  </a:lnTo>
                  <a:lnTo>
                    <a:pt x="499" y="1426"/>
                  </a:lnTo>
                  <a:lnTo>
                    <a:pt x="491" y="1440"/>
                  </a:lnTo>
                  <a:lnTo>
                    <a:pt x="471" y="1444"/>
                  </a:lnTo>
                  <a:lnTo>
                    <a:pt x="467" y="1458"/>
                  </a:lnTo>
                  <a:lnTo>
                    <a:pt x="471" y="1468"/>
                  </a:lnTo>
                  <a:lnTo>
                    <a:pt x="481" y="1498"/>
                  </a:lnTo>
                  <a:lnTo>
                    <a:pt x="489" y="1514"/>
                  </a:lnTo>
                  <a:lnTo>
                    <a:pt x="483" y="1536"/>
                  </a:lnTo>
                  <a:lnTo>
                    <a:pt x="481" y="1572"/>
                  </a:lnTo>
                  <a:lnTo>
                    <a:pt x="463" y="1592"/>
                  </a:lnTo>
                  <a:lnTo>
                    <a:pt x="447" y="1592"/>
                  </a:lnTo>
                  <a:lnTo>
                    <a:pt x="441" y="1598"/>
                  </a:lnTo>
                  <a:lnTo>
                    <a:pt x="445" y="1604"/>
                  </a:lnTo>
                  <a:lnTo>
                    <a:pt x="443" y="1624"/>
                  </a:lnTo>
                  <a:lnTo>
                    <a:pt x="433" y="1628"/>
                  </a:lnTo>
                  <a:lnTo>
                    <a:pt x="435" y="1648"/>
                  </a:lnTo>
                  <a:lnTo>
                    <a:pt x="441" y="1660"/>
                  </a:lnTo>
                  <a:lnTo>
                    <a:pt x="441" y="1686"/>
                  </a:lnTo>
                  <a:lnTo>
                    <a:pt x="439" y="1702"/>
                  </a:lnTo>
                  <a:lnTo>
                    <a:pt x="433" y="1720"/>
                  </a:lnTo>
                  <a:lnTo>
                    <a:pt x="425" y="1726"/>
                  </a:lnTo>
                  <a:lnTo>
                    <a:pt x="417" y="1716"/>
                  </a:lnTo>
                  <a:lnTo>
                    <a:pt x="415" y="1702"/>
                  </a:lnTo>
                  <a:lnTo>
                    <a:pt x="409" y="1694"/>
                  </a:lnTo>
                  <a:lnTo>
                    <a:pt x="393" y="1710"/>
                  </a:lnTo>
                  <a:lnTo>
                    <a:pt x="395" y="1694"/>
                  </a:lnTo>
                  <a:lnTo>
                    <a:pt x="381" y="1692"/>
                  </a:lnTo>
                  <a:lnTo>
                    <a:pt x="373" y="1682"/>
                  </a:lnTo>
                  <a:lnTo>
                    <a:pt x="365" y="1668"/>
                  </a:lnTo>
                  <a:lnTo>
                    <a:pt x="365" y="1652"/>
                  </a:lnTo>
                  <a:lnTo>
                    <a:pt x="363" y="1644"/>
                  </a:lnTo>
                  <a:lnTo>
                    <a:pt x="365" y="1632"/>
                  </a:lnTo>
                  <a:lnTo>
                    <a:pt x="371" y="1618"/>
                  </a:lnTo>
                  <a:lnTo>
                    <a:pt x="373" y="1606"/>
                  </a:lnTo>
                  <a:lnTo>
                    <a:pt x="367" y="1598"/>
                  </a:lnTo>
                  <a:lnTo>
                    <a:pt x="363" y="1606"/>
                  </a:lnTo>
                  <a:lnTo>
                    <a:pt x="359" y="1624"/>
                  </a:lnTo>
                  <a:lnTo>
                    <a:pt x="351" y="1634"/>
                  </a:lnTo>
                  <a:lnTo>
                    <a:pt x="343" y="1644"/>
                  </a:lnTo>
                  <a:lnTo>
                    <a:pt x="345" y="1652"/>
                  </a:lnTo>
                  <a:lnTo>
                    <a:pt x="353" y="1656"/>
                  </a:lnTo>
                  <a:lnTo>
                    <a:pt x="353" y="1672"/>
                  </a:lnTo>
                  <a:lnTo>
                    <a:pt x="347" y="1680"/>
                  </a:lnTo>
                  <a:lnTo>
                    <a:pt x="345" y="1690"/>
                  </a:lnTo>
                  <a:lnTo>
                    <a:pt x="337" y="1706"/>
                  </a:lnTo>
                  <a:lnTo>
                    <a:pt x="331" y="1710"/>
                  </a:lnTo>
                  <a:lnTo>
                    <a:pt x="325" y="1712"/>
                  </a:lnTo>
                  <a:lnTo>
                    <a:pt x="319" y="1716"/>
                  </a:lnTo>
                  <a:lnTo>
                    <a:pt x="313" y="1714"/>
                  </a:lnTo>
                  <a:lnTo>
                    <a:pt x="303" y="1708"/>
                  </a:lnTo>
                  <a:lnTo>
                    <a:pt x="297" y="1718"/>
                  </a:lnTo>
                  <a:lnTo>
                    <a:pt x="285" y="1730"/>
                  </a:lnTo>
                  <a:lnTo>
                    <a:pt x="279" y="1732"/>
                  </a:lnTo>
                  <a:lnTo>
                    <a:pt x="279" y="1740"/>
                  </a:lnTo>
                  <a:lnTo>
                    <a:pt x="268" y="1748"/>
                  </a:lnTo>
                  <a:lnTo>
                    <a:pt x="266" y="1754"/>
                  </a:lnTo>
                  <a:lnTo>
                    <a:pt x="258" y="1766"/>
                  </a:lnTo>
                  <a:lnTo>
                    <a:pt x="250" y="1766"/>
                  </a:lnTo>
                  <a:lnTo>
                    <a:pt x="244" y="1780"/>
                  </a:lnTo>
                  <a:lnTo>
                    <a:pt x="236" y="1786"/>
                  </a:lnTo>
                  <a:lnTo>
                    <a:pt x="230" y="1798"/>
                  </a:lnTo>
                  <a:lnTo>
                    <a:pt x="212" y="1810"/>
                  </a:lnTo>
                  <a:lnTo>
                    <a:pt x="192" y="1824"/>
                  </a:lnTo>
                  <a:lnTo>
                    <a:pt x="188" y="1816"/>
                  </a:lnTo>
                  <a:lnTo>
                    <a:pt x="180" y="1832"/>
                  </a:lnTo>
                  <a:lnTo>
                    <a:pt x="164" y="1834"/>
                  </a:lnTo>
                  <a:lnTo>
                    <a:pt x="148" y="1838"/>
                  </a:lnTo>
                  <a:lnTo>
                    <a:pt x="126" y="1836"/>
                  </a:lnTo>
                  <a:lnTo>
                    <a:pt x="122" y="1830"/>
                  </a:lnTo>
                  <a:lnTo>
                    <a:pt x="100" y="1830"/>
                  </a:lnTo>
                  <a:lnTo>
                    <a:pt x="88" y="1824"/>
                  </a:lnTo>
                  <a:lnTo>
                    <a:pt x="92" y="1814"/>
                  </a:lnTo>
                  <a:lnTo>
                    <a:pt x="98" y="1806"/>
                  </a:lnTo>
                  <a:lnTo>
                    <a:pt x="94" y="1804"/>
                  </a:lnTo>
                  <a:lnTo>
                    <a:pt x="84" y="1806"/>
                  </a:lnTo>
                  <a:lnTo>
                    <a:pt x="68" y="1796"/>
                  </a:lnTo>
                  <a:lnTo>
                    <a:pt x="48" y="1784"/>
                  </a:lnTo>
                  <a:lnTo>
                    <a:pt x="32" y="1768"/>
                  </a:lnTo>
                  <a:lnTo>
                    <a:pt x="18" y="1748"/>
                  </a:lnTo>
                  <a:lnTo>
                    <a:pt x="20" y="1724"/>
                  </a:lnTo>
                  <a:lnTo>
                    <a:pt x="26" y="1714"/>
                  </a:lnTo>
                  <a:lnTo>
                    <a:pt x="40" y="1714"/>
                  </a:lnTo>
                  <a:lnTo>
                    <a:pt x="54" y="1720"/>
                  </a:lnTo>
                  <a:lnTo>
                    <a:pt x="72" y="1706"/>
                  </a:lnTo>
                  <a:lnTo>
                    <a:pt x="62" y="1706"/>
                  </a:lnTo>
                  <a:lnTo>
                    <a:pt x="48" y="1700"/>
                  </a:lnTo>
                  <a:lnTo>
                    <a:pt x="50" y="1688"/>
                  </a:lnTo>
                  <a:lnTo>
                    <a:pt x="58" y="1680"/>
                  </a:lnTo>
                  <a:lnTo>
                    <a:pt x="72" y="1672"/>
                  </a:lnTo>
                  <a:lnTo>
                    <a:pt x="80" y="1668"/>
                  </a:lnTo>
                  <a:lnTo>
                    <a:pt x="72" y="1668"/>
                  </a:lnTo>
                  <a:lnTo>
                    <a:pt x="58" y="1666"/>
                  </a:lnTo>
                  <a:lnTo>
                    <a:pt x="54" y="1658"/>
                  </a:lnTo>
                  <a:lnTo>
                    <a:pt x="64" y="1648"/>
                  </a:lnTo>
                  <a:lnTo>
                    <a:pt x="68" y="1644"/>
                  </a:lnTo>
                  <a:lnTo>
                    <a:pt x="68" y="1636"/>
                  </a:lnTo>
                  <a:lnTo>
                    <a:pt x="56" y="1644"/>
                  </a:lnTo>
                  <a:lnTo>
                    <a:pt x="50" y="1652"/>
                  </a:lnTo>
                  <a:lnTo>
                    <a:pt x="48" y="1660"/>
                  </a:lnTo>
                  <a:lnTo>
                    <a:pt x="40" y="1666"/>
                  </a:lnTo>
                  <a:lnTo>
                    <a:pt x="32" y="1658"/>
                  </a:lnTo>
                  <a:lnTo>
                    <a:pt x="28" y="1662"/>
                  </a:lnTo>
                  <a:lnTo>
                    <a:pt x="22" y="1668"/>
                  </a:lnTo>
                  <a:lnTo>
                    <a:pt x="16" y="1676"/>
                  </a:lnTo>
                  <a:lnTo>
                    <a:pt x="6" y="1666"/>
                  </a:lnTo>
                  <a:lnTo>
                    <a:pt x="14" y="1658"/>
                  </a:lnTo>
                  <a:lnTo>
                    <a:pt x="4" y="1650"/>
                  </a:lnTo>
                  <a:lnTo>
                    <a:pt x="4" y="1640"/>
                  </a:lnTo>
                  <a:lnTo>
                    <a:pt x="16" y="1636"/>
                  </a:lnTo>
                  <a:lnTo>
                    <a:pt x="14" y="1618"/>
                  </a:lnTo>
                  <a:lnTo>
                    <a:pt x="16" y="1616"/>
                  </a:lnTo>
                  <a:lnTo>
                    <a:pt x="22" y="1612"/>
                  </a:lnTo>
                  <a:lnTo>
                    <a:pt x="30" y="1618"/>
                  </a:lnTo>
                  <a:lnTo>
                    <a:pt x="36" y="1622"/>
                  </a:lnTo>
                  <a:lnTo>
                    <a:pt x="46" y="1618"/>
                  </a:lnTo>
                  <a:lnTo>
                    <a:pt x="54" y="1614"/>
                  </a:lnTo>
                  <a:lnTo>
                    <a:pt x="64" y="1608"/>
                  </a:lnTo>
                  <a:lnTo>
                    <a:pt x="70" y="1602"/>
                  </a:lnTo>
                  <a:lnTo>
                    <a:pt x="54" y="1608"/>
                  </a:lnTo>
                  <a:lnTo>
                    <a:pt x="46" y="1602"/>
                  </a:lnTo>
                  <a:lnTo>
                    <a:pt x="40" y="1602"/>
                  </a:lnTo>
                  <a:lnTo>
                    <a:pt x="36" y="1592"/>
                  </a:lnTo>
                  <a:lnTo>
                    <a:pt x="42" y="1588"/>
                  </a:lnTo>
                  <a:lnTo>
                    <a:pt x="58" y="1578"/>
                  </a:lnTo>
                  <a:lnTo>
                    <a:pt x="68" y="1564"/>
                  </a:lnTo>
                  <a:lnTo>
                    <a:pt x="76" y="1560"/>
                  </a:lnTo>
                  <a:lnTo>
                    <a:pt x="70" y="1552"/>
                  </a:lnTo>
                  <a:lnTo>
                    <a:pt x="78" y="1542"/>
                  </a:lnTo>
                  <a:lnTo>
                    <a:pt x="84" y="1530"/>
                  </a:lnTo>
                  <a:lnTo>
                    <a:pt x="78" y="1528"/>
                  </a:lnTo>
                  <a:lnTo>
                    <a:pt x="68" y="1540"/>
                  </a:lnTo>
                  <a:lnTo>
                    <a:pt x="58" y="1548"/>
                  </a:lnTo>
                  <a:lnTo>
                    <a:pt x="56" y="1558"/>
                  </a:lnTo>
                  <a:lnTo>
                    <a:pt x="48" y="1566"/>
                  </a:lnTo>
                  <a:lnTo>
                    <a:pt x="42" y="1570"/>
                  </a:lnTo>
                  <a:lnTo>
                    <a:pt x="34" y="1578"/>
                  </a:lnTo>
                  <a:lnTo>
                    <a:pt x="32" y="1594"/>
                  </a:lnTo>
                  <a:lnTo>
                    <a:pt x="24" y="1582"/>
                  </a:lnTo>
                  <a:lnTo>
                    <a:pt x="26" y="1570"/>
                  </a:lnTo>
                  <a:lnTo>
                    <a:pt x="36" y="1560"/>
                  </a:lnTo>
                  <a:lnTo>
                    <a:pt x="36" y="1550"/>
                  </a:lnTo>
                  <a:lnTo>
                    <a:pt x="20" y="1550"/>
                  </a:lnTo>
                  <a:lnTo>
                    <a:pt x="16" y="1538"/>
                  </a:lnTo>
                  <a:lnTo>
                    <a:pt x="8" y="1530"/>
                  </a:lnTo>
                  <a:lnTo>
                    <a:pt x="12" y="1518"/>
                  </a:lnTo>
                  <a:lnTo>
                    <a:pt x="18" y="1508"/>
                  </a:lnTo>
                  <a:lnTo>
                    <a:pt x="22" y="1510"/>
                  </a:lnTo>
                  <a:lnTo>
                    <a:pt x="28" y="1514"/>
                  </a:lnTo>
                  <a:lnTo>
                    <a:pt x="34" y="1512"/>
                  </a:lnTo>
                  <a:lnTo>
                    <a:pt x="38" y="1510"/>
                  </a:lnTo>
                  <a:lnTo>
                    <a:pt x="24" y="1504"/>
                  </a:lnTo>
                  <a:lnTo>
                    <a:pt x="24" y="1496"/>
                  </a:lnTo>
                  <a:lnTo>
                    <a:pt x="34" y="1492"/>
                  </a:lnTo>
                  <a:lnTo>
                    <a:pt x="16" y="1498"/>
                  </a:lnTo>
                  <a:lnTo>
                    <a:pt x="8" y="1490"/>
                  </a:lnTo>
                  <a:lnTo>
                    <a:pt x="8" y="1476"/>
                  </a:lnTo>
                  <a:lnTo>
                    <a:pt x="14" y="1472"/>
                  </a:lnTo>
                  <a:lnTo>
                    <a:pt x="10" y="1468"/>
                  </a:lnTo>
                  <a:lnTo>
                    <a:pt x="22" y="1464"/>
                  </a:lnTo>
                  <a:lnTo>
                    <a:pt x="6" y="1462"/>
                  </a:lnTo>
                  <a:lnTo>
                    <a:pt x="0" y="1454"/>
                  </a:lnTo>
                  <a:lnTo>
                    <a:pt x="6" y="1444"/>
                  </a:lnTo>
                  <a:lnTo>
                    <a:pt x="2" y="1434"/>
                  </a:lnTo>
                  <a:lnTo>
                    <a:pt x="10" y="1430"/>
                  </a:lnTo>
                  <a:lnTo>
                    <a:pt x="22" y="1440"/>
                  </a:lnTo>
                  <a:lnTo>
                    <a:pt x="32" y="1438"/>
                  </a:lnTo>
                  <a:lnTo>
                    <a:pt x="42" y="1432"/>
                  </a:lnTo>
                  <a:lnTo>
                    <a:pt x="58" y="1432"/>
                  </a:lnTo>
                  <a:lnTo>
                    <a:pt x="72" y="1432"/>
                  </a:lnTo>
                  <a:lnTo>
                    <a:pt x="62" y="1424"/>
                  </a:lnTo>
                  <a:lnTo>
                    <a:pt x="48" y="1424"/>
                  </a:lnTo>
                  <a:lnTo>
                    <a:pt x="40" y="1428"/>
                  </a:lnTo>
                  <a:lnTo>
                    <a:pt x="28" y="1430"/>
                  </a:lnTo>
                  <a:lnTo>
                    <a:pt x="16" y="1420"/>
                  </a:lnTo>
                  <a:lnTo>
                    <a:pt x="10" y="1410"/>
                  </a:lnTo>
                  <a:lnTo>
                    <a:pt x="8" y="1402"/>
                  </a:lnTo>
                  <a:lnTo>
                    <a:pt x="22" y="1396"/>
                  </a:lnTo>
                  <a:lnTo>
                    <a:pt x="12" y="1394"/>
                  </a:lnTo>
                  <a:lnTo>
                    <a:pt x="6" y="1390"/>
                  </a:lnTo>
                  <a:lnTo>
                    <a:pt x="12" y="1384"/>
                  </a:lnTo>
                  <a:lnTo>
                    <a:pt x="16" y="1374"/>
                  </a:lnTo>
                  <a:lnTo>
                    <a:pt x="10" y="1364"/>
                  </a:lnTo>
                  <a:lnTo>
                    <a:pt x="8" y="1350"/>
                  </a:lnTo>
                  <a:lnTo>
                    <a:pt x="10" y="1346"/>
                  </a:lnTo>
                  <a:lnTo>
                    <a:pt x="12" y="1344"/>
                  </a:lnTo>
                  <a:lnTo>
                    <a:pt x="14" y="1344"/>
                  </a:lnTo>
                  <a:lnTo>
                    <a:pt x="20" y="1340"/>
                  </a:lnTo>
                  <a:lnTo>
                    <a:pt x="26" y="1336"/>
                  </a:lnTo>
                  <a:lnTo>
                    <a:pt x="22" y="1326"/>
                  </a:lnTo>
                  <a:lnTo>
                    <a:pt x="16" y="1318"/>
                  </a:lnTo>
                  <a:lnTo>
                    <a:pt x="26" y="1312"/>
                  </a:lnTo>
                  <a:lnTo>
                    <a:pt x="42" y="1308"/>
                  </a:lnTo>
                  <a:lnTo>
                    <a:pt x="38" y="1294"/>
                  </a:lnTo>
                  <a:lnTo>
                    <a:pt x="46" y="1288"/>
                  </a:lnTo>
                  <a:lnTo>
                    <a:pt x="56" y="1288"/>
                  </a:lnTo>
                  <a:lnTo>
                    <a:pt x="56" y="1276"/>
                  </a:lnTo>
                  <a:lnTo>
                    <a:pt x="64" y="1270"/>
                  </a:lnTo>
                  <a:lnTo>
                    <a:pt x="76" y="1284"/>
                  </a:lnTo>
                  <a:lnTo>
                    <a:pt x="82" y="1272"/>
                  </a:lnTo>
                  <a:lnTo>
                    <a:pt x="90" y="1262"/>
                  </a:lnTo>
                  <a:lnTo>
                    <a:pt x="100" y="1270"/>
                  </a:lnTo>
                  <a:lnTo>
                    <a:pt x="102" y="1280"/>
                  </a:lnTo>
                  <a:lnTo>
                    <a:pt x="106" y="1266"/>
                  </a:lnTo>
                  <a:lnTo>
                    <a:pt x="96" y="1254"/>
                  </a:lnTo>
                  <a:lnTo>
                    <a:pt x="102" y="1246"/>
                  </a:lnTo>
                  <a:lnTo>
                    <a:pt x="116" y="1250"/>
                  </a:lnTo>
                  <a:lnTo>
                    <a:pt x="130" y="1260"/>
                  </a:lnTo>
                  <a:lnTo>
                    <a:pt x="124" y="1252"/>
                  </a:lnTo>
                  <a:lnTo>
                    <a:pt x="112" y="1240"/>
                  </a:lnTo>
                  <a:lnTo>
                    <a:pt x="116" y="1230"/>
                  </a:lnTo>
                  <a:lnTo>
                    <a:pt x="118" y="1228"/>
                  </a:lnTo>
                  <a:lnTo>
                    <a:pt x="124" y="1222"/>
                  </a:lnTo>
                  <a:lnTo>
                    <a:pt x="132" y="1220"/>
                  </a:lnTo>
                  <a:lnTo>
                    <a:pt x="138" y="1218"/>
                  </a:lnTo>
                  <a:lnTo>
                    <a:pt x="148" y="1212"/>
                  </a:lnTo>
                  <a:lnTo>
                    <a:pt x="144" y="1206"/>
                  </a:lnTo>
                  <a:lnTo>
                    <a:pt x="132" y="1202"/>
                  </a:lnTo>
                  <a:lnTo>
                    <a:pt x="136" y="1190"/>
                  </a:lnTo>
                  <a:lnTo>
                    <a:pt x="150" y="1186"/>
                  </a:lnTo>
                  <a:lnTo>
                    <a:pt x="160" y="1184"/>
                  </a:lnTo>
                  <a:lnTo>
                    <a:pt x="172" y="1194"/>
                  </a:lnTo>
                  <a:lnTo>
                    <a:pt x="178" y="1190"/>
                  </a:lnTo>
                  <a:lnTo>
                    <a:pt x="194" y="1194"/>
                  </a:lnTo>
                  <a:lnTo>
                    <a:pt x="200" y="1192"/>
                  </a:lnTo>
                  <a:lnTo>
                    <a:pt x="206" y="1202"/>
                  </a:lnTo>
                  <a:lnTo>
                    <a:pt x="216" y="1212"/>
                  </a:lnTo>
                  <a:lnTo>
                    <a:pt x="212" y="1198"/>
                  </a:lnTo>
                  <a:lnTo>
                    <a:pt x="206" y="1186"/>
                  </a:lnTo>
                  <a:lnTo>
                    <a:pt x="200" y="1178"/>
                  </a:lnTo>
                  <a:lnTo>
                    <a:pt x="214" y="1180"/>
                  </a:lnTo>
                  <a:lnTo>
                    <a:pt x="232" y="1190"/>
                  </a:lnTo>
                  <a:lnTo>
                    <a:pt x="214" y="1172"/>
                  </a:lnTo>
                  <a:lnTo>
                    <a:pt x="206" y="1158"/>
                  </a:lnTo>
                  <a:lnTo>
                    <a:pt x="218" y="1154"/>
                  </a:lnTo>
                  <a:lnTo>
                    <a:pt x="236" y="1164"/>
                  </a:lnTo>
                  <a:lnTo>
                    <a:pt x="232" y="1150"/>
                  </a:lnTo>
                  <a:lnTo>
                    <a:pt x="230" y="1146"/>
                  </a:lnTo>
                  <a:lnTo>
                    <a:pt x="232" y="1144"/>
                  </a:lnTo>
                  <a:lnTo>
                    <a:pt x="234" y="1140"/>
                  </a:lnTo>
                  <a:lnTo>
                    <a:pt x="242" y="1136"/>
                  </a:lnTo>
                  <a:lnTo>
                    <a:pt x="240" y="1126"/>
                  </a:lnTo>
                  <a:lnTo>
                    <a:pt x="224" y="1130"/>
                  </a:lnTo>
                  <a:lnTo>
                    <a:pt x="216" y="1116"/>
                  </a:lnTo>
                  <a:lnTo>
                    <a:pt x="216" y="1106"/>
                  </a:lnTo>
                  <a:lnTo>
                    <a:pt x="222" y="1098"/>
                  </a:lnTo>
                  <a:lnTo>
                    <a:pt x="236" y="1092"/>
                  </a:lnTo>
                  <a:lnTo>
                    <a:pt x="246" y="1080"/>
                  </a:lnTo>
                  <a:lnTo>
                    <a:pt x="254" y="1082"/>
                  </a:lnTo>
                  <a:lnTo>
                    <a:pt x="250" y="1096"/>
                  </a:lnTo>
                  <a:lnTo>
                    <a:pt x="256" y="1106"/>
                  </a:lnTo>
                  <a:lnTo>
                    <a:pt x="262" y="1110"/>
                  </a:lnTo>
                  <a:lnTo>
                    <a:pt x="262" y="1120"/>
                  </a:lnTo>
                  <a:lnTo>
                    <a:pt x="273" y="1128"/>
                  </a:lnTo>
                  <a:lnTo>
                    <a:pt x="279" y="1118"/>
                  </a:lnTo>
                  <a:lnTo>
                    <a:pt x="295" y="1112"/>
                  </a:lnTo>
                  <a:lnTo>
                    <a:pt x="303" y="1100"/>
                  </a:lnTo>
                  <a:lnTo>
                    <a:pt x="317" y="1094"/>
                  </a:lnTo>
                  <a:lnTo>
                    <a:pt x="301" y="1092"/>
                  </a:lnTo>
                  <a:lnTo>
                    <a:pt x="307" y="1076"/>
                  </a:lnTo>
                  <a:lnTo>
                    <a:pt x="325" y="1068"/>
                  </a:lnTo>
                  <a:lnTo>
                    <a:pt x="319" y="1052"/>
                  </a:lnTo>
                  <a:lnTo>
                    <a:pt x="331" y="1040"/>
                  </a:lnTo>
                  <a:lnTo>
                    <a:pt x="345" y="1020"/>
                  </a:lnTo>
                  <a:lnTo>
                    <a:pt x="347" y="1002"/>
                  </a:lnTo>
                  <a:lnTo>
                    <a:pt x="367" y="994"/>
                  </a:lnTo>
                  <a:lnTo>
                    <a:pt x="377" y="986"/>
                  </a:lnTo>
                  <a:lnTo>
                    <a:pt x="391" y="992"/>
                  </a:lnTo>
                  <a:lnTo>
                    <a:pt x="407" y="994"/>
                  </a:lnTo>
                  <a:lnTo>
                    <a:pt x="401" y="974"/>
                  </a:lnTo>
                  <a:lnTo>
                    <a:pt x="397" y="962"/>
                  </a:lnTo>
                  <a:lnTo>
                    <a:pt x="411" y="954"/>
                  </a:lnTo>
                  <a:lnTo>
                    <a:pt x="415" y="940"/>
                  </a:lnTo>
                  <a:lnTo>
                    <a:pt x="401" y="940"/>
                  </a:lnTo>
                  <a:lnTo>
                    <a:pt x="411" y="926"/>
                  </a:lnTo>
                  <a:lnTo>
                    <a:pt x="423" y="914"/>
                  </a:lnTo>
                  <a:lnTo>
                    <a:pt x="439" y="908"/>
                  </a:lnTo>
                  <a:lnTo>
                    <a:pt x="451" y="908"/>
                  </a:lnTo>
                  <a:lnTo>
                    <a:pt x="457" y="900"/>
                  </a:lnTo>
                  <a:lnTo>
                    <a:pt x="453" y="888"/>
                  </a:lnTo>
                  <a:lnTo>
                    <a:pt x="449" y="884"/>
                  </a:lnTo>
                  <a:lnTo>
                    <a:pt x="439" y="872"/>
                  </a:lnTo>
                  <a:lnTo>
                    <a:pt x="443" y="862"/>
                  </a:lnTo>
                  <a:lnTo>
                    <a:pt x="443" y="850"/>
                  </a:lnTo>
                  <a:lnTo>
                    <a:pt x="449" y="836"/>
                  </a:lnTo>
                  <a:lnTo>
                    <a:pt x="461" y="824"/>
                  </a:lnTo>
                  <a:lnTo>
                    <a:pt x="461" y="808"/>
                  </a:lnTo>
                  <a:lnTo>
                    <a:pt x="457" y="794"/>
                  </a:lnTo>
                  <a:lnTo>
                    <a:pt x="471" y="790"/>
                  </a:lnTo>
                  <a:lnTo>
                    <a:pt x="479" y="786"/>
                  </a:lnTo>
                  <a:lnTo>
                    <a:pt x="471" y="774"/>
                  </a:lnTo>
                  <a:lnTo>
                    <a:pt x="477" y="764"/>
                  </a:lnTo>
                  <a:lnTo>
                    <a:pt x="489" y="762"/>
                  </a:lnTo>
                  <a:lnTo>
                    <a:pt x="501" y="754"/>
                  </a:lnTo>
                  <a:lnTo>
                    <a:pt x="515" y="754"/>
                  </a:lnTo>
                  <a:lnTo>
                    <a:pt x="505" y="748"/>
                  </a:lnTo>
                  <a:lnTo>
                    <a:pt x="489" y="746"/>
                  </a:lnTo>
                  <a:lnTo>
                    <a:pt x="485" y="732"/>
                  </a:lnTo>
                  <a:lnTo>
                    <a:pt x="489" y="716"/>
                  </a:lnTo>
                  <a:lnTo>
                    <a:pt x="499" y="716"/>
                  </a:lnTo>
                  <a:lnTo>
                    <a:pt x="513" y="716"/>
                  </a:lnTo>
                  <a:lnTo>
                    <a:pt x="515" y="706"/>
                  </a:lnTo>
                  <a:lnTo>
                    <a:pt x="499" y="706"/>
                  </a:lnTo>
                  <a:lnTo>
                    <a:pt x="497" y="692"/>
                  </a:lnTo>
                  <a:lnTo>
                    <a:pt x="507" y="686"/>
                  </a:lnTo>
                  <a:lnTo>
                    <a:pt x="523" y="684"/>
                  </a:lnTo>
                  <a:lnTo>
                    <a:pt x="511" y="672"/>
                  </a:lnTo>
                  <a:lnTo>
                    <a:pt x="509" y="664"/>
                  </a:lnTo>
                  <a:lnTo>
                    <a:pt x="511" y="660"/>
                  </a:lnTo>
                  <a:lnTo>
                    <a:pt x="513" y="658"/>
                  </a:lnTo>
                  <a:lnTo>
                    <a:pt x="523" y="654"/>
                  </a:lnTo>
                  <a:lnTo>
                    <a:pt x="531" y="650"/>
                  </a:lnTo>
                  <a:lnTo>
                    <a:pt x="543" y="648"/>
                  </a:lnTo>
                  <a:lnTo>
                    <a:pt x="555" y="642"/>
                  </a:lnTo>
                  <a:lnTo>
                    <a:pt x="541" y="632"/>
                  </a:lnTo>
                  <a:lnTo>
                    <a:pt x="543" y="624"/>
                  </a:lnTo>
                  <a:lnTo>
                    <a:pt x="555" y="620"/>
                  </a:lnTo>
                  <a:lnTo>
                    <a:pt x="581" y="618"/>
                  </a:lnTo>
                  <a:lnTo>
                    <a:pt x="593" y="608"/>
                  </a:lnTo>
                  <a:lnTo>
                    <a:pt x="583" y="608"/>
                  </a:lnTo>
                  <a:lnTo>
                    <a:pt x="571" y="610"/>
                  </a:lnTo>
                  <a:lnTo>
                    <a:pt x="559" y="612"/>
                  </a:lnTo>
                  <a:lnTo>
                    <a:pt x="549" y="612"/>
                  </a:lnTo>
                  <a:lnTo>
                    <a:pt x="557" y="592"/>
                  </a:lnTo>
                  <a:lnTo>
                    <a:pt x="569" y="588"/>
                  </a:lnTo>
                  <a:lnTo>
                    <a:pt x="579" y="576"/>
                  </a:lnTo>
                  <a:lnTo>
                    <a:pt x="591" y="570"/>
                  </a:lnTo>
                  <a:lnTo>
                    <a:pt x="591" y="558"/>
                  </a:lnTo>
                  <a:lnTo>
                    <a:pt x="599" y="550"/>
                  </a:lnTo>
                  <a:lnTo>
                    <a:pt x="603" y="542"/>
                  </a:lnTo>
                  <a:lnTo>
                    <a:pt x="599" y="534"/>
                  </a:lnTo>
                  <a:lnTo>
                    <a:pt x="589" y="544"/>
                  </a:lnTo>
                  <a:lnTo>
                    <a:pt x="583" y="554"/>
                  </a:lnTo>
                  <a:lnTo>
                    <a:pt x="567" y="560"/>
                  </a:lnTo>
                  <a:lnTo>
                    <a:pt x="573" y="548"/>
                  </a:lnTo>
                  <a:lnTo>
                    <a:pt x="571" y="540"/>
                  </a:lnTo>
                  <a:lnTo>
                    <a:pt x="569" y="534"/>
                  </a:lnTo>
                  <a:lnTo>
                    <a:pt x="581" y="528"/>
                  </a:lnTo>
                  <a:lnTo>
                    <a:pt x="575" y="520"/>
                  </a:lnTo>
                  <a:lnTo>
                    <a:pt x="579" y="514"/>
                  </a:lnTo>
                  <a:lnTo>
                    <a:pt x="591" y="518"/>
                  </a:lnTo>
                  <a:lnTo>
                    <a:pt x="601" y="514"/>
                  </a:lnTo>
                  <a:lnTo>
                    <a:pt x="593" y="508"/>
                  </a:lnTo>
                  <a:lnTo>
                    <a:pt x="593" y="496"/>
                  </a:lnTo>
                  <a:lnTo>
                    <a:pt x="599" y="488"/>
                  </a:lnTo>
                  <a:lnTo>
                    <a:pt x="615" y="494"/>
                  </a:lnTo>
                  <a:lnTo>
                    <a:pt x="621" y="478"/>
                  </a:lnTo>
                  <a:lnTo>
                    <a:pt x="631" y="482"/>
                  </a:lnTo>
                  <a:lnTo>
                    <a:pt x="635" y="500"/>
                  </a:lnTo>
                  <a:lnTo>
                    <a:pt x="645" y="496"/>
                  </a:lnTo>
                  <a:lnTo>
                    <a:pt x="645" y="488"/>
                  </a:lnTo>
                  <a:lnTo>
                    <a:pt x="647" y="482"/>
                  </a:lnTo>
                  <a:lnTo>
                    <a:pt x="649" y="478"/>
                  </a:lnTo>
                  <a:lnTo>
                    <a:pt x="651" y="474"/>
                  </a:lnTo>
                  <a:lnTo>
                    <a:pt x="651" y="470"/>
                  </a:lnTo>
                  <a:lnTo>
                    <a:pt x="641" y="466"/>
                  </a:lnTo>
                  <a:lnTo>
                    <a:pt x="633" y="456"/>
                  </a:lnTo>
                  <a:lnTo>
                    <a:pt x="643" y="448"/>
                  </a:lnTo>
                  <a:lnTo>
                    <a:pt x="659" y="452"/>
                  </a:lnTo>
                  <a:lnTo>
                    <a:pt x="675" y="450"/>
                  </a:lnTo>
                  <a:lnTo>
                    <a:pt x="689" y="450"/>
                  </a:lnTo>
                  <a:lnTo>
                    <a:pt x="689" y="436"/>
                  </a:lnTo>
                  <a:lnTo>
                    <a:pt x="673" y="438"/>
                  </a:lnTo>
                  <a:lnTo>
                    <a:pt x="651" y="442"/>
                  </a:lnTo>
                  <a:lnTo>
                    <a:pt x="641" y="428"/>
                  </a:lnTo>
                  <a:lnTo>
                    <a:pt x="645" y="418"/>
                  </a:lnTo>
                  <a:lnTo>
                    <a:pt x="653" y="410"/>
                  </a:lnTo>
                  <a:lnTo>
                    <a:pt x="673" y="408"/>
                  </a:lnTo>
                  <a:lnTo>
                    <a:pt x="667" y="392"/>
                  </a:lnTo>
                  <a:lnTo>
                    <a:pt x="681" y="402"/>
                  </a:lnTo>
                  <a:lnTo>
                    <a:pt x="685" y="394"/>
                  </a:lnTo>
                  <a:lnTo>
                    <a:pt x="679" y="382"/>
                  </a:lnTo>
                  <a:lnTo>
                    <a:pt x="695" y="380"/>
                  </a:lnTo>
                  <a:lnTo>
                    <a:pt x="691" y="370"/>
                  </a:lnTo>
                  <a:lnTo>
                    <a:pt x="691" y="360"/>
                  </a:lnTo>
                  <a:lnTo>
                    <a:pt x="703" y="354"/>
                  </a:lnTo>
                  <a:lnTo>
                    <a:pt x="701" y="342"/>
                  </a:lnTo>
                  <a:lnTo>
                    <a:pt x="711" y="346"/>
                  </a:lnTo>
                  <a:lnTo>
                    <a:pt x="707" y="318"/>
                  </a:lnTo>
                  <a:lnTo>
                    <a:pt x="713" y="308"/>
                  </a:lnTo>
                  <a:lnTo>
                    <a:pt x="723" y="304"/>
                  </a:lnTo>
                  <a:lnTo>
                    <a:pt x="725" y="294"/>
                  </a:lnTo>
                  <a:lnTo>
                    <a:pt x="717" y="280"/>
                  </a:lnTo>
                  <a:lnTo>
                    <a:pt x="713" y="268"/>
                  </a:lnTo>
                  <a:lnTo>
                    <a:pt x="723" y="252"/>
                  </a:lnTo>
                  <a:lnTo>
                    <a:pt x="739" y="248"/>
                  </a:lnTo>
                  <a:lnTo>
                    <a:pt x="751" y="250"/>
                  </a:lnTo>
                  <a:lnTo>
                    <a:pt x="763" y="246"/>
                  </a:lnTo>
                  <a:lnTo>
                    <a:pt x="771" y="244"/>
                  </a:lnTo>
                  <a:lnTo>
                    <a:pt x="777" y="254"/>
                  </a:lnTo>
                  <a:lnTo>
                    <a:pt x="783" y="274"/>
                  </a:lnTo>
                  <a:lnTo>
                    <a:pt x="789" y="268"/>
                  </a:lnTo>
                  <a:lnTo>
                    <a:pt x="791" y="242"/>
                  </a:lnTo>
                  <a:lnTo>
                    <a:pt x="795" y="226"/>
                  </a:lnTo>
                  <a:lnTo>
                    <a:pt x="805" y="222"/>
                  </a:lnTo>
                  <a:lnTo>
                    <a:pt x="809" y="226"/>
                  </a:lnTo>
                  <a:lnTo>
                    <a:pt x="809" y="246"/>
                  </a:lnTo>
                  <a:lnTo>
                    <a:pt x="807" y="262"/>
                  </a:lnTo>
                  <a:lnTo>
                    <a:pt x="813" y="276"/>
                  </a:lnTo>
                  <a:lnTo>
                    <a:pt x="819" y="270"/>
                  </a:lnTo>
                  <a:lnTo>
                    <a:pt x="819" y="250"/>
                  </a:lnTo>
                  <a:lnTo>
                    <a:pt x="827" y="238"/>
                  </a:lnTo>
                  <a:lnTo>
                    <a:pt x="829" y="228"/>
                  </a:lnTo>
                  <a:lnTo>
                    <a:pt x="833" y="218"/>
                  </a:lnTo>
                  <a:lnTo>
                    <a:pt x="825" y="212"/>
                  </a:lnTo>
                  <a:lnTo>
                    <a:pt x="827" y="202"/>
                  </a:lnTo>
                  <a:lnTo>
                    <a:pt x="837" y="204"/>
                  </a:lnTo>
                  <a:lnTo>
                    <a:pt x="841" y="212"/>
                  </a:lnTo>
                  <a:lnTo>
                    <a:pt x="847" y="226"/>
                  </a:lnTo>
                  <a:lnTo>
                    <a:pt x="849" y="216"/>
                  </a:lnTo>
                  <a:lnTo>
                    <a:pt x="849" y="206"/>
                  </a:lnTo>
                  <a:lnTo>
                    <a:pt x="859" y="204"/>
                  </a:lnTo>
                  <a:lnTo>
                    <a:pt x="863" y="212"/>
                  </a:lnTo>
                  <a:lnTo>
                    <a:pt x="877" y="222"/>
                  </a:lnTo>
                  <a:lnTo>
                    <a:pt x="879" y="212"/>
                  </a:lnTo>
                  <a:lnTo>
                    <a:pt x="881" y="192"/>
                  </a:lnTo>
                  <a:lnTo>
                    <a:pt x="871" y="196"/>
                  </a:lnTo>
                  <a:lnTo>
                    <a:pt x="855" y="190"/>
                  </a:lnTo>
                  <a:lnTo>
                    <a:pt x="843" y="184"/>
                  </a:lnTo>
                  <a:lnTo>
                    <a:pt x="843" y="176"/>
                  </a:lnTo>
                  <a:lnTo>
                    <a:pt x="855" y="168"/>
                  </a:lnTo>
                  <a:lnTo>
                    <a:pt x="865" y="172"/>
                  </a:lnTo>
                  <a:lnTo>
                    <a:pt x="871" y="166"/>
                  </a:lnTo>
                  <a:lnTo>
                    <a:pt x="877" y="162"/>
                  </a:lnTo>
                  <a:lnTo>
                    <a:pt x="891" y="166"/>
                  </a:lnTo>
                  <a:lnTo>
                    <a:pt x="901" y="164"/>
                  </a:lnTo>
                  <a:lnTo>
                    <a:pt x="899" y="152"/>
                  </a:lnTo>
                  <a:lnTo>
                    <a:pt x="909" y="146"/>
                  </a:lnTo>
                  <a:lnTo>
                    <a:pt x="917" y="154"/>
                  </a:lnTo>
                  <a:lnTo>
                    <a:pt x="919" y="168"/>
                  </a:lnTo>
                  <a:lnTo>
                    <a:pt x="933" y="174"/>
                  </a:lnTo>
                  <a:lnTo>
                    <a:pt x="937" y="168"/>
                  </a:lnTo>
                  <a:lnTo>
                    <a:pt x="935" y="154"/>
                  </a:lnTo>
                  <a:lnTo>
                    <a:pt x="927" y="146"/>
                  </a:lnTo>
                  <a:lnTo>
                    <a:pt x="917" y="136"/>
                  </a:lnTo>
                  <a:lnTo>
                    <a:pt x="921" y="122"/>
                  </a:lnTo>
                  <a:lnTo>
                    <a:pt x="923" y="120"/>
                  </a:lnTo>
                  <a:lnTo>
                    <a:pt x="925" y="118"/>
                  </a:lnTo>
                  <a:lnTo>
                    <a:pt x="929" y="116"/>
                  </a:lnTo>
                  <a:lnTo>
                    <a:pt x="941" y="116"/>
                  </a:lnTo>
                  <a:lnTo>
                    <a:pt x="937" y="104"/>
                  </a:lnTo>
                  <a:lnTo>
                    <a:pt x="937" y="92"/>
                  </a:lnTo>
                  <a:lnTo>
                    <a:pt x="943" y="92"/>
                  </a:lnTo>
                  <a:lnTo>
                    <a:pt x="961" y="96"/>
                  </a:lnTo>
                  <a:lnTo>
                    <a:pt x="971" y="96"/>
                  </a:lnTo>
                  <a:lnTo>
                    <a:pt x="983" y="94"/>
                  </a:lnTo>
                  <a:lnTo>
                    <a:pt x="985" y="86"/>
                  </a:lnTo>
                  <a:lnTo>
                    <a:pt x="971" y="82"/>
                  </a:lnTo>
                  <a:lnTo>
                    <a:pt x="965" y="76"/>
                  </a:lnTo>
                  <a:lnTo>
                    <a:pt x="969" y="64"/>
                  </a:lnTo>
                  <a:lnTo>
                    <a:pt x="987" y="68"/>
                  </a:lnTo>
                  <a:lnTo>
                    <a:pt x="983" y="58"/>
                  </a:lnTo>
                  <a:lnTo>
                    <a:pt x="973" y="50"/>
                  </a:lnTo>
                  <a:lnTo>
                    <a:pt x="975" y="50"/>
                  </a:lnTo>
                  <a:lnTo>
                    <a:pt x="979" y="46"/>
                  </a:lnTo>
                  <a:lnTo>
                    <a:pt x="977" y="38"/>
                  </a:lnTo>
                  <a:lnTo>
                    <a:pt x="977" y="36"/>
                  </a:lnTo>
                  <a:lnTo>
                    <a:pt x="981" y="32"/>
                  </a:lnTo>
                  <a:lnTo>
                    <a:pt x="981" y="34"/>
                  </a:lnTo>
                  <a:lnTo>
                    <a:pt x="983" y="36"/>
                  </a:lnTo>
                  <a:lnTo>
                    <a:pt x="983" y="42"/>
                  </a:lnTo>
                  <a:lnTo>
                    <a:pt x="981" y="50"/>
                  </a:lnTo>
                  <a:lnTo>
                    <a:pt x="997" y="50"/>
                  </a:lnTo>
                  <a:lnTo>
                    <a:pt x="1005" y="54"/>
                  </a:lnTo>
                  <a:lnTo>
                    <a:pt x="1019" y="54"/>
                  </a:lnTo>
                  <a:lnTo>
                    <a:pt x="1015" y="40"/>
                  </a:lnTo>
                  <a:lnTo>
                    <a:pt x="1011" y="34"/>
                  </a:lnTo>
                  <a:lnTo>
                    <a:pt x="1007" y="26"/>
                  </a:lnTo>
                  <a:lnTo>
                    <a:pt x="1013" y="20"/>
                  </a:lnTo>
                  <a:lnTo>
                    <a:pt x="1015" y="14"/>
                  </a:lnTo>
                  <a:lnTo>
                    <a:pt x="1023" y="10"/>
                  </a:lnTo>
                  <a:lnTo>
                    <a:pt x="1035" y="16"/>
                  </a:lnTo>
                  <a:lnTo>
                    <a:pt x="1039" y="26"/>
                  </a:lnTo>
                  <a:lnTo>
                    <a:pt x="1047" y="30"/>
                  </a:lnTo>
                  <a:lnTo>
                    <a:pt x="1041" y="36"/>
                  </a:lnTo>
                  <a:lnTo>
                    <a:pt x="1027" y="42"/>
                  </a:lnTo>
                  <a:lnTo>
                    <a:pt x="1033" y="46"/>
                  </a:lnTo>
                  <a:lnTo>
                    <a:pt x="1037" y="50"/>
                  </a:lnTo>
                  <a:lnTo>
                    <a:pt x="1033" y="62"/>
                  </a:lnTo>
                  <a:lnTo>
                    <a:pt x="1033" y="72"/>
                  </a:lnTo>
                  <a:lnTo>
                    <a:pt x="1025" y="84"/>
                  </a:lnTo>
                  <a:lnTo>
                    <a:pt x="1021" y="94"/>
                  </a:lnTo>
                  <a:lnTo>
                    <a:pt x="1017" y="112"/>
                  </a:lnTo>
                  <a:lnTo>
                    <a:pt x="1023" y="118"/>
                  </a:lnTo>
                  <a:lnTo>
                    <a:pt x="1019" y="130"/>
                  </a:lnTo>
                  <a:lnTo>
                    <a:pt x="1019" y="140"/>
                  </a:lnTo>
                  <a:lnTo>
                    <a:pt x="1015" y="144"/>
                  </a:lnTo>
                  <a:lnTo>
                    <a:pt x="1013" y="148"/>
                  </a:lnTo>
                  <a:lnTo>
                    <a:pt x="1015" y="150"/>
                  </a:lnTo>
                  <a:lnTo>
                    <a:pt x="1019" y="156"/>
                  </a:lnTo>
                  <a:lnTo>
                    <a:pt x="1025" y="160"/>
                  </a:lnTo>
                  <a:lnTo>
                    <a:pt x="1031" y="144"/>
                  </a:lnTo>
                  <a:lnTo>
                    <a:pt x="1035" y="128"/>
                  </a:lnTo>
                  <a:lnTo>
                    <a:pt x="1037" y="104"/>
                  </a:lnTo>
                  <a:lnTo>
                    <a:pt x="1045" y="92"/>
                  </a:lnTo>
                  <a:lnTo>
                    <a:pt x="1051" y="76"/>
                  </a:lnTo>
                  <a:lnTo>
                    <a:pt x="1049" y="62"/>
                  </a:lnTo>
                  <a:lnTo>
                    <a:pt x="1053" y="56"/>
                  </a:lnTo>
                  <a:lnTo>
                    <a:pt x="1055" y="48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81" name="Freeform 102"/>
            <p:cNvSpPr>
              <a:spLocks/>
            </p:cNvSpPr>
            <p:nvPr/>
          </p:nvSpPr>
          <p:spPr bwMode="auto">
            <a:xfrm>
              <a:off x="2541" y="783"/>
              <a:ext cx="54" cy="72"/>
            </a:xfrm>
            <a:custGeom>
              <a:avLst/>
              <a:gdLst>
                <a:gd name="T0" fmla="*/ 24 w 54"/>
                <a:gd name="T1" fmla="*/ 6 h 72"/>
                <a:gd name="T2" fmla="*/ 36 w 54"/>
                <a:gd name="T3" fmla="*/ 8 h 72"/>
                <a:gd name="T4" fmla="*/ 44 w 54"/>
                <a:gd name="T5" fmla="*/ 0 h 72"/>
                <a:gd name="T6" fmla="*/ 52 w 54"/>
                <a:gd name="T7" fmla="*/ 6 h 72"/>
                <a:gd name="T8" fmla="*/ 54 w 54"/>
                <a:gd name="T9" fmla="*/ 18 h 72"/>
                <a:gd name="T10" fmla="*/ 54 w 54"/>
                <a:gd name="T11" fmla="*/ 30 h 72"/>
                <a:gd name="T12" fmla="*/ 54 w 54"/>
                <a:gd name="T13" fmla="*/ 40 h 72"/>
                <a:gd name="T14" fmla="*/ 52 w 54"/>
                <a:gd name="T15" fmla="*/ 44 h 72"/>
                <a:gd name="T16" fmla="*/ 50 w 54"/>
                <a:gd name="T17" fmla="*/ 48 h 72"/>
                <a:gd name="T18" fmla="*/ 48 w 54"/>
                <a:gd name="T19" fmla="*/ 48 h 72"/>
                <a:gd name="T20" fmla="*/ 36 w 54"/>
                <a:gd name="T21" fmla="*/ 52 h 72"/>
                <a:gd name="T22" fmla="*/ 32 w 54"/>
                <a:gd name="T23" fmla="*/ 58 h 72"/>
                <a:gd name="T24" fmla="*/ 22 w 54"/>
                <a:gd name="T25" fmla="*/ 68 h 72"/>
                <a:gd name="T26" fmla="*/ 12 w 54"/>
                <a:gd name="T27" fmla="*/ 72 h 72"/>
                <a:gd name="T28" fmla="*/ 0 w 54"/>
                <a:gd name="T29" fmla="*/ 62 h 72"/>
                <a:gd name="T30" fmla="*/ 10 w 54"/>
                <a:gd name="T31" fmla="*/ 50 h 72"/>
                <a:gd name="T32" fmla="*/ 16 w 54"/>
                <a:gd name="T33" fmla="*/ 40 h 72"/>
                <a:gd name="T34" fmla="*/ 10 w 54"/>
                <a:gd name="T35" fmla="*/ 30 h 72"/>
                <a:gd name="T36" fmla="*/ 22 w 54"/>
                <a:gd name="T37" fmla="*/ 20 h 72"/>
                <a:gd name="T38" fmla="*/ 18 w 54"/>
                <a:gd name="T39" fmla="*/ 12 h 72"/>
                <a:gd name="T40" fmla="*/ 24 w 54"/>
                <a:gd name="T41" fmla="*/ 6 h 72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0" t="0" r="r" b="b"/>
              <a:pathLst>
                <a:path w="54" h="72">
                  <a:moveTo>
                    <a:pt x="24" y="6"/>
                  </a:moveTo>
                  <a:lnTo>
                    <a:pt x="36" y="8"/>
                  </a:lnTo>
                  <a:lnTo>
                    <a:pt x="44" y="0"/>
                  </a:lnTo>
                  <a:lnTo>
                    <a:pt x="52" y="6"/>
                  </a:lnTo>
                  <a:lnTo>
                    <a:pt x="54" y="18"/>
                  </a:lnTo>
                  <a:lnTo>
                    <a:pt x="54" y="30"/>
                  </a:lnTo>
                  <a:lnTo>
                    <a:pt x="54" y="40"/>
                  </a:lnTo>
                  <a:lnTo>
                    <a:pt x="52" y="44"/>
                  </a:lnTo>
                  <a:lnTo>
                    <a:pt x="50" y="48"/>
                  </a:lnTo>
                  <a:lnTo>
                    <a:pt x="48" y="48"/>
                  </a:lnTo>
                  <a:lnTo>
                    <a:pt x="36" y="52"/>
                  </a:lnTo>
                  <a:lnTo>
                    <a:pt x="32" y="58"/>
                  </a:lnTo>
                  <a:lnTo>
                    <a:pt x="22" y="68"/>
                  </a:lnTo>
                  <a:lnTo>
                    <a:pt x="12" y="72"/>
                  </a:lnTo>
                  <a:lnTo>
                    <a:pt x="0" y="62"/>
                  </a:lnTo>
                  <a:lnTo>
                    <a:pt x="10" y="50"/>
                  </a:lnTo>
                  <a:lnTo>
                    <a:pt x="16" y="40"/>
                  </a:lnTo>
                  <a:lnTo>
                    <a:pt x="10" y="30"/>
                  </a:lnTo>
                  <a:lnTo>
                    <a:pt x="22" y="20"/>
                  </a:lnTo>
                  <a:lnTo>
                    <a:pt x="18" y="12"/>
                  </a:lnTo>
                  <a:lnTo>
                    <a:pt x="24" y="6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82" name="Freeform 103"/>
            <p:cNvSpPr>
              <a:spLocks/>
            </p:cNvSpPr>
            <p:nvPr/>
          </p:nvSpPr>
          <p:spPr bwMode="auto">
            <a:xfrm>
              <a:off x="2349" y="827"/>
              <a:ext cx="186" cy="208"/>
            </a:xfrm>
            <a:custGeom>
              <a:avLst/>
              <a:gdLst>
                <a:gd name="T0" fmla="*/ 170 w 186"/>
                <a:gd name="T1" fmla="*/ 102 h 208"/>
                <a:gd name="T2" fmla="*/ 168 w 186"/>
                <a:gd name="T3" fmla="*/ 116 h 208"/>
                <a:gd name="T4" fmla="*/ 166 w 186"/>
                <a:gd name="T5" fmla="*/ 124 h 208"/>
                <a:gd name="T6" fmla="*/ 156 w 186"/>
                <a:gd name="T7" fmla="*/ 122 h 208"/>
                <a:gd name="T8" fmla="*/ 150 w 186"/>
                <a:gd name="T9" fmla="*/ 122 h 208"/>
                <a:gd name="T10" fmla="*/ 152 w 186"/>
                <a:gd name="T11" fmla="*/ 132 h 208"/>
                <a:gd name="T12" fmla="*/ 140 w 186"/>
                <a:gd name="T13" fmla="*/ 136 h 208"/>
                <a:gd name="T14" fmla="*/ 134 w 186"/>
                <a:gd name="T15" fmla="*/ 124 h 208"/>
                <a:gd name="T16" fmla="*/ 124 w 186"/>
                <a:gd name="T17" fmla="*/ 132 h 208"/>
                <a:gd name="T18" fmla="*/ 114 w 186"/>
                <a:gd name="T19" fmla="*/ 130 h 208"/>
                <a:gd name="T20" fmla="*/ 100 w 186"/>
                <a:gd name="T21" fmla="*/ 144 h 208"/>
                <a:gd name="T22" fmla="*/ 78 w 186"/>
                <a:gd name="T23" fmla="*/ 156 h 208"/>
                <a:gd name="T24" fmla="*/ 64 w 186"/>
                <a:gd name="T25" fmla="*/ 156 h 208"/>
                <a:gd name="T26" fmla="*/ 52 w 186"/>
                <a:gd name="T27" fmla="*/ 166 h 208"/>
                <a:gd name="T28" fmla="*/ 48 w 186"/>
                <a:gd name="T29" fmla="*/ 170 h 208"/>
                <a:gd name="T30" fmla="*/ 22 w 186"/>
                <a:gd name="T31" fmla="*/ 186 h 208"/>
                <a:gd name="T32" fmla="*/ 12 w 186"/>
                <a:gd name="T33" fmla="*/ 204 h 208"/>
                <a:gd name="T34" fmla="*/ 0 w 186"/>
                <a:gd name="T35" fmla="*/ 202 h 208"/>
                <a:gd name="T36" fmla="*/ 2 w 186"/>
                <a:gd name="T37" fmla="*/ 192 h 208"/>
                <a:gd name="T38" fmla="*/ 12 w 186"/>
                <a:gd name="T39" fmla="*/ 176 h 208"/>
                <a:gd name="T40" fmla="*/ 32 w 186"/>
                <a:gd name="T41" fmla="*/ 166 h 208"/>
                <a:gd name="T42" fmla="*/ 38 w 186"/>
                <a:gd name="T43" fmla="*/ 152 h 208"/>
                <a:gd name="T44" fmla="*/ 42 w 186"/>
                <a:gd name="T45" fmla="*/ 146 h 208"/>
                <a:gd name="T46" fmla="*/ 50 w 186"/>
                <a:gd name="T47" fmla="*/ 142 h 208"/>
                <a:gd name="T48" fmla="*/ 66 w 186"/>
                <a:gd name="T49" fmla="*/ 140 h 208"/>
                <a:gd name="T50" fmla="*/ 92 w 186"/>
                <a:gd name="T51" fmla="*/ 126 h 208"/>
                <a:gd name="T52" fmla="*/ 124 w 186"/>
                <a:gd name="T53" fmla="*/ 114 h 208"/>
                <a:gd name="T54" fmla="*/ 130 w 186"/>
                <a:gd name="T55" fmla="*/ 92 h 208"/>
                <a:gd name="T56" fmla="*/ 124 w 186"/>
                <a:gd name="T57" fmla="*/ 90 h 208"/>
                <a:gd name="T58" fmla="*/ 104 w 186"/>
                <a:gd name="T59" fmla="*/ 106 h 208"/>
                <a:gd name="T60" fmla="*/ 90 w 186"/>
                <a:gd name="T61" fmla="*/ 104 h 208"/>
                <a:gd name="T62" fmla="*/ 84 w 186"/>
                <a:gd name="T63" fmla="*/ 98 h 208"/>
                <a:gd name="T64" fmla="*/ 82 w 186"/>
                <a:gd name="T65" fmla="*/ 80 h 208"/>
                <a:gd name="T66" fmla="*/ 102 w 186"/>
                <a:gd name="T67" fmla="*/ 68 h 208"/>
                <a:gd name="T68" fmla="*/ 106 w 186"/>
                <a:gd name="T69" fmla="*/ 44 h 208"/>
                <a:gd name="T70" fmla="*/ 120 w 186"/>
                <a:gd name="T71" fmla="*/ 60 h 208"/>
                <a:gd name="T72" fmla="*/ 128 w 186"/>
                <a:gd name="T73" fmla="*/ 46 h 208"/>
                <a:gd name="T74" fmla="*/ 142 w 186"/>
                <a:gd name="T75" fmla="*/ 20 h 208"/>
                <a:gd name="T76" fmla="*/ 158 w 186"/>
                <a:gd name="T77" fmla="*/ 0 h 208"/>
                <a:gd name="T78" fmla="*/ 154 w 186"/>
                <a:gd name="T79" fmla="*/ 20 h 208"/>
                <a:gd name="T80" fmla="*/ 144 w 186"/>
                <a:gd name="T81" fmla="*/ 44 h 208"/>
                <a:gd name="T82" fmla="*/ 154 w 186"/>
                <a:gd name="T83" fmla="*/ 60 h 208"/>
                <a:gd name="T84" fmla="*/ 156 w 186"/>
                <a:gd name="T85" fmla="*/ 74 h 208"/>
                <a:gd name="T86" fmla="*/ 164 w 186"/>
                <a:gd name="T87" fmla="*/ 78 h 208"/>
                <a:gd name="T88" fmla="*/ 174 w 186"/>
                <a:gd name="T89" fmla="*/ 52 h 208"/>
                <a:gd name="T90" fmla="*/ 170 w 186"/>
                <a:gd name="T91" fmla="*/ 46 h 208"/>
                <a:gd name="T92" fmla="*/ 176 w 186"/>
                <a:gd name="T93" fmla="*/ 46 h 208"/>
                <a:gd name="T94" fmla="*/ 182 w 186"/>
                <a:gd name="T95" fmla="*/ 52 h 208"/>
                <a:gd name="T96" fmla="*/ 186 w 186"/>
                <a:gd name="T97" fmla="*/ 70 h 208"/>
                <a:gd name="T98" fmla="*/ 180 w 186"/>
                <a:gd name="T99" fmla="*/ 90 h 208"/>
                <a:gd name="T100" fmla="*/ 178 w 186"/>
                <a:gd name="T101" fmla="*/ 102 h 208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0" t="0" r="r" b="b"/>
              <a:pathLst>
                <a:path w="186" h="208">
                  <a:moveTo>
                    <a:pt x="178" y="102"/>
                  </a:moveTo>
                  <a:lnTo>
                    <a:pt x="170" y="102"/>
                  </a:lnTo>
                  <a:lnTo>
                    <a:pt x="168" y="110"/>
                  </a:lnTo>
                  <a:lnTo>
                    <a:pt x="168" y="116"/>
                  </a:lnTo>
                  <a:lnTo>
                    <a:pt x="168" y="120"/>
                  </a:lnTo>
                  <a:lnTo>
                    <a:pt x="166" y="124"/>
                  </a:lnTo>
                  <a:lnTo>
                    <a:pt x="160" y="124"/>
                  </a:lnTo>
                  <a:lnTo>
                    <a:pt x="156" y="122"/>
                  </a:lnTo>
                  <a:lnTo>
                    <a:pt x="154" y="118"/>
                  </a:lnTo>
                  <a:lnTo>
                    <a:pt x="150" y="122"/>
                  </a:lnTo>
                  <a:lnTo>
                    <a:pt x="152" y="128"/>
                  </a:lnTo>
                  <a:lnTo>
                    <a:pt x="152" y="132"/>
                  </a:lnTo>
                  <a:lnTo>
                    <a:pt x="148" y="134"/>
                  </a:lnTo>
                  <a:lnTo>
                    <a:pt x="140" y="136"/>
                  </a:lnTo>
                  <a:lnTo>
                    <a:pt x="136" y="136"/>
                  </a:lnTo>
                  <a:lnTo>
                    <a:pt x="134" y="124"/>
                  </a:lnTo>
                  <a:lnTo>
                    <a:pt x="128" y="124"/>
                  </a:lnTo>
                  <a:lnTo>
                    <a:pt x="124" y="132"/>
                  </a:lnTo>
                  <a:lnTo>
                    <a:pt x="116" y="142"/>
                  </a:lnTo>
                  <a:lnTo>
                    <a:pt x="114" y="130"/>
                  </a:lnTo>
                  <a:lnTo>
                    <a:pt x="108" y="136"/>
                  </a:lnTo>
                  <a:lnTo>
                    <a:pt x="100" y="144"/>
                  </a:lnTo>
                  <a:lnTo>
                    <a:pt x="90" y="150"/>
                  </a:lnTo>
                  <a:lnTo>
                    <a:pt x="78" y="156"/>
                  </a:lnTo>
                  <a:lnTo>
                    <a:pt x="70" y="152"/>
                  </a:lnTo>
                  <a:lnTo>
                    <a:pt x="64" y="156"/>
                  </a:lnTo>
                  <a:lnTo>
                    <a:pt x="52" y="164"/>
                  </a:lnTo>
                  <a:lnTo>
                    <a:pt x="52" y="166"/>
                  </a:lnTo>
                  <a:lnTo>
                    <a:pt x="50" y="168"/>
                  </a:lnTo>
                  <a:lnTo>
                    <a:pt x="48" y="170"/>
                  </a:lnTo>
                  <a:lnTo>
                    <a:pt x="30" y="178"/>
                  </a:lnTo>
                  <a:lnTo>
                    <a:pt x="22" y="186"/>
                  </a:lnTo>
                  <a:lnTo>
                    <a:pt x="20" y="196"/>
                  </a:lnTo>
                  <a:lnTo>
                    <a:pt x="12" y="204"/>
                  </a:lnTo>
                  <a:lnTo>
                    <a:pt x="2" y="208"/>
                  </a:lnTo>
                  <a:lnTo>
                    <a:pt x="0" y="202"/>
                  </a:lnTo>
                  <a:lnTo>
                    <a:pt x="0" y="196"/>
                  </a:lnTo>
                  <a:lnTo>
                    <a:pt x="2" y="192"/>
                  </a:lnTo>
                  <a:lnTo>
                    <a:pt x="8" y="182"/>
                  </a:lnTo>
                  <a:lnTo>
                    <a:pt x="12" y="176"/>
                  </a:lnTo>
                  <a:lnTo>
                    <a:pt x="24" y="172"/>
                  </a:lnTo>
                  <a:lnTo>
                    <a:pt x="32" y="166"/>
                  </a:lnTo>
                  <a:lnTo>
                    <a:pt x="38" y="158"/>
                  </a:lnTo>
                  <a:lnTo>
                    <a:pt x="38" y="152"/>
                  </a:lnTo>
                  <a:lnTo>
                    <a:pt x="40" y="148"/>
                  </a:lnTo>
                  <a:lnTo>
                    <a:pt x="42" y="146"/>
                  </a:lnTo>
                  <a:lnTo>
                    <a:pt x="46" y="144"/>
                  </a:lnTo>
                  <a:lnTo>
                    <a:pt x="50" y="142"/>
                  </a:lnTo>
                  <a:lnTo>
                    <a:pt x="58" y="142"/>
                  </a:lnTo>
                  <a:lnTo>
                    <a:pt x="66" y="140"/>
                  </a:lnTo>
                  <a:lnTo>
                    <a:pt x="76" y="136"/>
                  </a:lnTo>
                  <a:lnTo>
                    <a:pt x="92" y="126"/>
                  </a:lnTo>
                  <a:lnTo>
                    <a:pt x="112" y="120"/>
                  </a:lnTo>
                  <a:lnTo>
                    <a:pt x="124" y="114"/>
                  </a:lnTo>
                  <a:lnTo>
                    <a:pt x="124" y="100"/>
                  </a:lnTo>
                  <a:lnTo>
                    <a:pt x="130" y="92"/>
                  </a:lnTo>
                  <a:lnTo>
                    <a:pt x="132" y="84"/>
                  </a:lnTo>
                  <a:lnTo>
                    <a:pt x="124" y="90"/>
                  </a:lnTo>
                  <a:lnTo>
                    <a:pt x="112" y="100"/>
                  </a:lnTo>
                  <a:lnTo>
                    <a:pt x="104" y="106"/>
                  </a:lnTo>
                  <a:lnTo>
                    <a:pt x="96" y="114"/>
                  </a:lnTo>
                  <a:lnTo>
                    <a:pt x="90" y="104"/>
                  </a:lnTo>
                  <a:lnTo>
                    <a:pt x="96" y="98"/>
                  </a:lnTo>
                  <a:lnTo>
                    <a:pt x="84" y="98"/>
                  </a:lnTo>
                  <a:lnTo>
                    <a:pt x="82" y="90"/>
                  </a:lnTo>
                  <a:lnTo>
                    <a:pt x="82" y="80"/>
                  </a:lnTo>
                  <a:lnTo>
                    <a:pt x="94" y="76"/>
                  </a:lnTo>
                  <a:lnTo>
                    <a:pt x="102" y="68"/>
                  </a:lnTo>
                  <a:lnTo>
                    <a:pt x="110" y="64"/>
                  </a:lnTo>
                  <a:lnTo>
                    <a:pt x="106" y="44"/>
                  </a:lnTo>
                  <a:lnTo>
                    <a:pt x="114" y="44"/>
                  </a:lnTo>
                  <a:lnTo>
                    <a:pt x="120" y="60"/>
                  </a:lnTo>
                  <a:lnTo>
                    <a:pt x="130" y="64"/>
                  </a:lnTo>
                  <a:lnTo>
                    <a:pt x="128" y="46"/>
                  </a:lnTo>
                  <a:lnTo>
                    <a:pt x="130" y="28"/>
                  </a:lnTo>
                  <a:lnTo>
                    <a:pt x="142" y="20"/>
                  </a:lnTo>
                  <a:lnTo>
                    <a:pt x="146" y="8"/>
                  </a:lnTo>
                  <a:lnTo>
                    <a:pt x="158" y="0"/>
                  </a:lnTo>
                  <a:lnTo>
                    <a:pt x="158" y="8"/>
                  </a:lnTo>
                  <a:lnTo>
                    <a:pt x="154" y="20"/>
                  </a:lnTo>
                  <a:lnTo>
                    <a:pt x="148" y="36"/>
                  </a:lnTo>
                  <a:lnTo>
                    <a:pt x="144" y="44"/>
                  </a:lnTo>
                  <a:lnTo>
                    <a:pt x="156" y="50"/>
                  </a:lnTo>
                  <a:lnTo>
                    <a:pt x="154" y="60"/>
                  </a:lnTo>
                  <a:lnTo>
                    <a:pt x="150" y="68"/>
                  </a:lnTo>
                  <a:lnTo>
                    <a:pt x="156" y="74"/>
                  </a:lnTo>
                  <a:lnTo>
                    <a:pt x="156" y="82"/>
                  </a:lnTo>
                  <a:lnTo>
                    <a:pt x="164" y="78"/>
                  </a:lnTo>
                  <a:lnTo>
                    <a:pt x="166" y="60"/>
                  </a:lnTo>
                  <a:lnTo>
                    <a:pt x="174" y="52"/>
                  </a:lnTo>
                  <a:lnTo>
                    <a:pt x="172" y="48"/>
                  </a:lnTo>
                  <a:lnTo>
                    <a:pt x="170" y="46"/>
                  </a:lnTo>
                  <a:lnTo>
                    <a:pt x="172" y="44"/>
                  </a:lnTo>
                  <a:lnTo>
                    <a:pt x="176" y="46"/>
                  </a:lnTo>
                  <a:lnTo>
                    <a:pt x="178" y="48"/>
                  </a:lnTo>
                  <a:lnTo>
                    <a:pt x="182" y="52"/>
                  </a:lnTo>
                  <a:lnTo>
                    <a:pt x="182" y="60"/>
                  </a:lnTo>
                  <a:lnTo>
                    <a:pt x="186" y="70"/>
                  </a:lnTo>
                  <a:lnTo>
                    <a:pt x="184" y="80"/>
                  </a:lnTo>
                  <a:lnTo>
                    <a:pt x="180" y="90"/>
                  </a:lnTo>
                  <a:lnTo>
                    <a:pt x="182" y="96"/>
                  </a:lnTo>
                  <a:lnTo>
                    <a:pt x="178" y="102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83" name="Freeform 104"/>
            <p:cNvSpPr>
              <a:spLocks/>
            </p:cNvSpPr>
            <p:nvPr/>
          </p:nvSpPr>
          <p:spPr bwMode="auto">
            <a:xfrm>
              <a:off x="2619" y="681"/>
              <a:ext cx="54" cy="58"/>
            </a:xfrm>
            <a:custGeom>
              <a:avLst/>
              <a:gdLst>
                <a:gd name="T0" fmla="*/ 8 w 54"/>
                <a:gd name="T1" fmla="*/ 46 h 58"/>
                <a:gd name="T2" fmla="*/ 0 w 54"/>
                <a:gd name="T3" fmla="*/ 28 h 58"/>
                <a:gd name="T4" fmla="*/ 4 w 54"/>
                <a:gd name="T5" fmla="*/ 20 h 58"/>
                <a:gd name="T6" fmla="*/ 12 w 54"/>
                <a:gd name="T7" fmla="*/ 24 h 58"/>
                <a:gd name="T8" fmla="*/ 14 w 54"/>
                <a:gd name="T9" fmla="*/ 24 h 58"/>
                <a:gd name="T10" fmla="*/ 16 w 54"/>
                <a:gd name="T11" fmla="*/ 20 h 58"/>
                <a:gd name="T12" fmla="*/ 18 w 54"/>
                <a:gd name="T13" fmla="*/ 16 h 58"/>
                <a:gd name="T14" fmla="*/ 12 w 54"/>
                <a:gd name="T15" fmla="*/ 0 h 58"/>
                <a:gd name="T16" fmla="*/ 22 w 54"/>
                <a:gd name="T17" fmla="*/ 10 h 58"/>
                <a:gd name="T18" fmla="*/ 26 w 54"/>
                <a:gd name="T19" fmla="*/ 28 h 58"/>
                <a:gd name="T20" fmla="*/ 32 w 54"/>
                <a:gd name="T21" fmla="*/ 18 h 58"/>
                <a:gd name="T22" fmla="*/ 38 w 54"/>
                <a:gd name="T23" fmla="*/ 32 h 58"/>
                <a:gd name="T24" fmla="*/ 48 w 54"/>
                <a:gd name="T25" fmla="*/ 32 h 58"/>
                <a:gd name="T26" fmla="*/ 54 w 54"/>
                <a:gd name="T27" fmla="*/ 42 h 58"/>
                <a:gd name="T28" fmla="*/ 48 w 54"/>
                <a:gd name="T29" fmla="*/ 48 h 58"/>
                <a:gd name="T30" fmla="*/ 38 w 54"/>
                <a:gd name="T31" fmla="*/ 52 h 58"/>
                <a:gd name="T32" fmla="*/ 28 w 54"/>
                <a:gd name="T33" fmla="*/ 56 h 58"/>
                <a:gd name="T34" fmla="*/ 18 w 54"/>
                <a:gd name="T35" fmla="*/ 58 h 58"/>
                <a:gd name="T36" fmla="*/ 8 w 54"/>
                <a:gd name="T37" fmla="*/ 58 h 58"/>
                <a:gd name="T38" fmla="*/ 8 w 54"/>
                <a:gd name="T39" fmla="*/ 46 h 58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0" t="0" r="r" b="b"/>
              <a:pathLst>
                <a:path w="54" h="58">
                  <a:moveTo>
                    <a:pt x="8" y="46"/>
                  </a:moveTo>
                  <a:lnTo>
                    <a:pt x="0" y="28"/>
                  </a:lnTo>
                  <a:lnTo>
                    <a:pt x="4" y="20"/>
                  </a:lnTo>
                  <a:lnTo>
                    <a:pt x="12" y="24"/>
                  </a:lnTo>
                  <a:lnTo>
                    <a:pt x="14" y="24"/>
                  </a:lnTo>
                  <a:lnTo>
                    <a:pt x="16" y="20"/>
                  </a:lnTo>
                  <a:lnTo>
                    <a:pt x="18" y="16"/>
                  </a:lnTo>
                  <a:lnTo>
                    <a:pt x="12" y="0"/>
                  </a:lnTo>
                  <a:lnTo>
                    <a:pt x="22" y="10"/>
                  </a:lnTo>
                  <a:lnTo>
                    <a:pt x="26" y="28"/>
                  </a:lnTo>
                  <a:lnTo>
                    <a:pt x="32" y="18"/>
                  </a:lnTo>
                  <a:lnTo>
                    <a:pt x="38" y="32"/>
                  </a:lnTo>
                  <a:lnTo>
                    <a:pt x="48" y="32"/>
                  </a:lnTo>
                  <a:lnTo>
                    <a:pt x="54" y="42"/>
                  </a:lnTo>
                  <a:lnTo>
                    <a:pt x="48" y="48"/>
                  </a:lnTo>
                  <a:lnTo>
                    <a:pt x="38" y="52"/>
                  </a:lnTo>
                  <a:lnTo>
                    <a:pt x="28" y="56"/>
                  </a:lnTo>
                  <a:lnTo>
                    <a:pt x="18" y="58"/>
                  </a:lnTo>
                  <a:lnTo>
                    <a:pt x="8" y="58"/>
                  </a:lnTo>
                  <a:lnTo>
                    <a:pt x="8" y="46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84" name="Freeform 105"/>
            <p:cNvSpPr>
              <a:spLocks/>
            </p:cNvSpPr>
            <p:nvPr/>
          </p:nvSpPr>
          <p:spPr bwMode="auto">
            <a:xfrm>
              <a:off x="2693" y="675"/>
              <a:ext cx="22" cy="26"/>
            </a:xfrm>
            <a:custGeom>
              <a:avLst/>
              <a:gdLst>
                <a:gd name="T0" fmla="*/ 14 w 22"/>
                <a:gd name="T1" fmla="*/ 24 h 26"/>
                <a:gd name="T2" fmla="*/ 4 w 22"/>
                <a:gd name="T3" fmla="*/ 26 h 26"/>
                <a:gd name="T4" fmla="*/ 0 w 22"/>
                <a:gd name="T5" fmla="*/ 14 h 26"/>
                <a:gd name="T6" fmla="*/ 2 w 22"/>
                <a:gd name="T7" fmla="*/ 6 h 26"/>
                <a:gd name="T8" fmla="*/ 10 w 22"/>
                <a:gd name="T9" fmla="*/ 0 h 26"/>
                <a:gd name="T10" fmla="*/ 12 w 22"/>
                <a:gd name="T11" fmla="*/ 0 h 26"/>
                <a:gd name="T12" fmla="*/ 16 w 22"/>
                <a:gd name="T13" fmla="*/ 0 h 26"/>
                <a:gd name="T14" fmla="*/ 18 w 22"/>
                <a:gd name="T15" fmla="*/ 0 h 26"/>
                <a:gd name="T16" fmla="*/ 20 w 22"/>
                <a:gd name="T17" fmla="*/ 6 h 26"/>
                <a:gd name="T18" fmla="*/ 22 w 22"/>
                <a:gd name="T19" fmla="*/ 14 h 26"/>
                <a:gd name="T20" fmla="*/ 20 w 22"/>
                <a:gd name="T21" fmla="*/ 18 h 26"/>
                <a:gd name="T22" fmla="*/ 14 w 22"/>
                <a:gd name="T23" fmla="*/ 24 h 2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0" t="0" r="r" b="b"/>
              <a:pathLst>
                <a:path w="22" h="26">
                  <a:moveTo>
                    <a:pt x="14" y="24"/>
                  </a:moveTo>
                  <a:lnTo>
                    <a:pt x="4" y="26"/>
                  </a:lnTo>
                  <a:lnTo>
                    <a:pt x="0" y="14"/>
                  </a:lnTo>
                  <a:lnTo>
                    <a:pt x="2" y="6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6" y="0"/>
                  </a:lnTo>
                  <a:lnTo>
                    <a:pt x="18" y="0"/>
                  </a:lnTo>
                  <a:lnTo>
                    <a:pt x="20" y="6"/>
                  </a:lnTo>
                  <a:lnTo>
                    <a:pt x="22" y="14"/>
                  </a:lnTo>
                  <a:lnTo>
                    <a:pt x="20" y="18"/>
                  </a:lnTo>
                  <a:lnTo>
                    <a:pt x="14" y="24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85" name="Freeform 106"/>
            <p:cNvSpPr>
              <a:spLocks/>
            </p:cNvSpPr>
            <p:nvPr/>
          </p:nvSpPr>
          <p:spPr bwMode="auto">
            <a:xfrm>
              <a:off x="2655" y="681"/>
              <a:ext cx="24" cy="28"/>
            </a:xfrm>
            <a:custGeom>
              <a:avLst/>
              <a:gdLst>
                <a:gd name="T0" fmla="*/ 2 w 24"/>
                <a:gd name="T1" fmla="*/ 0 h 28"/>
                <a:gd name="T2" fmla="*/ 12 w 24"/>
                <a:gd name="T3" fmla="*/ 6 h 28"/>
                <a:gd name="T4" fmla="*/ 20 w 24"/>
                <a:gd name="T5" fmla="*/ 8 h 28"/>
                <a:gd name="T6" fmla="*/ 24 w 24"/>
                <a:gd name="T7" fmla="*/ 14 h 28"/>
                <a:gd name="T8" fmla="*/ 24 w 24"/>
                <a:gd name="T9" fmla="*/ 24 h 28"/>
                <a:gd name="T10" fmla="*/ 16 w 24"/>
                <a:gd name="T11" fmla="*/ 28 h 28"/>
                <a:gd name="T12" fmla="*/ 8 w 24"/>
                <a:gd name="T13" fmla="*/ 20 h 28"/>
                <a:gd name="T14" fmla="*/ 6 w 24"/>
                <a:gd name="T15" fmla="*/ 12 h 28"/>
                <a:gd name="T16" fmla="*/ 0 w 24"/>
                <a:gd name="T17" fmla="*/ 6 h 28"/>
                <a:gd name="T18" fmla="*/ 2 w 24"/>
                <a:gd name="T19" fmla="*/ 0 h 28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0" t="0" r="r" b="b"/>
              <a:pathLst>
                <a:path w="24" h="28">
                  <a:moveTo>
                    <a:pt x="2" y="0"/>
                  </a:moveTo>
                  <a:lnTo>
                    <a:pt x="12" y="6"/>
                  </a:lnTo>
                  <a:lnTo>
                    <a:pt x="20" y="8"/>
                  </a:lnTo>
                  <a:lnTo>
                    <a:pt x="24" y="14"/>
                  </a:lnTo>
                  <a:lnTo>
                    <a:pt x="24" y="24"/>
                  </a:lnTo>
                  <a:lnTo>
                    <a:pt x="16" y="28"/>
                  </a:lnTo>
                  <a:lnTo>
                    <a:pt x="8" y="20"/>
                  </a:lnTo>
                  <a:lnTo>
                    <a:pt x="6" y="12"/>
                  </a:lnTo>
                  <a:lnTo>
                    <a:pt x="0" y="6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1986" name="Freeform 107"/>
            <p:cNvSpPr>
              <a:spLocks/>
            </p:cNvSpPr>
            <p:nvPr/>
          </p:nvSpPr>
          <p:spPr bwMode="auto">
            <a:xfrm>
              <a:off x="2759" y="573"/>
              <a:ext cx="62" cy="60"/>
            </a:xfrm>
            <a:custGeom>
              <a:avLst/>
              <a:gdLst>
                <a:gd name="T0" fmla="*/ 34 w 62"/>
                <a:gd name="T1" fmla="*/ 20 h 60"/>
                <a:gd name="T2" fmla="*/ 34 w 62"/>
                <a:gd name="T3" fmla="*/ 24 h 60"/>
                <a:gd name="T4" fmla="*/ 34 w 62"/>
                <a:gd name="T5" fmla="*/ 28 h 60"/>
                <a:gd name="T6" fmla="*/ 26 w 62"/>
                <a:gd name="T7" fmla="*/ 32 h 60"/>
                <a:gd name="T8" fmla="*/ 22 w 62"/>
                <a:gd name="T9" fmla="*/ 24 h 60"/>
                <a:gd name="T10" fmla="*/ 14 w 62"/>
                <a:gd name="T11" fmla="*/ 28 h 60"/>
                <a:gd name="T12" fmla="*/ 4 w 62"/>
                <a:gd name="T13" fmla="*/ 34 h 60"/>
                <a:gd name="T14" fmla="*/ 0 w 62"/>
                <a:gd name="T15" fmla="*/ 42 h 60"/>
                <a:gd name="T16" fmla="*/ 10 w 62"/>
                <a:gd name="T17" fmla="*/ 46 h 60"/>
                <a:gd name="T18" fmla="*/ 12 w 62"/>
                <a:gd name="T19" fmla="*/ 52 h 60"/>
                <a:gd name="T20" fmla="*/ 6 w 62"/>
                <a:gd name="T21" fmla="*/ 60 h 60"/>
                <a:gd name="T22" fmla="*/ 16 w 62"/>
                <a:gd name="T23" fmla="*/ 58 h 60"/>
                <a:gd name="T24" fmla="*/ 30 w 62"/>
                <a:gd name="T25" fmla="*/ 50 h 60"/>
                <a:gd name="T26" fmla="*/ 42 w 62"/>
                <a:gd name="T27" fmla="*/ 48 h 60"/>
                <a:gd name="T28" fmla="*/ 50 w 62"/>
                <a:gd name="T29" fmla="*/ 38 h 60"/>
                <a:gd name="T30" fmla="*/ 54 w 62"/>
                <a:gd name="T31" fmla="*/ 30 h 60"/>
                <a:gd name="T32" fmla="*/ 60 w 62"/>
                <a:gd name="T33" fmla="*/ 18 h 60"/>
                <a:gd name="T34" fmla="*/ 62 w 62"/>
                <a:gd name="T35" fmla="*/ 10 h 60"/>
                <a:gd name="T36" fmla="*/ 62 w 62"/>
                <a:gd name="T37" fmla="*/ 2 h 60"/>
                <a:gd name="T38" fmla="*/ 58 w 62"/>
                <a:gd name="T39" fmla="*/ 0 h 60"/>
                <a:gd name="T40" fmla="*/ 46 w 62"/>
                <a:gd name="T41" fmla="*/ 2 h 60"/>
                <a:gd name="T42" fmla="*/ 42 w 62"/>
                <a:gd name="T43" fmla="*/ 12 h 60"/>
                <a:gd name="T44" fmla="*/ 42 w 62"/>
                <a:gd name="T45" fmla="*/ 20 h 60"/>
                <a:gd name="T46" fmla="*/ 34 w 62"/>
                <a:gd name="T47" fmla="*/ 20 h 60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</a:gdLst>
              <a:ahLst/>
              <a:cxnLst>
                <a:cxn ang="T48">
                  <a:pos x="T0" y="T1"/>
                </a:cxn>
                <a:cxn ang="T49">
                  <a:pos x="T2" y="T3"/>
                </a:cxn>
                <a:cxn ang="T50">
                  <a:pos x="T4" y="T5"/>
                </a:cxn>
                <a:cxn ang="T51">
                  <a:pos x="T6" y="T7"/>
                </a:cxn>
                <a:cxn ang="T52">
                  <a:pos x="T8" y="T9"/>
                </a:cxn>
                <a:cxn ang="T53">
                  <a:pos x="T10" y="T11"/>
                </a:cxn>
                <a:cxn ang="T54">
                  <a:pos x="T12" y="T13"/>
                </a:cxn>
                <a:cxn ang="T55">
                  <a:pos x="T14" y="T15"/>
                </a:cxn>
                <a:cxn ang="T56">
                  <a:pos x="T16" y="T17"/>
                </a:cxn>
                <a:cxn ang="T57">
                  <a:pos x="T18" y="T19"/>
                </a:cxn>
                <a:cxn ang="T58">
                  <a:pos x="T20" y="T21"/>
                </a:cxn>
                <a:cxn ang="T59">
                  <a:pos x="T22" y="T23"/>
                </a:cxn>
                <a:cxn ang="T60">
                  <a:pos x="T24" y="T25"/>
                </a:cxn>
                <a:cxn ang="T61">
                  <a:pos x="T26" y="T27"/>
                </a:cxn>
                <a:cxn ang="T62">
                  <a:pos x="T28" y="T29"/>
                </a:cxn>
                <a:cxn ang="T63">
                  <a:pos x="T30" y="T31"/>
                </a:cxn>
                <a:cxn ang="T64">
                  <a:pos x="T32" y="T33"/>
                </a:cxn>
                <a:cxn ang="T65">
                  <a:pos x="T34" y="T35"/>
                </a:cxn>
                <a:cxn ang="T66">
                  <a:pos x="T36" y="T37"/>
                </a:cxn>
                <a:cxn ang="T67">
                  <a:pos x="T38" y="T39"/>
                </a:cxn>
                <a:cxn ang="T68">
                  <a:pos x="T40" y="T41"/>
                </a:cxn>
                <a:cxn ang="T69">
                  <a:pos x="T42" y="T43"/>
                </a:cxn>
                <a:cxn ang="T70">
                  <a:pos x="T44" y="T45"/>
                </a:cxn>
                <a:cxn ang="T71">
                  <a:pos x="T46" y="T47"/>
                </a:cxn>
              </a:cxnLst>
              <a:rect l="0" t="0" r="r" b="b"/>
              <a:pathLst>
                <a:path w="62" h="60">
                  <a:moveTo>
                    <a:pt x="34" y="20"/>
                  </a:moveTo>
                  <a:lnTo>
                    <a:pt x="34" y="24"/>
                  </a:lnTo>
                  <a:lnTo>
                    <a:pt x="34" y="28"/>
                  </a:lnTo>
                  <a:lnTo>
                    <a:pt x="26" y="32"/>
                  </a:lnTo>
                  <a:lnTo>
                    <a:pt x="22" y="24"/>
                  </a:lnTo>
                  <a:lnTo>
                    <a:pt x="14" y="28"/>
                  </a:lnTo>
                  <a:lnTo>
                    <a:pt x="4" y="34"/>
                  </a:lnTo>
                  <a:lnTo>
                    <a:pt x="0" y="42"/>
                  </a:lnTo>
                  <a:lnTo>
                    <a:pt x="10" y="46"/>
                  </a:lnTo>
                  <a:lnTo>
                    <a:pt x="12" y="52"/>
                  </a:lnTo>
                  <a:lnTo>
                    <a:pt x="6" y="60"/>
                  </a:lnTo>
                  <a:lnTo>
                    <a:pt x="16" y="58"/>
                  </a:lnTo>
                  <a:lnTo>
                    <a:pt x="30" y="50"/>
                  </a:lnTo>
                  <a:lnTo>
                    <a:pt x="42" y="48"/>
                  </a:lnTo>
                  <a:lnTo>
                    <a:pt x="50" y="38"/>
                  </a:lnTo>
                  <a:lnTo>
                    <a:pt x="54" y="30"/>
                  </a:lnTo>
                  <a:lnTo>
                    <a:pt x="60" y="18"/>
                  </a:lnTo>
                  <a:lnTo>
                    <a:pt x="62" y="10"/>
                  </a:lnTo>
                  <a:lnTo>
                    <a:pt x="62" y="2"/>
                  </a:lnTo>
                  <a:lnTo>
                    <a:pt x="58" y="0"/>
                  </a:lnTo>
                  <a:lnTo>
                    <a:pt x="46" y="2"/>
                  </a:lnTo>
                  <a:lnTo>
                    <a:pt x="42" y="12"/>
                  </a:lnTo>
                  <a:lnTo>
                    <a:pt x="42" y="20"/>
                  </a:lnTo>
                  <a:lnTo>
                    <a:pt x="34" y="20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1930" name="Freeform 108"/>
          <p:cNvSpPr>
            <a:spLocks/>
          </p:cNvSpPr>
          <p:nvPr/>
        </p:nvSpPr>
        <p:spPr bwMode="auto">
          <a:xfrm>
            <a:off x="4781550" y="2339975"/>
            <a:ext cx="33338" cy="34925"/>
          </a:xfrm>
          <a:custGeom>
            <a:avLst/>
            <a:gdLst>
              <a:gd name="T0" fmla="*/ 2147483647 w 26"/>
              <a:gd name="T1" fmla="*/ 0 h 28"/>
              <a:gd name="T2" fmla="*/ 2147483647 w 26"/>
              <a:gd name="T3" fmla="*/ 2147483647 h 28"/>
              <a:gd name="T4" fmla="*/ 2147483647 w 26"/>
              <a:gd name="T5" fmla="*/ 2147483647 h 28"/>
              <a:gd name="T6" fmla="*/ 2147483647 w 26"/>
              <a:gd name="T7" fmla="*/ 2147483647 h 28"/>
              <a:gd name="T8" fmla="*/ 2147483647 w 26"/>
              <a:gd name="T9" fmla="*/ 2147483647 h 28"/>
              <a:gd name="T10" fmla="*/ 2147483647 w 26"/>
              <a:gd name="T11" fmla="*/ 2147483647 h 28"/>
              <a:gd name="T12" fmla="*/ 2147483647 w 26"/>
              <a:gd name="T13" fmla="*/ 2147483647 h 28"/>
              <a:gd name="T14" fmla="*/ 0 w 26"/>
              <a:gd name="T15" fmla="*/ 2147483647 h 28"/>
              <a:gd name="T16" fmla="*/ 0 w 26"/>
              <a:gd name="T17" fmla="*/ 2147483647 h 28"/>
              <a:gd name="T18" fmla="*/ 2147483647 w 26"/>
              <a:gd name="T19" fmla="*/ 2147483647 h 28"/>
              <a:gd name="T20" fmla="*/ 2147483647 w 26"/>
              <a:gd name="T21" fmla="*/ 0 h 2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26" h="28">
                <a:moveTo>
                  <a:pt x="8" y="0"/>
                </a:moveTo>
                <a:lnTo>
                  <a:pt x="18" y="2"/>
                </a:lnTo>
                <a:lnTo>
                  <a:pt x="24" y="10"/>
                </a:lnTo>
                <a:lnTo>
                  <a:pt x="26" y="22"/>
                </a:lnTo>
                <a:lnTo>
                  <a:pt x="20" y="26"/>
                </a:lnTo>
                <a:lnTo>
                  <a:pt x="8" y="22"/>
                </a:lnTo>
                <a:lnTo>
                  <a:pt x="6" y="28"/>
                </a:lnTo>
                <a:lnTo>
                  <a:pt x="0" y="26"/>
                </a:lnTo>
                <a:lnTo>
                  <a:pt x="0" y="14"/>
                </a:lnTo>
                <a:lnTo>
                  <a:pt x="8" y="8"/>
                </a:lnTo>
                <a:lnTo>
                  <a:pt x="8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31" name="Freeform 109"/>
          <p:cNvSpPr>
            <a:spLocks/>
          </p:cNvSpPr>
          <p:nvPr/>
        </p:nvSpPr>
        <p:spPr bwMode="auto">
          <a:xfrm>
            <a:off x="5053013" y="2859088"/>
            <a:ext cx="31750" cy="42862"/>
          </a:xfrm>
          <a:custGeom>
            <a:avLst/>
            <a:gdLst>
              <a:gd name="T0" fmla="*/ 2147483647 w 24"/>
              <a:gd name="T1" fmla="*/ 0 h 32"/>
              <a:gd name="T2" fmla="*/ 2147483647 w 24"/>
              <a:gd name="T3" fmla="*/ 2147483647 h 32"/>
              <a:gd name="T4" fmla="*/ 2147483647 w 24"/>
              <a:gd name="T5" fmla="*/ 2147483647 h 32"/>
              <a:gd name="T6" fmla="*/ 2147483647 w 24"/>
              <a:gd name="T7" fmla="*/ 2147483647 h 32"/>
              <a:gd name="T8" fmla="*/ 0 w 24"/>
              <a:gd name="T9" fmla="*/ 2147483647 h 32"/>
              <a:gd name="T10" fmla="*/ 2147483647 w 24"/>
              <a:gd name="T11" fmla="*/ 2147483647 h 32"/>
              <a:gd name="T12" fmla="*/ 2147483647 w 24"/>
              <a:gd name="T13" fmla="*/ 2147483647 h 32"/>
              <a:gd name="T14" fmla="*/ 2147483647 w 24"/>
              <a:gd name="T15" fmla="*/ 0 h 32"/>
              <a:gd name="T16" fmla="*/ 2147483647 w 24"/>
              <a:gd name="T17" fmla="*/ 0 h 3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24" h="32">
                <a:moveTo>
                  <a:pt x="24" y="0"/>
                </a:moveTo>
                <a:lnTo>
                  <a:pt x="24" y="12"/>
                </a:lnTo>
                <a:lnTo>
                  <a:pt x="20" y="20"/>
                </a:lnTo>
                <a:lnTo>
                  <a:pt x="10" y="32"/>
                </a:lnTo>
                <a:lnTo>
                  <a:pt x="0" y="22"/>
                </a:lnTo>
                <a:lnTo>
                  <a:pt x="8" y="16"/>
                </a:lnTo>
                <a:lnTo>
                  <a:pt x="12" y="8"/>
                </a:lnTo>
                <a:lnTo>
                  <a:pt x="14" y="0"/>
                </a:lnTo>
                <a:lnTo>
                  <a:pt x="2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32" name="Freeform 110"/>
          <p:cNvSpPr>
            <a:spLocks/>
          </p:cNvSpPr>
          <p:nvPr/>
        </p:nvSpPr>
        <p:spPr bwMode="auto">
          <a:xfrm>
            <a:off x="5927725" y="2635250"/>
            <a:ext cx="82550" cy="174625"/>
          </a:xfrm>
          <a:custGeom>
            <a:avLst/>
            <a:gdLst>
              <a:gd name="T0" fmla="*/ 2147483647 w 64"/>
              <a:gd name="T1" fmla="*/ 2147483647 h 136"/>
              <a:gd name="T2" fmla="*/ 2147483647 w 64"/>
              <a:gd name="T3" fmla="*/ 2147483647 h 136"/>
              <a:gd name="T4" fmla="*/ 2147483647 w 64"/>
              <a:gd name="T5" fmla="*/ 2147483647 h 136"/>
              <a:gd name="T6" fmla="*/ 2147483647 w 64"/>
              <a:gd name="T7" fmla="*/ 2147483647 h 136"/>
              <a:gd name="T8" fmla="*/ 2147483647 w 64"/>
              <a:gd name="T9" fmla="*/ 2147483647 h 136"/>
              <a:gd name="T10" fmla="*/ 2147483647 w 64"/>
              <a:gd name="T11" fmla="*/ 2147483647 h 136"/>
              <a:gd name="T12" fmla="*/ 2147483647 w 64"/>
              <a:gd name="T13" fmla="*/ 2147483647 h 136"/>
              <a:gd name="T14" fmla="*/ 2147483647 w 64"/>
              <a:gd name="T15" fmla="*/ 2147483647 h 136"/>
              <a:gd name="T16" fmla="*/ 2147483647 w 64"/>
              <a:gd name="T17" fmla="*/ 2147483647 h 136"/>
              <a:gd name="T18" fmla="*/ 2147483647 w 64"/>
              <a:gd name="T19" fmla="*/ 2147483647 h 136"/>
              <a:gd name="T20" fmla="*/ 2147483647 w 64"/>
              <a:gd name="T21" fmla="*/ 2147483647 h 136"/>
              <a:gd name="T22" fmla="*/ 2147483647 w 64"/>
              <a:gd name="T23" fmla="*/ 2147483647 h 136"/>
              <a:gd name="T24" fmla="*/ 2147483647 w 64"/>
              <a:gd name="T25" fmla="*/ 2147483647 h 136"/>
              <a:gd name="T26" fmla="*/ 2147483647 w 64"/>
              <a:gd name="T27" fmla="*/ 2147483647 h 136"/>
              <a:gd name="T28" fmla="*/ 2147483647 w 64"/>
              <a:gd name="T29" fmla="*/ 2147483647 h 136"/>
              <a:gd name="T30" fmla="*/ 2147483647 w 64"/>
              <a:gd name="T31" fmla="*/ 2147483647 h 136"/>
              <a:gd name="T32" fmla="*/ 2147483647 w 64"/>
              <a:gd name="T33" fmla="*/ 2147483647 h 136"/>
              <a:gd name="T34" fmla="*/ 2147483647 w 64"/>
              <a:gd name="T35" fmla="*/ 2147483647 h 136"/>
              <a:gd name="T36" fmla="*/ 2147483647 w 64"/>
              <a:gd name="T37" fmla="*/ 2147483647 h 136"/>
              <a:gd name="T38" fmla="*/ 2147483647 w 64"/>
              <a:gd name="T39" fmla="*/ 2147483647 h 136"/>
              <a:gd name="T40" fmla="*/ 2147483647 w 64"/>
              <a:gd name="T41" fmla="*/ 2147483647 h 136"/>
              <a:gd name="T42" fmla="*/ 2147483647 w 64"/>
              <a:gd name="T43" fmla="*/ 2147483647 h 136"/>
              <a:gd name="T44" fmla="*/ 0 w 64"/>
              <a:gd name="T45" fmla="*/ 2147483647 h 136"/>
              <a:gd name="T46" fmla="*/ 0 w 64"/>
              <a:gd name="T47" fmla="*/ 2147483647 h 136"/>
              <a:gd name="T48" fmla="*/ 2147483647 w 64"/>
              <a:gd name="T49" fmla="*/ 2147483647 h 136"/>
              <a:gd name="T50" fmla="*/ 2147483647 w 64"/>
              <a:gd name="T51" fmla="*/ 2147483647 h 136"/>
              <a:gd name="T52" fmla="*/ 2147483647 w 64"/>
              <a:gd name="T53" fmla="*/ 2147483647 h 136"/>
              <a:gd name="T54" fmla="*/ 2147483647 w 64"/>
              <a:gd name="T55" fmla="*/ 2147483647 h 136"/>
              <a:gd name="T56" fmla="*/ 2147483647 w 64"/>
              <a:gd name="T57" fmla="*/ 2147483647 h 136"/>
              <a:gd name="T58" fmla="*/ 2147483647 w 64"/>
              <a:gd name="T59" fmla="*/ 0 h 136"/>
              <a:gd name="T60" fmla="*/ 2147483647 w 64"/>
              <a:gd name="T61" fmla="*/ 2147483647 h 1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0" t="0" r="r" b="b"/>
            <a:pathLst>
              <a:path w="64" h="136">
                <a:moveTo>
                  <a:pt x="64" y="8"/>
                </a:moveTo>
                <a:lnTo>
                  <a:pt x="56" y="22"/>
                </a:lnTo>
                <a:lnTo>
                  <a:pt x="44" y="30"/>
                </a:lnTo>
                <a:lnTo>
                  <a:pt x="44" y="54"/>
                </a:lnTo>
                <a:lnTo>
                  <a:pt x="46" y="64"/>
                </a:lnTo>
                <a:lnTo>
                  <a:pt x="54" y="68"/>
                </a:lnTo>
                <a:lnTo>
                  <a:pt x="52" y="76"/>
                </a:lnTo>
                <a:lnTo>
                  <a:pt x="44" y="82"/>
                </a:lnTo>
                <a:lnTo>
                  <a:pt x="42" y="94"/>
                </a:lnTo>
                <a:lnTo>
                  <a:pt x="32" y="100"/>
                </a:lnTo>
                <a:lnTo>
                  <a:pt x="26" y="114"/>
                </a:lnTo>
                <a:lnTo>
                  <a:pt x="24" y="126"/>
                </a:lnTo>
                <a:lnTo>
                  <a:pt x="24" y="130"/>
                </a:lnTo>
                <a:lnTo>
                  <a:pt x="22" y="134"/>
                </a:lnTo>
                <a:lnTo>
                  <a:pt x="18" y="136"/>
                </a:lnTo>
                <a:lnTo>
                  <a:pt x="16" y="136"/>
                </a:lnTo>
                <a:lnTo>
                  <a:pt x="14" y="134"/>
                </a:lnTo>
                <a:lnTo>
                  <a:pt x="14" y="126"/>
                </a:lnTo>
                <a:lnTo>
                  <a:pt x="12" y="118"/>
                </a:lnTo>
                <a:lnTo>
                  <a:pt x="4" y="102"/>
                </a:lnTo>
                <a:lnTo>
                  <a:pt x="4" y="90"/>
                </a:lnTo>
                <a:lnTo>
                  <a:pt x="6" y="80"/>
                </a:lnTo>
                <a:lnTo>
                  <a:pt x="0" y="68"/>
                </a:lnTo>
                <a:lnTo>
                  <a:pt x="0" y="52"/>
                </a:lnTo>
                <a:lnTo>
                  <a:pt x="12" y="38"/>
                </a:lnTo>
                <a:lnTo>
                  <a:pt x="20" y="16"/>
                </a:lnTo>
                <a:lnTo>
                  <a:pt x="36" y="2"/>
                </a:lnTo>
                <a:lnTo>
                  <a:pt x="42" y="10"/>
                </a:lnTo>
                <a:lnTo>
                  <a:pt x="52" y="2"/>
                </a:lnTo>
                <a:lnTo>
                  <a:pt x="62" y="0"/>
                </a:lnTo>
                <a:lnTo>
                  <a:pt x="64" y="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33" name="Freeform 111"/>
          <p:cNvSpPr>
            <a:spLocks/>
          </p:cNvSpPr>
          <p:nvPr/>
        </p:nvSpPr>
        <p:spPr bwMode="auto">
          <a:xfrm>
            <a:off x="5788025" y="2751138"/>
            <a:ext cx="55563" cy="193675"/>
          </a:xfrm>
          <a:custGeom>
            <a:avLst/>
            <a:gdLst>
              <a:gd name="T0" fmla="*/ 2147483647 w 44"/>
              <a:gd name="T1" fmla="*/ 2147483647 h 150"/>
              <a:gd name="T2" fmla="*/ 2147483647 w 44"/>
              <a:gd name="T3" fmla="*/ 2147483647 h 150"/>
              <a:gd name="T4" fmla="*/ 2147483647 w 44"/>
              <a:gd name="T5" fmla="*/ 2147483647 h 150"/>
              <a:gd name="T6" fmla="*/ 2147483647 w 44"/>
              <a:gd name="T7" fmla="*/ 2147483647 h 150"/>
              <a:gd name="T8" fmla="*/ 2147483647 w 44"/>
              <a:gd name="T9" fmla="*/ 2147483647 h 150"/>
              <a:gd name="T10" fmla="*/ 2147483647 w 44"/>
              <a:gd name="T11" fmla="*/ 2147483647 h 150"/>
              <a:gd name="T12" fmla="*/ 2147483647 w 44"/>
              <a:gd name="T13" fmla="*/ 2147483647 h 150"/>
              <a:gd name="T14" fmla="*/ 2147483647 w 44"/>
              <a:gd name="T15" fmla="*/ 2147483647 h 150"/>
              <a:gd name="T16" fmla="*/ 0 w 44"/>
              <a:gd name="T17" fmla="*/ 2147483647 h 150"/>
              <a:gd name="T18" fmla="*/ 0 w 44"/>
              <a:gd name="T19" fmla="*/ 2147483647 h 150"/>
              <a:gd name="T20" fmla="*/ 2147483647 w 44"/>
              <a:gd name="T21" fmla="*/ 2147483647 h 150"/>
              <a:gd name="T22" fmla="*/ 2147483647 w 44"/>
              <a:gd name="T23" fmla="*/ 2147483647 h 150"/>
              <a:gd name="T24" fmla="*/ 2147483647 w 44"/>
              <a:gd name="T25" fmla="*/ 2147483647 h 150"/>
              <a:gd name="T26" fmla="*/ 2147483647 w 44"/>
              <a:gd name="T27" fmla="*/ 2147483647 h 150"/>
              <a:gd name="T28" fmla="*/ 2147483647 w 44"/>
              <a:gd name="T29" fmla="*/ 0 h 150"/>
              <a:gd name="T30" fmla="*/ 2147483647 w 44"/>
              <a:gd name="T31" fmla="*/ 2147483647 h 15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44" h="150">
                <a:moveTo>
                  <a:pt x="44" y="4"/>
                </a:moveTo>
                <a:lnTo>
                  <a:pt x="40" y="24"/>
                </a:lnTo>
                <a:lnTo>
                  <a:pt x="36" y="40"/>
                </a:lnTo>
                <a:lnTo>
                  <a:pt x="28" y="64"/>
                </a:lnTo>
                <a:lnTo>
                  <a:pt x="22" y="86"/>
                </a:lnTo>
                <a:lnTo>
                  <a:pt x="16" y="120"/>
                </a:lnTo>
                <a:lnTo>
                  <a:pt x="12" y="138"/>
                </a:lnTo>
                <a:lnTo>
                  <a:pt x="4" y="150"/>
                </a:lnTo>
                <a:lnTo>
                  <a:pt x="0" y="128"/>
                </a:lnTo>
                <a:lnTo>
                  <a:pt x="0" y="104"/>
                </a:lnTo>
                <a:lnTo>
                  <a:pt x="12" y="76"/>
                </a:lnTo>
                <a:lnTo>
                  <a:pt x="20" y="54"/>
                </a:lnTo>
                <a:lnTo>
                  <a:pt x="32" y="34"/>
                </a:lnTo>
                <a:lnTo>
                  <a:pt x="32" y="12"/>
                </a:lnTo>
                <a:lnTo>
                  <a:pt x="36" y="0"/>
                </a:lnTo>
                <a:lnTo>
                  <a:pt x="44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34" name="Freeform 112"/>
          <p:cNvSpPr>
            <a:spLocks/>
          </p:cNvSpPr>
          <p:nvPr/>
        </p:nvSpPr>
        <p:spPr bwMode="auto">
          <a:xfrm>
            <a:off x="5994400" y="2222500"/>
            <a:ext cx="68263" cy="52388"/>
          </a:xfrm>
          <a:custGeom>
            <a:avLst/>
            <a:gdLst>
              <a:gd name="T0" fmla="*/ 2147483647 w 52"/>
              <a:gd name="T1" fmla="*/ 2147483647 h 40"/>
              <a:gd name="T2" fmla="*/ 2147483647 w 52"/>
              <a:gd name="T3" fmla="*/ 2147483647 h 40"/>
              <a:gd name="T4" fmla="*/ 2147483647 w 52"/>
              <a:gd name="T5" fmla="*/ 2147483647 h 40"/>
              <a:gd name="T6" fmla="*/ 2147483647 w 52"/>
              <a:gd name="T7" fmla="*/ 2147483647 h 40"/>
              <a:gd name="T8" fmla="*/ 2147483647 w 52"/>
              <a:gd name="T9" fmla="*/ 2147483647 h 40"/>
              <a:gd name="T10" fmla="*/ 2147483647 w 52"/>
              <a:gd name="T11" fmla="*/ 2147483647 h 40"/>
              <a:gd name="T12" fmla="*/ 2147483647 w 52"/>
              <a:gd name="T13" fmla="*/ 2147483647 h 40"/>
              <a:gd name="T14" fmla="*/ 2147483647 w 52"/>
              <a:gd name="T15" fmla="*/ 2147483647 h 40"/>
              <a:gd name="T16" fmla="*/ 2147483647 w 52"/>
              <a:gd name="T17" fmla="*/ 2147483647 h 40"/>
              <a:gd name="T18" fmla="*/ 2147483647 w 52"/>
              <a:gd name="T19" fmla="*/ 2147483647 h 40"/>
              <a:gd name="T20" fmla="*/ 2147483647 w 52"/>
              <a:gd name="T21" fmla="*/ 2147483647 h 40"/>
              <a:gd name="T22" fmla="*/ 2147483647 w 52"/>
              <a:gd name="T23" fmla="*/ 2147483647 h 40"/>
              <a:gd name="T24" fmla="*/ 0 w 52"/>
              <a:gd name="T25" fmla="*/ 2147483647 h 40"/>
              <a:gd name="T26" fmla="*/ 2147483647 w 52"/>
              <a:gd name="T27" fmla="*/ 2147483647 h 40"/>
              <a:gd name="T28" fmla="*/ 2147483647 w 52"/>
              <a:gd name="T29" fmla="*/ 2147483647 h 40"/>
              <a:gd name="T30" fmla="*/ 2147483647 w 52"/>
              <a:gd name="T31" fmla="*/ 2147483647 h 40"/>
              <a:gd name="T32" fmla="*/ 2147483647 w 52"/>
              <a:gd name="T33" fmla="*/ 0 h 40"/>
              <a:gd name="T34" fmla="*/ 2147483647 w 52"/>
              <a:gd name="T35" fmla="*/ 2147483647 h 40"/>
              <a:gd name="T36" fmla="*/ 2147483647 w 52"/>
              <a:gd name="T37" fmla="*/ 2147483647 h 40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0" t="0" r="r" b="b"/>
            <a:pathLst>
              <a:path w="52" h="40">
                <a:moveTo>
                  <a:pt x="32" y="12"/>
                </a:moveTo>
                <a:lnTo>
                  <a:pt x="32" y="22"/>
                </a:lnTo>
                <a:lnTo>
                  <a:pt x="44" y="18"/>
                </a:lnTo>
                <a:lnTo>
                  <a:pt x="52" y="18"/>
                </a:lnTo>
                <a:lnTo>
                  <a:pt x="52" y="32"/>
                </a:lnTo>
                <a:lnTo>
                  <a:pt x="40" y="32"/>
                </a:lnTo>
                <a:lnTo>
                  <a:pt x="36" y="40"/>
                </a:lnTo>
                <a:lnTo>
                  <a:pt x="28" y="34"/>
                </a:lnTo>
                <a:lnTo>
                  <a:pt x="20" y="34"/>
                </a:lnTo>
                <a:lnTo>
                  <a:pt x="12" y="32"/>
                </a:lnTo>
                <a:lnTo>
                  <a:pt x="10" y="24"/>
                </a:lnTo>
                <a:lnTo>
                  <a:pt x="4" y="24"/>
                </a:lnTo>
                <a:lnTo>
                  <a:pt x="0" y="14"/>
                </a:lnTo>
                <a:lnTo>
                  <a:pt x="8" y="8"/>
                </a:lnTo>
                <a:lnTo>
                  <a:pt x="16" y="14"/>
                </a:lnTo>
                <a:lnTo>
                  <a:pt x="24" y="12"/>
                </a:lnTo>
                <a:lnTo>
                  <a:pt x="22" y="0"/>
                </a:lnTo>
                <a:lnTo>
                  <a:pt x="28" y="2"/>
                </a:lnTo>
                <a:lnTo>
                  <a:pt x="32" y="1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35" name="Freeform 113"/>
          <p:cNvSpPr>
            <a:spLocks/>
          </p:cNvSpPr>
          <p:nvPr/>
        </p:nvSpPr>
        <p:spPr bwMode="auto">
          <a:xfrm>
            <a:off x="4794250" y="4494213"/>
            <a:ext cx="1514475" cy="1525587"/>
          </a:xfrm>
          <a:custGeom>
            <a:avLst/>
            <a:gdLst>
              <a:gd name="T0" fmla="*/ 2147483647 w 1169"/>
              <a:gd name="T1" fmla="*/ 2147483647 h 1178"/>
              <a:gd name="T2" fmla="*/ 2147483647 w 1169"/>
              <a:gd name="T3" fmla="*/ 2147483647 h 1178"/>
              <a:gd name="T4" fmla="*/ 2147483647 w 1169"/>
              <a:gd name="T5" fmla="*/ 2147483647 h 1178"/>
              <a:gd name="T6" fmla="*/ 2147483647 w 1169"/>
              <a:gd name="T7" fmla="*/ 2147483647 h 1178"/>
              <a:gd name="T8" fmla="*/ 2147483647 w 1169"/>
              <a:gd name="T9" fmla="*/ 2147483647 h 1178"/>
              <a:gd name="T10" fmla="*/ 2147483647 w 1169"/>
              <a:gd name="T11" fmla="*/ 2147483647 h 1178"/>
              <a:gd name="T12" fmla="*/ 2147483647 w 1169"/>
              <a:gd name="T13" fmla="*/ 2147483647 h 1178"/>
              <a:gd name="T14" fmla="*/ 2147483647 w 1169"/>
              <a:gd name="T15" fmla="*/ 2147483647 h 1178"/>
              <a:gd name="T16" fmla="*/ 2147483647 w 1169"/>
              <a:gd name="T17" fmla="*/ 2147483647 h 1178"/>
              <a:gd name="T18" fmla="*/ 2147483647 w 1169"/>
              <a:gd name="T19" fmla="*/ 2147483647 h 1178"/>
              <a:gd name="T20" fmla="*/ 2147483647 w 1169"/>
              <a:gd name="T21" fmla="*/ 2147483647 h 1178"/>
              <a:gd name="T22" fmla="*/ 2147483647 w 1169"/>
              <a:gd name="T23" fmla="*/ 2147483647 h 1178"/>
              <a:gd name="T24" fmla="*/ 2147483647 w 1169"/>
              <a:gd name="T25" fmla="*/ 2147483647 h 1178"/>
              <a:gd name="T26" fmla="*/ 2147483647 w 1169"/>
              <a:gd name="T27" fmla="*/ 2147483647 h 1178"/>
              <a:gd name="T28" fmla="*/ 2147483647 w 1169"/>
              <a:gd name="T29" fmla="*/ 2147483647 h 1178"/>
              <a:gd name="T30" fmla="*/ 2147483647 w 1169"/>
              <a:gd name="T31" fmla="*/ 2147483647 h 1178"/>
              <a:gd name="T32" fmla="*/ 2147483647 w 1169"/>
              <a:gd name="T33" fmla="*/ 2147483647 h 1178"/>
              <a:gd name="T34" fmla="*/ 2147483647 w 1169"/>
              <a:gd name="T35" fmla="*/ 2147483647 h 1178"/>
              <a:gd name="T36" fmla="*/ 2147483647 w 1169"/>
              <a:gd name="T37" fmla="*/ 2147483647 h 1178"/>
              <a:gd name="T38" fmla="*/ 2147483647 w 1169"/>
              <a:gd name="T39" fmla="*/ 2147483647 h 1178"/>
              <a:gd name="T40" fmla="*/ 2147483647 w 1169"/>
              <a:gd name="T41" fmla="*/ 2147483647 h 1178"/>
              <a:gd name="T42" fmla="*/ 2147483647 w 1169"/>
              <a:gd name="T43" fmla="*/ 2147483647 h 1178"/>
              <a:gd name="T44" fmla="*/ 2147483647 w 1169"/>
              <a:gd name="T45" fmla="*/ 2147483647 h 1178"/>
              <a:gd name="T46" fmla="*/ 2147483647 w 1169"/>
              <a:gd name="T47" fmla="*/ 2147483647 h 1178"/>
              <a:gd name="T48" fmla="*/ 2147483647 w 1169"/>
              <a:gd name="T49" fmla="*/ 2147483647 h 1178"/>
              <a:gd name="T50" fmla="*/ 2147483647 w 1169"/>
              <a:gd name="T51" fmla="*/ 2147483647 h 1178"/>
              <a:gd name="T52" fmla="*/ 2147483647 w 1169"/>
              <a:gd name="T53" fmla="*/ 2147483647 h 1178"/>
              <a:gd name="T54" fmla="*/ 2147483647 w 1169"/>
              <a:gd name="T55" fmla="*/ 2147483647 h 1178"/>
              <a:gd name="T56" fmla="*/ 2147483647 w 1169"/>
              <a:gd name="T57" fmla="*/ 2147483647 h 1178"/>
              <a:gd name="T58" fmla="*/ 2147483647 w 1169"/>
              <a:gd name="T59" fmla="*/ 2147483647 h 1178"/>
              <a:gd name="T60" fmla="*/ 2147483647 w 1169"/>
              <a:gd name="T61" fmla="*/ 2147483647 h 1178"/>
              <a:gd name="T62" fmla="*/ 2147483647 w 1169"/>
              <a:gd name="T63" fmla="*/ 2147483647 h 1178"/>
              <a:gd name="T64" fmla="*/ 2147483647 w 1169"/>
              <a:gd name="T65" fmla="*/ 2147483647 h 1178"/>
              <a:gd name="T66" fmla="*/ 2147483647 w 1169"/>
              <a:gd name="T67" fmla="*/ 2147483647 h 1178"/>
              <a:gd name="T68" fmla="*/ 2147483647 w 1169"/>
              <a:gd name="T69" fmla="*/ 2147483647 h 1178"/>
              <a:gd name="T70" fmla="*/ 2147483647 w 1169"/>
              <a:gd name="T71" fmla="*/ 2147483647 h 1178"/>
              <a:gd name="T72" fmla="*/ 2147483647 w 1169"/>
              <a:gd name="T73" fmla="*/ 2147483647 h 1178"/>
              <a:gd name="T74" fmla="*/ 2147483647 w 1169"/>
              <a:gd name="T75" fmla="*/ 2147483647 h 1178"/>
              <a:gd name="T76" fmla="*/ 2147483647 w 1169"/>
              <a:gd name="T77" fmla="*/ 2147483647 h 1178"/>
              <a:gd name="T78" fmla="*/ 2147483647 w 1169"/>
              <a:gd name="T79" fmla="*/ 2147483647 h 1178"/>
              <a:gd name="T80" fmla="*/ 2147483647 w 1169"/>
              <a:gd name="T81" fmla="*/ 2147483647 h 1178"/>
              <a:gd name="T82" fmla="*/ 2147483647 w 1169"/>
              <a:gd name="T83" fmla="*/ 2147483647 h 1178"/>
              <a:gd name="T84" fmla="*/ 2147483647 w 1169"/>
              <a:gd name="T85" fmla="*/ 2147483647 h 1178"/>
              <a:gd name="T86" fmla="*/ 2147483647 w 1169"/>
              <a:gd name="T87" fmla="*/ 2147483647 h 1178"/>
              <a:gd name="T88" fmla="*/ 2147483647 w 1169"/>
              <a:gd name="T89" fmla="*/ 2147483647 h 1178"/>
              <a:gd name="T90" fmla="*/ 2147483647 w 1169"/>
              <a:gd name="T91" fmla="*/ 2147483647 h 1178"/>
              <a:gd name="T92" fmla="*/ 2147483647 w 1169"/>
              <a:gd name="T93" fmla="*/ 2147483647 h 1178"/>
              <a:gd name="T94" fmla="*/ 2147483647 w 1169"/>
              <a:gd name="T95" fmla="*/ 2147483647 h 1178"/>
              <a:gd name="T96" fmla="*/ 2147483647 w 1169"/>
              <a:gd name="T97" fmla="*/ 2147483647 h 1178"/>
              <a:gd name="T98" fmla="*/ 2147483647 w 1169"/>
              <a:gd name="T99" fmla="*/ 2147483647 h 1178"/>
              <a:gd name="T100" fmla="*/ 2147483647 w 1169"/>
              <a:gd name="T101" fmla="*/ 2147483647 h 1178"/>
              <a:gd name="T102" fmla="*/ 2147483647 w 1169"/>
              <a:gd name="T103" fmla="*/ 2147483647 h 1178"/>
              <a:gd name="T104" fmla="*/ 2147483647 w 1169"/>
              <a:gd name="T105" fmla="*/ 2147483647 h 1178"/>
              <a:gd name="T106" fmla="*/ 2147483647 w 1169"/>
              <a:gd name="T107" fmla="*/ 2147483647 h 1178"/>
              <a:gd name="T108" fmla="*/ 2147483647 w 1169"/>
              <a:gd name="T109" fmla="*/ 2147483647 h 1178"/>
              <a:gd name="T110" fmla="*/ 2147483647 w 1169"/>
              <a:gd name="T111" fmla="*/ 2147483647 h 1178"/>
              <a:gd name="T112" fmla="*/ 2147483647 w 1169"/>
              <a:gd name="T113" fmla="*/ 2147483647 h 1178"/>
              <a:gd name="T114" fmla="*/ 2147483647 w 1169"/>
              <a:gd name="T115" fmla="*/ 2147483647 h 1178"/>
              <a:gd name="T116" fmla="*/ 2147483647 w 1169"/>
              <a:gd name="T117" fmla="*/ 2147483647 h 117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169" h="1178">
                <a:moveTo>
                  <a:pt x="637" y="158"/>
                </a:moveTo>
                <a:lnTo>
                  <a:pt x="635" y="166"/>
                </a:lnTo>
                <a:lnTo>
                  <a:pt x="623" y="182"/>
                </a:lnTo>
                <a:lnTo>
                  <a:pt x="613" y="176"/>
                </a:lnTo>
                <a:lnTo>
                  <a:pt x="611" y="162"/>
                </a:lnTo>
                <a:lnTo>
                  <a:pt x="593" y="170"/>
                </a:lnTo>
                <a:lnTo>
                  <a:pt x="595" y="184"/>
                </a:lnTo>
                <a:lnTo>
                  <a:pt x="573" y="192"/>
                </a:lnTo>
                <a:lnTo>
                  <a:pt x="563" y="206"/>
                </a:lnTo>
                <a:lnTo>
                  <a:pt x="547" y="212"/>
                </a:lnTo>
                <a:lnTo>
                  <a:pt x="535" y="206"/>
                </a:lnTo>
                <a:lnTo>
                  <a:pt x="517" y="210"/>
                </a:lnTo>
                <a:lnTo>
                  <a:pt x="519" y="226"/>
                </a:lnTo>
                <a:lnTo>
                  <a:pt x="509" y="236"/>
                </a:lnTo>
                <a:lnTo>
                  <a:pt x="525" y="254"/>
                </a:lnTo>
                <a:lnTo>
                  <a:pt x="527" y="266"/>
                </a:lnTo>
                <a:lnTo>
                  <a:pt x="543" y="276"/>
                </a:lnTo>
                <a:lnTo>
                  <a:pt x="535" y="296"/>
                </a:lnTo>
                <a:lnTo>
                  <a:pt x="521" y="298"/>
                </a:lnTo>
                <a:lnTo>
                  <a:pt x="517" y="310"/>
                </a:lnTo>
                <a:lnTo>
                  <a:pt x="529" y="330"/>
                </a:lnTo>
                <a:lnTo>
                  <a:pt x="519" y="338"/>
                </a:lnTo>
                <a:lnTo>
                  <a:pt x="529" y="362"/>
                </a:lnTo>
                <a:lnTo>
                  <a:pt x="541" y="382"/>
                </a:lnTo>
                <a:lnTo>
                  <a:pt x="553" y="394"/>
                </a:lnTo>
                <a:lnTo>
                  <a:pt x="565" y="404"/>
                </a:lnTo>
                <a:lnTo>
                  <a:pt x="577" y="406"/>
                </a:lnTo>
                <a:lnTo>
                  <a:pt x="593" y="418"/>
                </a:lnTo>
                <a:lnTo>
                  <a:pt x="611" y="436"/>
                </a:lnTo>
                <a:lnTo>
                  <a:pt x="627" y="444"/>
                </a:lnTo>
                <a:lnTo>
                  <a:pt x="647" y="448"/>
                </a:lnTo>
                <a:lnTo>
                  <a:pt x="655" y="458"/>
                </a:lnTo>
                <a:lnTo>
                  <a:pt x="665" y="484"/>
                </a:lnTo>
                <a:lnTo>
                  <a:pt x="679" y="518"/>
                </a:lnTo>
                <a:lnTo>
                  <a:pt x="691" y="554"/>
                </a:lnTo>
                <a:lnTo>
                  <a:pt x="715" y="592"/>
                </a:lnTo>
                <a:lnTo>
                  <a:pt x="743" y="612"/>
                </a:lnTo>
                <a:lnTo>
                  <a:pt x="759" y="630"/>
                </a:lnTo>
                <a:lnTo>
                  <a:pt x="773" y="628"/>
                </a:lnTo>
                <a:lnTo>
                  <a:pt x="777" y="640"/>
                </a:lnTo>
                <a:lnTo>
                  <a:pt x="799" y="648"/>
                </a:lnTo>
                <a:lnTo>
                  <a:pt x="815" y="660"/>
                </a:lnTo>
                <a:lnTo>
                  <a:pt x="851" y="658"/>
                </a:lnTo>
                <a:lnTo>
                  <a:pt x="883" y="654"/>
                </a:lnTo>
                <a:lnTo>
                  <a:pt x="903" y="648"/>
                </a:lnTo>
                <a:lnTo>
                  <a:pt x="913" y="654"/>
                </a:lnTo>
                <a:lnTo>
                  <a:pt x="917" y="670"/>
                </a:lnTo>
                <a:lnTo>
                  <a:pt x="903" y="682"/>
                </a:lnTo>
                <a:lnTo>
                  <a:pt x="891" y="690"/>
                </a:lnTo>
                <a:lnTo>
                  <a:pt x="893" y="702"/>
                </a:lnTo>
                <a:lnTo>
                  <a:pt x="907" y="718"/>
                </a:lnTo>
                <a:lnTo>
                  <a:pt x="949" y="734"/>
                </a:lnTo>
                <a:lnTo>
                  <a:pt x="975" y="746"/>
                </a:lnTo>
                <a:lnTo>
                  <a:pt x="1009" y="752"/>
                </a:lnTo>
                <a:lnTo>
                  <a:pt x="1031" y="764"/>
                </a:lnTo>
                <a:lnTo>
                  <a:pt x="1049" y="778"/>
                </a:lnTo>
                <a:lnTo>
                  <a:pt x="1077" y="788"/>
                </a:lnTo>
                <a:lnTo>
                  <a:pt x="1097" y="796"/>
                </a:lnTo>
                <a:lnTo>
                  <a:pt x="1111" y="800"/>
                </a:lnTo>
                <a:lnTo>
                  <a:pt x="1115" y="812"/>
                </a:lnTo>
                <a:lnTo>
                  <a:pt x="1133" y="822"/>
                </a:lnTo>
                <a:lnTo>
                  <a:pt x="1147" y="832"/>
                </a:lnTo>
                <a:lnTo>
                  <a:pt x="1163" y="848"/>
                </a:lnTo>
                <a:lnTo>
                  <a:pt x="1169" y="864"/>
                </a:lnTo>
                <a:lnTo>
                  <a:pt x="1167" y="872"/>
                </a:lnTo>
                <a:lnTo>
                  <a:pt x="1159" y="880"/>
                </a:lnTo>
                <a:lnTo>
                  <a:pt x="1159" y="894"/>
                </a:lnTo>
                <a:lnTo>
                  <a:pt x="1159" y="904"/>
                </a:lnTo>
                <a:lnTo>
                  <a:pt x="1145" y="902"/>
                </a:lnTo>
                <a:lnTo>
                  <a:pt x="1133" y="900"/>
                </a:lnTo>
                <a:lnTo>
                  <a:pt x="1119" y="888"/>
                </a:lnTo>
                <a:lnTo>
                  <a:pt x="1119" y="868"/>
                </a:lnTo>
                <a:lnTo>
                  <a:pt x="1105" y="852"/>
                </a:lnTo>
                <a:lnTo>
                  <a:pt x="1093" y="848"/>
                </a:lnTo>
                <a:lnTo>
                  <a:pt x="1065" y="848"/>
                </a:lnTo>
                <a:lnTo>
                  <a:pt x="1049" y="844"/>
                </a:lnTo>
                <a:lnTo>
                  <a:pt x="1037" y="838"/>
                </a:lnTo>
                <a:lnTo>
                  <a:pt x="1037" y="828"/>
                </a:lnTo>
                <a:lnTo>
                  <a:pt x="1017" y="824"/>
                </a:lnTo>
                <a:lnTo>
                  <a:pt x="1005" y="834"/>
                </a:lnTo>
                <a:lnTo>
                  <a:pt x="995" y="856"/>
                </a:lnTo>
                <a:lnTo>
                  <a:pt x="989" y="872"/>
                </a:lnTo>
                <a:lnTo>
                  <a:pt x="977" y="884"/>
                </a:lnTo>
                <a:lnTo>
                  <a:pt x="977" y="896"/>
                </a:lnTo>
                <a:lnTo>
                  <a:pt x="981" y="904"/>
                </a:lnTo>
                <a:lnTo>
                  <a:pt x="973" y="914"/>
                </a:lnTo>
                <a:lnTo>
                  <a:pt x="971" y="924"/>
                </a:lnTo>
                <a:lnTo>
                  <a:pt x="973" y="942"/>
                </a:lnTo>
                <a:lnTo>
                  <a:pt x="987" y="948"/>
                </a:lnTo>
                <a:lnTo>
                  <a:pt x="1003" y="948"/>
                </a:lnTo>
                <a:lnTo>
                  <a:pt x="1017" y="960"/>
                </a:lnTo>
                <a:lnTo>
                  <a:pt x="1029" y="964"/>
                </a:lnTo>
                <a:lnTo>
                  <a:pt x="1039" y="972"/>
                </a:lnTo>
                <a:lnTo>
                  <a:pt x="1041" y="992"/>
                </a:lnTo>
                <a:lnTo>
                  <a:pt x="1043" y="1008"/>
                </a:lnTo>
                <a:lnTo>
                  <a:pt x="1049" y="1020"/>
                </a:lnTo>
                <a:lnTo>
                  <a:pt x="1043" y="1036"/>
                </a:lnTo>
                <a:lnTo>
                  <a:pt x="1021" y="1034"/>
                </a:lnTo>
                <a:lnTo>
                  <a:pt x="1003" y="1046"/>
                </a:lnTo>
                <a:lnTo>
                  <a:pt x="989" y="1060"/>
                </a:lnTo>
                <a:lnTo>
                  <a:pt x="989" y="1074"/>
                </a:lnTo>
                <a:lnTo>
                  <a:pt x="993" y="1088"/>
                </a:lnTo>
                <a:lnTo>
                  <a:pt x="995" y="1108"/>
                </a:lnTo>
                <a:lnTo>
                  <a:pt x="977" y="1118"/>
                </a:lnTo>
                <a:lnTo>
                  <a:pt x="963" y="1138"/>
                </a:lnTo>
                <a:lnTo>
                  <a:pt x="953" y="1148"/>
                </a:lnTo>
                <a:lnTo>
                  <a:pt x="955" y="1162"/>
                </a:lnTo>
                <a:lnTo>
                  <a:pt x="945" y="1176"/>
                </a:lnTo>
                <a:lnTo>
                  <a:pt x="927" y="1178"/>
                </a:lnTo>
                <a:lnTo>
                  <a:pt x="911" y="1178"/>
                </a:lnTo>
                <a:lnTo>
                  <a:pt x="901" y="1164"/>
                </a:lnTo>
                <a:lnTo>
                  <a:pt x="903" y="1146"/>
                </a:lnTo>
                <a:lnTo>
                  <a:pt x="903" y="1136"/>
                </a:lnTo>
                <a:lnTo>
                  <a:pt x="917" y="1126"/>
                </a:lnTo>
                <a:lnTo>
                  <a:pt x="921" y="1110"/>
                </a:lnTo>
                <a:lnTo>
                  <a:pt x="927" y="1094"/>
                </a:lnTo>
                <a:lnTo>
                  <a:pt x="917" y="1086"/>
                </a:lnTo>
                <a:lnTo>
                  <a:pt x="919" y="1074"/>
                </a:lnTo>
                <a:lnTo>
                  <a:pt x="939" y="1070"/>
                </a:lnTo>
                <a:lnTo>
                  <a:pt x="951" y="1062"/>
                </a:lnTo>
                <a:lnTo>
                  <a:pt x="951" y="1042"/>
                </a:lnTo>
                <a:lnTo>
                  <a:pt x="933" y="1018"/>
                </a:lnTo>
                <a:lnTo>
                  <a:pt x="933" y="996"/>
                </a:lnTo>
                <a:lnTo>
                  <a:pt x="921" y="972"/>
                </a:lnTo>
                <a:lnTo>
                  <a:pt x="907" y="960"/>
                </a:lnTo>
                <a:lnTo>
                  <a:pt x="899" y="932"/>
                </a:lnTo>
                <a:lnTo>
                  <a:pt x="895" y="916"/>
                </a:lnTo>
                <a:lnTo>
                  <a:pt x="885" y="900"/>
                </a:lnTo>
                <a:lnTo>
                  <a:pt x="869" y="896"/>
                </a:lnTo>
                <a:lnTo>
                  <a:pt x="859" y="908"/>
                </a:lnTo>
                <a:lnTo>
                  <a:pt x="849" y="906"/>
                </a:lnTo>
                <a:lnTo>
                  <a:pt x="835" y="892"/>
                </a:lnTo>
                <a:lnTo>
                  <a:pt x="815" y="886"/>
                </a:lnTo>
                <a:lnTo>
                  <a:pt x="805" y="870"/>
                </a:lnTo>
                <a:lnTo>
                  <a:pt x="807" y="850"/>
                </a:lnTo>
                <a:lnTo>
                  <a:pt x="797" y="834"/>
                </a:lnTo>
                <a:lnTo>
                  <a:pt x="787" y="826"/>
                </a:lnTo>
                <a:lnTo>
                  <a:pt x="769" y="832"/>
                </a:lnTo>
                <a:lnTo>
                  <a:pt x="757" y="834"/>
                </a:lnTo>
                <a:lnTo>
                  <a:pt x="745" y="836"/>
                </a:lnTo>
                <a:lnTo>
                  <a:pt x="751" y="824"/>
                </a:lnTo>
                <a:lnTo>
                  <a:pt x="753" y="818"/>
                </a:lnTo>
                <a:lnTo>
                  <a:pt x="745" y="810"/>
                </a:lnTo>
                <a:lnTo>
                  <a:pt x="735" y="802"/>
                </a:lnTo>
                <a:lnTo>
                  <a:pt x="727" y="806"/>
                </a:lnTo>
                <a:lnTo>
                  <a:pt x="725" y="814"/>
                </a:lnTo>
                <a:lnTo>
                  <a:pt x="717" y="814"/>
                </a:lnTo>
                <a:lnTo>
                  <a:pt x="709" y="814"/>
                </a:lnTo>
                <a:lnTo>
                  <a:pt x="705" y="814"/>
                </a:lnTo>
                <a:lnTo>
                  <a:pt x="699" y="808"/>
                </a:lnTo>
                <a:lnTo>
                  <a:pt x="707" y="796"/>
                </a:lnTo>
                <a:lnTo>
                  <a:pt x="697" y="776"/>
                </a:lnTo>
                <a:lnTo>
                  <a:pt x="687" y="764"/>
                </a:lnTo>
                <a:lnTo>
                  <a:pt x="677" y="756"/>
                </a:lnTo>
                <a:lnTo>
                  <a:pt x="667" y="756"/>
                </a:lnTo>
                <a:lnTo>
                  <a:pt x="661" y="762"/>
                </a:lnTo>
                <a:lnTo>
                  <a:pt x="649" y="756"/>
                </a:lnTo>
                <a:lnTo>
                  <a:pt x="635" y="752"/>
                </a:lnTo>
                <a:lnTo>
                  <a:pt x="623" y="756"/>
                </a:lnTo>
                <a:lnTo>
                  <a:pt x="619" y="764"/>
                </a:lnTo>
                <a:lnTo>
                  <a:pt x="607" y="754"/>
                </a:lnTo>
                <a:lnTo>
                  <a:pt x="599" y="738"/>
                </a:lnTo>
                <a:lnTo>
                  <a:pt x="589" y="738"/>
                </a:lnTo>
                <a:lnTo>
                  <a:pt x="571" y="732"/>
                </a:lnTo>
                <a:lnTo>
                  <a:pt x="555" y="712"/>
                </a:lnTo>
                <a:lnTo>
                  <a:pt x="541" y="704"/>
                </a:lnTo>
                <a:lnTo>
                  <a:pt x="529" y="698"/>
                </a:lnTo>
                <a:lnTo>
                  <a:pt x="519" y="674"/>
                </a:lnTo>
                <a:lnTo>
                  <a:pt x="503" y="664"/>
                </a:lnTo>
                <a:lnTo>
                  <a:pt x="485" y="658"/>
                </a:lnTo>
                <a:lnTo>
                  <a:pt x="479" y="646"/>
                </a:lnTo>
                <a:lnTo>
                  <a:pt x="467" y="626"/>
                </a:lnTo>
                <a:lnTo>
                  <a:pt x="451" y="618"/>
                </a:lnTo>
                <a:lnTo>
                  <a:pt x="439" y="614"/>
                </a:lnTo>
                <a:lnTo>
                  <a:pt x="421" y="620"/>
                </a:lnTo>
                <a:lnTo>
                  <a:pt x="417" y="612"/>
                </a:lnTo>
                <a:lnTo>
                  <a:pt x="425" y="606"/>
                </a:lnTo>
                <a:lnTo>
                  <a:pt x="427" y="596"/>
                </a:lnTo>
                <a:lnTo>
                  <a:pt x="411" y="582"/>
                </a:lnTo>
                <a:lnTo>
                  <a:pt x="401" y="572"/>
                </a:lnTo>
                <a:lnTo>
                  <a:pt x="383" y="562"/>
                </a:lnTo>
                <a:lnTo>
                  <a:pt x="385" y="550"/>
                </a:lnTo>
                <a:lnTo>
                  <a:pt x="375" y="544"/>
                </a:lnTo>
                <a:lnTo>
                  <a:pt x="361" y="540"/>
                </a:lnTo>
                <a:lnTo>
                  <a:pt x="361" y="512"/>
                </a:lnTo>
                <a:lnTo>
                  <a:pt x="353" y="488"/>
                </a:lnTo>
                <a:lnTo>
                  <a:pt x="337" y="470"/>
                </a:lnTo>
                <a:lnTo>
                  <a:pt x="335" y="450"/>
                </a:lnTo>
                <a:lnTo>
                  <a:pt x="335" y="428"/>
                </a:lnTo>
                <a:lnTo>
                  <a:pt x="325" y="410"/>
                </a:lnTo>
                <a:lnTo>
                  <a:pt x="307" y="398"/>
                </a:lnTo>
                <a:lnTo>
                  <a:pt x="285" y="398"/>
                </a:lnTo>
                <a:lnTo>
                  <a:pt x="261" y="378"/>
                </a:lnTo>
                <a:lnTo>
                  <a:pt x="242" y="366"/>
                </a:lnTo>
                <a:lnTo>
                  <a:pt x="230" y="364"/>
                </a:lnTo>
                <a:lnTo>
                  <a:pt x="220" y="354"/>
                </a:lnTo>
                <a:lnTo>
                  <a:pt x="196" y="352"/>
                </a:lnTo>
                <a:lnTo>
                  <a:pt x="182" y="358"/>
                </a:lnTo>
                <a:lnTo>
                  <a:pt x="168" y="366"/>
                </a:lnTo>
                <a:lnTo>
                  <a:pt x="160" y="382"/>
                </a:lnTo>
                <a:lnTo>
                  <a:pt x="148" y="390"/>
                </a:lnTo>
                <a:lnTo>
                  <a:pt x="144" y="398"/>
                </a:lnTo>
                <a:lnTo>
                  <a:pt x="136" y="414"/>
                </a:lnTo>
                <a:lnTo>
                  <a:pt x="116" y="426"/>
                </a:lnTo>
                <a:lnTo>
                  <a:pt x="100" y="428"/>
                </a:lnTo>
                <a:lnTo>
                  <a:pt x="90" y="434"/>
                </a:lnTo>
                <a:lnTo>
                  <a:pt x="80" y="432"/>
                </a:lnTo>
                <a:lnTo>
                  <a:pt x="74" y="416"/>
                </a:lnTo>
                <a:lnTo>
                  <a:pt x="86" y="400"/>
                </a:lnTo>
                <a:lnTo>
                  <a:pt x="94" y="394"/>
                </a:lnTo>
                <a:lnTo>
                  <a:pt x="88" y="382"/>
                </a:lnTo>
                <a:lnTo>
                  <a:pt x="64" y="382"/>
                </a:lnTo>
                <a:lnTo>
                  <a:pt x="44" y="374"/>
                </a:lnTo>
                <a:lnTo>
                  <a:pt x="24" y="366"/>
                </a:lnTo>
                <a:lnTo>
                  <a:pt x="18" y="350"/>
                </a:lnTo>
                <a:lnTo>
                  <a:pt x="22" y="340"/>
                </a:lnTo>
                <a:lnTo>
                  <a:pt x="16" y="326"/>
                </a:lnTo>
                <a:lnTo>
                  <a:pt x="28" y="314"/>
                </a:lnTo>
                <a:lnTo>
                  <a:pt x="38" y="304"/>
                </a:lnTo>
                <a:lnTo>
                  <a:pt x="32" y="290"/>
                </a:lnTo>
                <a:lnTo>
                  <a:pt x="14" y="286"/>
                </a:lnTo>
                <a:lnTo>
                  <a:pt x="10" y="278"/>
                </a:lnTo>
                <a:lnTo>
                  <a:pt x="10" y="270"/>
                </a:lnTo>
                <a:lnTo>
                  <a:pt x="0" y="256"/>
                </a:lnTo>
                <a:lnTo>
                  <a:pt x="12" y="250"/>
                </a:lnTo>
                <a:lnTo>
                  <a:pt x="24" y="252"/>
                </a:lnTo>
                <a:lnTo>
                  <a:pt x="32" y="242"/>
                </a:lnTo>
                <a:lnTo>
                  <a:pt x="44" y="240"/>
                </a:lnTo>
                <a:lnTo>
                  <a:pt x="44" y="228"/>
                </a:lnTo>
                <a:lnTo>
                  <a:pt x="52" y="220"/>
                </a:lnTo>
                <a:lnTo>
                  <a:pt x="36" y="206"/>
                </a:lnTo>
                <a:lnTo>
                  <a:pt x="32" y="188"/>
                </a:lnTo>
                <a:lnTo>
                  <a:pt x="22" y="180"/>
                </a:lnTo>
                <a:lnTo>
                  <a:pt x="16" y="170"/>
                </a:lnTo>
                <a:lnTo>
                  <a:pt x="24" y="158"/>
                </a:lnTo>
                <a:lnTo>
                  <a:pt x="38" y="160"/>
                </a:lnTo>
                <a:lnTo>
                  <a:pt x="40" y="152"/>
                </a:lnTo>
                <a:lnTo>
                  <a:pt x="48" y="158"/>
                </a:lnTo>
                <a:lnTo>
                  <a:pt x="76" y="152"/>
                </a:lnTo>
                <a:lnTo>
                  <a:pt x="96" y="146"/>
                </a:lnTo>
                <a:lnTo>
                  <a:pt x="114" y="154"/>
                </a:lnTo>
                <a:lnTo>
                  <a:pt x="130" y="144"/>
                </a:lnTo>
                <a:lnTo>
                  <a:pt x="142" y="122"/>
                </a:lnTo>
                <a:lnTo>
                  <a:pt x="140" y="112"/>
                </a:lnTo>
                <a:lnTo>
                  <a:pt x="138" y="108"/>
                </a:lnTo>
                <a:lnTo>
                  <a:pt x="148" y="106"/>
                </a:lnTo>
                <a:lnTo>
                  <a:pt x="160" y="88"/>
                </a:lnTo>
                <a:lnTo>
                  <a:pt x="172" y="86"/>
                </a:lnTo>
                <a:lnTo>
                  <a:pt x="172" y="116"/>
                </a:lnTo>
                <a:lnTo>
                  <a:pt x="190" y="132"/>
                </a:lnTo>
                <a:lnTo>
                  <a:pt x="206" y="134"/>
                </a:lnTo>
                <a:lnTo>
                  <a:pt x="202" y="146"/>
                </a:lnTo>
                <a:lnTo>
                  <a:pt x="210" y="154"/>
                </a:lnTo>
                <a:lnTo>
                  <a:pt x="214" y="168"/>
                </a:lnTo>
                <a:lnTo>
                  <a:pt x="226" y="166"/>
                </a:lnTo>
                <a:lnTo>
                  <a:pt x="220" y="152"/>
                </a:lnTo>
                <a:lnTo>
                  <a:pt x="220" y="138"/>
                </a:lnTo>
                <a:lnTo>
                  <a:pt x="244" y="116"/>
                </a:lnTo>
                <a:lnTo>
                  <a:pt x="244" y="84"/>
                </a:lnTo>
                <a:lnTo>
                  <a:pt x="261" y="84"/>
                </a:lnTo>
                <a:lnTo>
                  <a:pt x="263" y="100"/>
                </a:lnTo>
                <a:lnTo>
                  <a:pt x="279" y="108"/>
                </a:lnTo>
                <a:lnTo>
                  <a:pt x="303" y="96"/>
                </a:lnTo>
                <a:lnTo>
                  <a:pt x="317" y="116"/>
                </a:lnTo>
                <a:lnTo>
                  <a:pt x="327" y="112"/>
                </a:lnTo>
                <a:lnTo>
                  <a:pt x="323" y="104"/>
                </a:lnTo>
                <a:lnTo>
                  <a:pt x="325" y="94"/>
                </a:lnTo>
                <a:lnTo>
                  <a:pt x="313" y="80"/>
                </a:lnTo>
                <a:lnTo>
                  <a:pt x="327" y="66"/>
                </a:lnTo>
                <a:lnTo>
                  <a:pt x="337" y="76"/>
                </a:lnTo>
                <a:lnTo>
                  <a:pt x="353" y="76"/>
                </a:lnTo>
                <a:lnTo>
                  <a:pt x="353" y="66"/>
                </a:lnTo>
                <a:lnTo>
                  <a:pt x="347" y="60"/>
                </a:lnTo>
                <a:lnTo>
                  <a:pt x="347" y="52"/>
                </a:lnTo>
                <a:lnTo>
                  <a:pt x="353" y="36"/>
                </a:lnTo>
                <a:lnTo>
                  <a:pt x="369" y="32"/>
                </a:lnTo>
                <a:lnTo>
                  <a:pt x="383" y="46"/>
                </a:lnTo>
                <a:lnTo>
                  <a:pt x="407" y="44"/>
                </a:lnTo>
                <a:lnTo>
                  <a:pt x="407" y="26"/>
                </a:lnTo>
                <a:lnTo>
                  <a:pt x="419" y="18"/>
                </a:lnTo>
                <a:lnTo>
                  <a:pt x="471" y="14"/>
                </a:lnTo>
                <a:lnTo>
                  <a:pt x="505" y="0"/>
                </a:lnTo>
                <a:lnTo>
                  <a:pt x="509" y="8"/>
                </a:lnTo>
                <a:lnTo>
                  <a:pt x="497" y="12"/>
                </a:lnTo>
                <a:lnTo>
                  <a:pt x="499" y="24"/>
                </a:lnTo>
                <a:lnTo>
                  <a:pt x="515" y="28"/>
                </a:lnTo>
                <a:lnTo>
                  <a:pt x="515" y="40"/>
                </a:lnTo>
                <a:lnTo>
                  <a:pt x="533" y="56"/>
                </a:lnTo>
                <a:lnTo>
                  <a:pt x="555" y="62"/>
                </a:lnTo>
                <a:lnTo>
                  <a:pt x="577" y="64"/>
                </a:lnTo>
                <a:lnTo>
                  <a:pt x="645" y="70"/>
                </a:lnTo>
                <a:lnTo>
                  <a:pt x="619" y="92"/>
                </a:lnTo>
                <a:lnTo>
                  <a:pt x="617" y="108"/>
                </a:lnTo>
                <a:lnTo>
                  <a:pt x="639" y="116"/>
                </a:lnTo>
                <a:lnTo>
                  <a:pt x="625" y="132"/>
                </a:lnTo>
                <a:lnTo>
                  <a:pt x="627" y="142"/>
                </a:lnTo>
                <a:lnTo>
                  <a:pt x="643" y="144"/>
                </a:lnTo>
                <a:lnTo>
                  <a:pt x="637" y="15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1936" name="Freeform 114"/>
          <p:cNvSpPr>
            <a:spLocks/>
          </p:cNvSpPr>
          <p:nvPr/>
        </p:nvSpPr>
        <p:spPr bwMode="auto">
          <a:xfrm>
            <a:off x="5772150" y="6369050"/>
            <a:ext cx="69850" cy="84138"/>
          </a:xfrm>
          <a:custGeom>
            <a:avLst/>
            <a:gdLst>
              <a:gd name="T0" fmla="*/ 2147483647 w 30"/>
              <a:gd name="T1" fmla="*/ 0 h 22"/>
              <a:gd name="T2" fmla="*/ 2147483647 w 30"/>
              <a:gd name="T3" fmla="*/ 2147483647 h 22"/>
              <a:gd name="T4" fmla="*/ 2147483647 w 30"/>
              <a:gd name="T5" fmla="*/ 2147483647 h 22"/>
              <a:gd name="T6" fmla="*/ 2147483647 w 30"/>
              <a:gd name="T7" fmla="*/ 2147483647 h 22"/>
              <a:gd name="T8" fmla="*/ 2147483647 w 30"/>
              <a:gd name="T9" fmla="*/ 2147483647 h 22"/>
              <a:gd name="T10" fmla="*/ 2147483647 w 30"/>
              <a:gd name="T11" fmla="*/ 2147483647 h 22"/>
              <a:gd name="T12" fmla="*/ 2147483647 w 30"/>
              <a:gd name="T13" fmla="*/ 2147483647 h 22"/>
              <a:gd name="T14" fmla="*/ 0 w 30"/>
              <a:gd name="T15" fmla="*/ 2147483647 h 22"/>
              <a:gd name="T16" fmla="*/ 0 w 30"/>
              <a:gd name="T17" fmla="*/ 2147483647 h 22"/>
              <a:gd name="T18" fmla="*/ 2147483647 w 30"/>
              <a:gd name="T19" fmla="*/ 0 h 22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30" h="22">
                <a:moveTo>
                  <a:pt x="8" y="0"/>
                </a:moveTo>
                <a:lnTo>
                  <a:pt x="18" y="2"/>
                </a:lnTo>
                <a:lnTo>
                  <a:pt x="26" y="6"/>
                </a:lnTo>
                <a:lnTo>
                  <a:pt x="30" y="14"/>
                </a:lnTo>
                <a:lnTo>
                  <a:pt x="24" y="22"/>
                </a:lnTo>
                <a:lnTo>
                  <a:pt x="16" y="22"/>
                </a:lnTo>
                <a:lnTo>
                  <a:pt x="2" y="18"/>
                </a:lnTo>
                <a:lnTo>
                  <a:pt x="0" y="10"/>
                </a:lnTo>
                <a:lnTo>
                  <a:pt x="0" y="2"/>
                </a:lnTo>
                <a:lnTo>
                  <a:pt x="8" y="0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pic>
        <p:nvPicPr>
          <p:cNvPr id="121937" name="Picture 115" descr="logoiotf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115300" y="6218238"/>
            <a:ext cx="1028700" cy="5826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96500" name="Rectangle 116"/>
          <p:cNvSpPr>
            <a:spLocks noChangeArrowheads="1"/>
          </p:cNvSpPr>
          <p:nvPr/>
        </p:nvSpPr>
        <p:spPr bwMode="auto">
          <a:xfrm>
            <a:off x="0" y="6597650"/>
            <a:ext cx="9144000" cy="260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eaLnBrk="0" hangingPunct="0">
              <a:defRPr/>
            </a:pPr>
            <a:r>
              <a:rPr lang="en-GB" sz="1000">
                <a:solidFill>
                  <a:schemeClr val="tx1"/>
                </a:solidFill>
                <a:latin typeface="Arial" charset="0"/>
                <a:cs typeface="Arial" charset="0"/>
              </a:rPr>
              <a:t>© International Obesity TaskForce 2005</a:t>
            </a:r>
            <a:r>
              <a:rPr lang="en-US" sz="1100">
                <a:solidFill>
                  <a:schemeClr val="tx1"/>
                </a:solidFill>
                <a:latin typeface="Times" charset="0"/>
                <a:cs typeface="+mn-cs"/>
              </a:rPr>
              <a:t> </a:t>
            </a:r>
            <a:endParaRPr lang="en-US" sz="2400">
              <a:solidFill>
                <a:schemeClr val="tx1"/>
              </a:solidFill>
              <a:latin typeface="Times" charset="0"/>
              <a:cs typeface="+mn-cs"/>
            </a:endParaRPr>
          </a:p>
        </p:txBody>
      </p:sp>
      <p:graphicFrame>
        <p:nvGraphicFramePr>
          <p:cNvPr id="1296501" name="Group 117"/>
          <p:cNvGraphicFramePr>
            <a:graphicFrameLocks noGrp="1"/>
          </p:cNvGraphicFramePr>
          <p:nvPr/>
        </p:nvGraphicFramePr>
        <p:xfrm>
          <a:off x="7812088" y="476250"/>
          <a:ext cx="1081087" cy="3413297"/>
        </p:xfrm>
        <a:graphic>
          <a:graphicData uri="http://schemas.openxmlformats.org/drawingml/2006/table">
            <a:tbl>
              <a:tblPr/>
              <a:tblGrid>
                <a:gridCol w="254000"/>
                <a:gridCol w="827087"/>
              </a:tblGrid>
              <a:tr h="304721">
                <a:tc gridSpan="2"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% Obesity</a:t>
                      </a:r>
                      <a:endParaRPr kumimoji="0" lang="en-GB" sz="14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&lt; 5 % 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CC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5-9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99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10-14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66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15-19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00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20-24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8000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≥ 25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1296526" name="Text Box 142"/>
          <p:cNvSpPr txBox="1">
            <a:spLocks noChangeArrowheads="1"/>
          </p:cNvSpPr>
          <p:nvPr/>
        </p:nvSpPr>
        <p:spPr bwMode="auto">
          <a:xfrm>
            <a:off x="3276600" y="52578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p</a:t>
            </a:r>
          </a:p>
        </p:txBody>
      </p:sp>
      <p:sp>
        <p:nvSpPr>
          <p:cNvPr id="1296527" name="Text Box 143"/>
          <p:cNvSpPr txBox="1">
            <a:spLocks noChangeArrowheads="1"/>
          </p:cNvSpPr>
          <p:nvPr/>
        </p:nvSpPr>
        <p:spPr bwMode="auto">
          <a:xfrm>
            <a:off x="4191000" y="4419600"/>
            <a:ext cx="4572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f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28" name="Text Box 144"/>
          <p:cNvSpPr txBox="1">
            <a:spLocks noChangeArrowheads="1"/>
          </p:cNvSpPr>
          <p:nvPr/>
        </p:nvSpPr>
        <p:spPr bwMode="auto">
          <a:xfrm>
            <a:off x="2590800" y="5410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po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29" name="Text Box 145"/>
          <p:cNvSpPr txBox="1">
            <a:spLocks noChangeArrowheads="1"/>
          </p:cNvSpPr>
          <p:nvPr/>
        </p:nvSpPr>
        <p:spPr bwMode="auto">
          <a:xfrm>
            <a:off x="5867400" y="34290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pol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30" name="Text Box 146"/>
          <p:cNvSpPr txBox="1">
            <a:spLocks noChangeArrowheads="1"/>
          </p:cNvSpPr>
          <p:nvPr/>
        </p:nvSpPr>
        <p:spPr bwMode="auto">
          <a:xfrm>
            <a:off x="5105400" y="4648200"/>
            <a:ext cx="4572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it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31" name="Text Box 147"/>
          <p:cNvSpPr txBox="1">
            <a:spLocks noChangeArrowheads="1"/>
          </p:cNvSpPr>
          <p:nvPr/>
        </p:nvSpPr>
        <p:spPr bwMode="auto">
          <a:xfrm>
            <a:off x="3810000" y="32766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uk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32" name="Text Box 148"/>
          <p:cNvSpPr txBox="1">
            <a:spLocks noChangeArrowheads="1"/>
          </p:cNvSpPr>
          <p:nvPr/>
        </p:nvSpPr>
        <p:spPr bwMode="auto">
          <a:xfrm>
            <a:off x="4953000" y="36576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ge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33" name="Text Box 149"/>
          <p:cNvSpPr txBox="1">
            <a:spLocks noChangeArrowheads="1"/>
          </p:cNvSpPr>
          <p:nvPr/>
        </p:nvSpPr>
        <p:spPr bwMode="auto">
          <a:xfrm>
            <a:off x="5410200" y="22098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we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34" name="Text Box 150"/>
          <p:cNvSpPr txBox="1">
            <a:spLocks noChangeArrowheads="1"/>
          </p:cNvSpPr>
          <p:nvPr/>
        </p:nvSpPr>
        <p:spPr bwMode="auto">
          <a:xfrm>
            <a:off x="4876800" y="1981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no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35" name="Text Box 151"/>
          <p:cNvSpPr txBox="1">
            <a:spLocks noChangeArrowheads="1"/>
          </p:cNvSpPr>
          <p:nvPr/>
        </p:nvSpPr>
        <p:spPr bwMode="auto">
          <a:xfrm>
            <a:off x="4800600" y="43434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w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36" name="Text Box 152"/>
          <p:cNvSpPr txBox="1">
            <a:spLocks noChangeArrowheads="1"/>
          </p:cNvSpPr>
          <p:nvPr/>
        </p:nvSpPr>
        <p:spPr bwMode="auto">
          <a:xfrm>
            <a:off x="5486400" y="4267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aus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37" name="Text Box 153"/>
          <p:cNvSpPr txBox="1">
            <a:spLocks noChangeArrowheads="1"/>
          </p:cNvSpPr>
          <p:nvPr/>
        </p:nvSpPr>
        <p:spPr bwMode="auto">
          <a:xfrm>
            <a:off x="4419600" y="36576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bel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38" name="Text Box 154"/>
          <p:cNvSpPr txBox="1">
            <a:spLocks noChangeArrowheads="1"/>
          </p:cNvSpPr>
          <p:nvPr/>
        </p:nvSpPr>
        <p:spPr bwMode="auto">
          <a:xfrm>
            <a:off x="4495800" y="34290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net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39" name="Text Box 155"/>
          <p:cNvSpPr txBox="1">
            <a:spLocks noChangeArrowheads="1"/>
          </p:cNvSpPr>
          <p:nvPr/>
        </p:nvSpPr>
        <p:spPr bwMode="auto">
          <a:xfrm>
            <a:off x="6172200" y="1600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fin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40" name="Text Box 156"/>
          <p:cNvSpPr txBox="1">
            <a:spLocks noChangeArrowheads="1"/>
          </p:cNvSpPr>
          <p:nvPr/>
        </p:nvSpPr>
        <p:spPr bwMode="auto">
          <a:xfrm>
            <a:off x="3200400" y="3124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ire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96541" name="Text Box 157"/>
          <p:cNvSpPr txBox="1">
            <a:spLocks noChangeArrowheads="1"/>
          </p:cNvSpPr>
          <p:nvPr/>
        </p:nvSpPr>
        <p:spPr bwMode="auto">
          <a:xfrm>
            <a:off x="4953000" y="28194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den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1872256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04578" name="Rectangle 2"/>
          <p:cNvSpPr>
            <a:spLocks noChangeArrowheads="1"/>
          </p:cNvSpPr>
          <p:nvPr/>
        </p:nvSpPr>
        <p:spPr bwMode="auto">
          <a:xfrm>
            <a:off x="395288" y="1268413"/>
            <a:ext cx="2232025" cy="331311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anchor="ctr"/>
          <a:lstStyle/>
          <a:p>
            <a:pPr>
              <a:defRPr/>
            </a:pPr>
            <a:r>
              <a:rPr lang="en-GB" sz="2800" b="1">
                <a:solidFill>
                  <a:srgbClr val="0000FF"/>
                </a:solidFill>
                <a:cs typeface="+mn-cs"/>
              </a:rPr>
              <a:t>Males </a:t>
            </a:r>
            <a:br>
              <a:rPr lang="en-GB" sz="2800" b="1">
                <a:solidFill>
                  <a:srgbClr val="0000FF"/>
                </a:solidFill>
                <a:cs typeface="+mn-cs"/>
              </a:rPr>
            </a:br>
            <a:r>
              <a:rPr lang="en-GB" sz="2800" b="1">
                <a:solidFill>
                  <a:srgbClr val="0000FF"/>
                </a:solidFill>
                <a:cs typeface="+mn-cs"/>
              </a:rPr>
              <a:t>2000-2005</a:t>
            </a:r>
          </a:p>
        </p:txBody>
      </p:sp>
      <p:sp>
        <p:nvSpPr>
          <p:cNvPr id="123906" name="Freeform 3"/>
          <p:cNvSpPr>
            <a:spLocks/>
          </p:cNvSpPr>
          <p:nvPr/>
        </p:nvSpPr>
        <p:spPr bwMode="auto">
          <a:xfrm>
            <a:off x="5611813" y="3160713"/>
            <a:ext cx="1076325" cy="917575"/>
          </a:xfrm>
          <a:custGeom>
            <a:avLst/>
            <a:gdLst>
              <a:gd name="T0" fmla="*/ 2147483647 w 832"/>
              <a:gd name="T1" fmla="*/ 2147483647 h 709"/>
              <a:gd name="T2" fmla="*/ 2147483647 w 832"/>
              <a:gd name="T3" fmla="*/ 2147483647 h 709"/>
              <a:gd name="T4" fmla="*/ 2147483647 w 832"/>
              <a:gd name="T5" fmla="*/ 2147483647 h 709"/>
              <a:gd name="T6" fmla="*/ 2147483647 w 832"/>
              <a:gd name="T7" fmla="*/ 2147483647 h 709"/>
              <a:gd name="T8" fmla="*/ 2147483647 w 832"/>
              <a:gd name="T9" fmla="*/ 2147483647 h 709"/>
              <a:gd name="T10" fmla="*/ 2147483647 w 832"/>
              <a:gd name="T11" fmla="*/ 2147483647 h 709"/>
              <a:gd name="T12" fmla="*/ 2147483647 w 832"/>
              <a:gd name="T13" fmla="*/ 2147483647 h 709"/>
              <a:gd name="T14" fmla="*/ 2147483647 w 832"/>
              <a:gd name="T15" fmla="*/ 2147483647 h 709"/>
              <a:gd name="T16" fmla="*/ 2147483647 w 832"/>
              <a:gd name="T17" fmla="*/ 2147483647 h 709"/>
              <a:gd name="T18" fmla="*/ 2147483647 w 832"/>
              <a:gd name="T19" fmla="*/ 2147483647 h 709"/>
              <a:gd name="T20" fmla="*/ 2147483647 w 832"/>
              <a:gd name="T21" fmla="*/ 2147483647 h 709"/>
              <a:gd name="T22" fmla="*/ 2147483647 w 832"/>
              <a:gd name="T23" fmla="*/ 2147483647 h 709"/>
              <a:gd name="T24" fmla="*/ 2147483647 w 832"/>
              <a:gd name="T25" fmla="*/ 2147483647 h 709"/>
              <a:gd name="T26" fmla="*/ 2147483647 w 832"/>
              <a:gd name="T27" fmla="*/ 2147483647 h 709"/>
              <a:gd name="T28" fmla="*/ 2147483647 w 832"/>
              <a:gd name="T29" fmla="*/ 2147483647 h 709"/>
              <a:gd name="T30" fmla="*/ 2147483647 w 832"/>
              <a:gd name="T31" fmla="*/ 2147483647 h 709"/>
              <a:gd name="T32" fmla="*/ 2147483647 w 832"/>
              <a:gd name="T33" fmla="*/ 2147483647 h 709"/>
              <a:gd name="T34" fmla="*/ 2147483647 w 832"/>
              <a:gd name="T35" fmla="*/ 2147483647 h 709"/>
              <a:gd name="T36" fmla="*/ 2147483647 w 832"/>
              <a:gd name="T37" fmla="*/ 2147483647 h 709"/>
              <a:gd name="T38" fmla="*/ 2147483647 w 832"/>
              <a:gd name="T39" fmla="*/ 2147483647 h 709"/>
              <a:gd name="T40" fmla="*/ 2147483647 w 832"/>
              <a:gd name="T41" fmla="*/ 2147483647 h 709"/>
              <a:gd name="T42" fmla="*/ 2147483647 w 832"/>
              <a:gd name="T43" fmla="*/ 2147483647 h 709"/>
              <a:gd name="T44" fmla="*/ 2147483647 w 832"/>
              <a:gd name="T45" fmla="*/ 2147483647 h 709"/>
              <a:gd name="T46" fmla="*/ 2147483647 w 832"/>
              <a:gd name="T47" fmla="*/ 2147483647 h 709"/>
              <a:gd name="T48" fmla="*/ 2147483647 w 832"/>
              <a:gd name="T49" fmla="*/ 2147483647 h 709"/>
              <a:gd name="T50" fmla="*/ 2147483647 w 832"/>
              <a:gd name="T51" fmla="*/ 2147483647 h 709"/>
              <a:gd name="T52" fmla="*/ 2147483647 w 832"/>
              <a:gd name="T53" fmla="*/ 2147483647 h 709"/>
              <a:gd name="T54" fmla="*/ 2147483647 w 832"/>
              <a:gd name="T55" fmla="*/ 2147483647 h 709"/>
              <a:gd name="T56" fmla="*/ 2147483647 w 832"/>
              <a:gd name="T57" fmla="*/ 2147483647 h 709"/>
              <a:gd name="T58" fmla="*/ 2147483647 w 832"/>
              <a:gd name="T59" fmla="*/ 2147483647 h 709"/>
              <a:gd name="T60" fmla="*/ 2147483647 w 832"/>
              <a:gd name="T61" fmla="*/ 2147483647 h 709"/>
              <a:gd name="T62" fmla="*/ 2147483647 w 832"/>
              <a:gd name="T63" fmla="*/ 2147483647 h 709"/>
              <a:gd name="T64" fmla="*/ 2147483647 w 832"/>
              <a:gd name="T65" fmla="*/ 2147483647 h 709"/>
              <a:gd name="T66" fmla="*/ 2147483647 w 832"/>
              <a:gd name="T67" fmla="*/ 2147483647 h 709"/>
              <a:gd name="T68" fmla="*/ 2147483647 w 832"/>
              <a:gd name="T69" fmla="*/ 2147483647 h 709"/>
              <a:gd name="T70" fmla="*/ 2147483647 w 832"/>
              <a:gd name="T71" fmla="*/ 2147483647 h 709"/>
              <a:gd name="T72" fmla="*/ 2147483647 w 832"/>
              <a:gd name="T73" fmla="*/ 2147483647 h 709"/>
              <a:gd name="T74" fmla="*/ 2147483647 w 832"/>
              <a:gd name="T75" fmla="*/ 2147483647 h 709"/>
              <a:gd name="T76" fmla="*/ 2147483647 w 832"/>
              <a:gd name="T77" fmla="*/ 2147483647 h 709"/>
              <a:gd name="T78" fmla="*/ 2147483647 w 832"/>
              <a:gd name="T79" fmla="*/ 2147483647 h 709"/>
              <a:gd name="T80" fmla="*/ 2147483647 w 832"/>
              <a:gd name="T81" fmla="*/ 2147483647 h 709"/>
              <a:gd name="T82" fmla="*/ 2147483647 w 832"/>
              <a:gd name="T83" fmla="*/ 2147483647 h 709"/>
              <a:gd name="T84" fmla="*/ 2147483647 w 832"/>
              <a:gd name="T85" fmla="*/ 2147483647 h 709"/>
              <a:gd name="T86" fmla="*/ 2147483647 w 832"/>
              <a:gd name="T87" fmla="*/ 2147483647 h 709"/>
              <a:gd name="T88" fmla="*/ 2147483647 w 832"/>
              <a:gd name="T89" fmla="*/ 2147483647 h 709"/>
              <a:gd name="T90" fmla="*/ 2147483647 w 832"/>
              <a:gd name="T91" fmla="*/ 2147483647 h 709"/>
              <a:gd name="T92" fmla="*/ 2147483647 w 832"/>
              <a:gd name="T93" fmla="*/ 2147483647 h 709"/>
              <a:gd name="T94" fmla="*/ 2147483647 w 832"/>
              <a:gd name="T95" fmla="*/ 2147483647 h 709"/>
              <a:gd name="T96" fmla="*/ 2147483647 w 832"/>
              <a:gd name="T97" fmla="*/ 2147483647 h 709"/>
              <a:gd name="T98" fmla="*/ 2147483647 w 832"/>
              <a:gd name="T99" fmla="*/ 2147483647 h 709"/>
              <a:gd name="T100" fmla="*/ 0 w 832"/>
              <a:gd name="T101" fmla="*/ 2147483647 h 709"/>
              <a:gd name="T102" fmla="*/ 2147483647 w 832"/>
              <a:gd name="T103" fmla="*/ 2147483647 h 709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832" h="709">
                <a:moveTo>
                  <a:pt x="0" y="152"/>
                </a:moveTo>
                <a:lnTo>
                  <a:pt x="10" y="158"/>
                </a:lnTo>
                <a:lnTo>
                  <a:pt x="26" y="160"/>
                </a:lnTo>
                <a:lnTo>
                  <a:pt x="14" y="142"/>
                </a:lnTo>
                <a:lnTo>
                  <a:pt x="46" y="124"/>
                </a:lnTo>
                <a:lnTo>
                  <a:pt x="96" y="104"/>
                </a:lnTo>
                <a:lnTo>
                  <a:pt x="144" y="86"/>
                </a:lnTo>
                <a:lnTo>
                  <a:pt x="166" y="52"/>
                </a:lnTo>
                <a:lnTo>
                  <a:pt x="194" y="44"/>
                </a:lnTo>
                <a:lnTo>
                  <a:pt x="222" y="20"/>
                </a:lnTo>
                <a:lnTo>
                  <a:pt x="244" y="14"/>
                </a:lnTo>
                <a:lnTo>
                  <a:pt x="270" y="4"/>
                </a:lnTo>
                <a:lnTo>
                  <a:pt x="298" y="0"/>
                </a:lnTo>
                <a:lnTo>
                  <a:pt x="306" y="6"/>
                </a:lnTo>
                <a:lnTo>
                  <a:pt x="308" y="14"/>
                </a:lnTo>
                <a:lnTo>
                  <a:pt x="318" y="28"/>
                </a:lnTo>
                <a:lnTo>
                  <a:pt x="322" y="44"/>
                </a:lnTo>
                <a:lnTo>
                  <a:pt x="332" y="56"/>
                </a:lnTo>
                <a:lnTo>
                  <a:pt x="352" y="60"/>
                </a:lnTo>
                <a:lnTo>
                  <a:pt x="376" y="56"/>
                </a:lnTo>
                <a:lnTo>
                  <a:pt x="392" y="46"/>
                </a:lnTo>
                <a:lnTo>
                  <a:pt x="398" y="36"/>
                </a:lnTo>
                <a:lnTo>
                  <a:pt x="400" y="38"/>
                </a:lnTo>
                <a:lnTo>
                  <a:pt x="392" y="48"/>
                </a:lnTo>
                <a:lnTo>
                  <a:pt x="384" y="54"/>
                </a:lnTo>
                <a:lnTo>
                  <a:pt x="380" y="60"/>
                </a:lnTo>
                <a:lnTo>
                  <a:pt x="388" y="64"/>
                </a:lnTo>
                <a:lnTo>
                  <a:pt x="398" y="54"/>
                </a:lnTo>
                <a:lnTo>
                  <a:pt x="406" y="44"/>
                </a:lnTo>
                <a:lnTo>
                  <a:pt x="414" y="38"/>
                </a:lnTo>
                <a:lnTo>
                  <a:pt x="436" y="36"/>
                </a:lnTo>
                <a:lnTo>
                  <a:pt x="484" y="36"/>
                </a:lnTo>
                <a:lnTo>
                  <a:pt x="538" y="36"/>
                </a:lnTo>
                <a:lnTo>
                  <a:pt x="570" y="30"/>
                </a:lnTo>
                <a:lnTo>
                  <a:pt x="598" y="24"/>
                </a:lnTo>
                <a:lnTo>
                  <a:pt x="624" y="18"/>
                </a:lnTo>
                <a:lnTo>
                  <a:pt x="640" y="6"/>
                </a:lnTo>
                <a:lnTo>
                  <a:pt x="650" y="4"/>
                </a:lnTo>
                <a:lnTo>
                  <a:pt x="670" y="16"/>
                </a:lnTo>
                <a:lnTo>
                  <a:pt x="682" y="18"/>
                </a:lnTo>
                <a:lnTo>
                  <a:pt x="696" y="34"/>
                </a:lnTo>
                <a:lnTo>
                  <a:pt x="702" y="58"/>
                </a:lnTo>
                <a:lnTo>
                  <a:pt x="716" y="86"/>
                </a:lnTo>
                <a:lnTo>
                  <a:pt x="732" y="120"/>
                </a:lnTo>
                <a:lnTo>
                  <a:pt x="750" y="150"/>
                </a:lnTo>
                <a:lnTo>
                  <a:pt x="766" y="205"/>
                </a:lnTo>
                <a:lnTo>
                  <a:pt x="740" y="227"/>
                </a:lnTo>
                <a:lnTo>
                  <a:pt x="726" y="237"/>
                </a:lnTo>
                <a:lnTo>
                  <a:pt x="720" y="261"/>
                </a:lnTo>
                <a:lnTo>
                  <a:pt x="720" y="277"/>
                </a:lnTo>
                <a:lnTo>
                  <a:pt x="738" y="277"/>
                </a:lnTo>
                <a:lnTo>
                  <a:pt x="754" y="287"/>
                </a:lnTo>
                <a:lnTo>
                  <a:pt x="762" y="299"/>
                </a:lnTo>
                <a:lnTo>
                  <a:pt x="764" y="331"/>
                </a:lnTo>
                <a:lnTo>
                  <a:pt x="758" y="335"/>
                </a:lnTo>
                <a:lnTo>
                  <a:pt x="758" y="345"/>
                </a:lnTo>
                <a:lnTo>
                  <a:pt x="762" y="359"/>
                </a:lnTo>
                <a:lnTo>
                  <a:pt x="770" y="359"/>
                </a:lnTo>
                <a:lnTo>
                  <a:pt x="778" y="375"/>
                </a:lnTo>
                <a:lnTo>
                  <a:pt x="778" y="389"/>
                </a:lnTo>
                <a:lnTo>
                  <a:pt x="798" y="405"/>
                </a:lnTo>
                <a:lnTo>
                  <a:pt x="798" y="413"/>
                </a:lnTo>
                <a:lnTo>
                  <a:pt x="826" y="437"/>
                </a:lnTo>
                <a:lnTo>
                  <a:pt x="826" y="443"/>
                </a:lnTo>
                <a:lnTo>
                  <a:pt x="816" y="445"/>
                </a:lnTo>
                <a:lnTo>
                  <a:pt x="816" y="453"/>
                </a:lnTo>
                <a:lnTo>
                  <a:pt x="830" y="465"/>
                </a:lnTo>
                <a:lnTo>
                  <a:pt x="832" y="485"/>
                </a:lnTo>
                <a:lnTo>
                  <a:pt x="822" y="501"/>
                </a:lnTo>
                <a:lnTo>
                  <a:pt x="806" y="505"/>
                </a:lnTo>
                <a:lnTo>
                  <a:pt x="794" y="525"/>
                </a:lnTo>
                <a:lnTo>
                  <a:pt x="774" y="555"/>
                </a:lnTo>
                <a:lnTo>
                  <a:pt x="756" y="589"/>
                </a:lnTo>
                <a:lnTo>
                  <a:pt x="740" y="621"/>
                </a:lnTo>
                <a:lnTo>
                  <a:pt x="742" y="635"/>
                </a:lnTo>
                <a:lnTo>
                  <a:pt x="750" y="653"/>
                </a:lnTo>
                <a:lnTo>
                  <a:pt x="754" y="673"/>
                </a:lnTo>
                <a:lnTo>
                  <a:pt x="766" y="681"/>
                </a:lnTo>
                <a:lnTo>
                  <a:pt x="764" y="689"/>
                </a:lnTo>
                <a:lnTo>
                  <a:pt x="748" y="689"/>
                </a:lnTo>
                <a:lnTo>
                  <a:pt x="738" y="689"/>
                </a:lnTo>
                <a:lnTo>
                  <a:pt x="724" y="681"/>
                </a:lnTo>
                <a:lnTo>
                  <a:pt x="702" y="681"/>
                </a:lnTo>
                <a:lnTo>
                  <a:pt x="682" y="661"/>
                </a:lnTo>
                <a:lnTo>
                  <a:pt x="656" y="653"/>
                </a:lnTo>
                <a:lnTo>
                  <a:pt x="642" y="661"/>
                </a:lnTo>
                <a:lnTo>
                  <a:pt x="610" y="661"/>
                </a:lnTo>
                <a:lnTo>
                  <a:pt x="610" y="675"/>
                </a:lnTo>
                <a:lnTo>
                  <a:pt x="592" y="681"/>
                </a:lnTo>
                <a:lnTo>
                  <a:pt x="578" y="669"/>
                </a:lnTo>
                <a:lnTo>
                  <a:pt x="552" y="675"/>
                </a:lnTo>
                <a:lnTo>
                  <a:pt x="532" y="689"/>
                </a:lnTo>
                <a:lnTo>
                  <a:pt x="532" y="703"/>
                </a:lnTo>
                <a:lnTo>
                  <a:pt x="506" y="709"/>
                </a:lnTo>
                <a:lnTo>
                  <a:pt x="506" y="685"/>
                </a:lnTo>
                <a:lnTo>
                  <a:pt x="484" y="677"/>
                </a:lnTo>
                <a:lnTo>
                  <a:pt x="472" y="659"/>
                </a:lnTo>
                <a:lnTo>
                  <a:pt x="454" y="673"/>
                </a:lnTo>
                <a:lnTo>
                  <a:pt x="448" y="689"/>
                </a:lnTo>
                <a:lnTo>
                  <a:pt x="436" y="689"/>
                </a:lnTo>
                <a:lnTo>
                  <a:pt x="434" y="677"/>
                </a:lnTo>
                <a:lnTo>
                  <a:pt x="420" y="677"/>
                </a:lnTo>
                <a:lnTo>
                  <a:pt x="418" y="659"/>
                </a:lnTo>
                <a:lnTo>
                  <a:pt x="406" y="657"/>
                </a:lnTo>
                <a:lnTo>
                  <a:pt x="396" y="643"/>
                </a:lnTo>
                <a:lnTo>
                  <a:pt x="396" y="635"/>
                </a:lnTo>
                <a:lnTo>
                  <a:pt x="384" y="627"/>
                </a:lnTo>
                <a:lnTo>
                  <a:pt x="366" y="623"/>
                </a:lnTo>
                <a:lnTo>
                  <a:pt x="346" y="617"/>
                </a:lnTo>
                <a:lnTo>
                  <a:pt x="328" y="627"/>
                </a:lnTo>
                <a:lnTo>
                  <a:pt x="320" y="613"/>
                </a:lnTo>
                <a:lnTo>
                  <a:pt x="312" y="611"/>
                </a:lnTo>
                <a:lnTo>
                  <a:pt x="312" y="605"/>
                </a:lnTo>
                <a:lnTo>
                  <a:pt x="320" y="601"/>
                </a:lnTo>
                <a:lnTo>
                  <a:pt x="320" y="585"/>
                </a:lnTo>
                <a:lnTo>
                  <a:pt x="310" y="593"/>
                </a:lnTo>
                <a:lnTo>
                  <a:pt x="290" y="593"/>
                </a:lnTo>
                <a:lnTo>
                  <a:pt x="280" y="587"/>
                </a:lnTo>
                <a:lnTo>
                  <a:pt x="260" y="575"/>
                </a:lnTo>
                <a:lnTo>
                  <a:pt x="250" y="577"/>
                </a:lnTo>
                <a:lnTo>
                  <a:pt x="250" y="587"/>
                </a:lnTo>
                <a:lnTo>
                  <a:pt x="260" y="597"/>
                </a:lnTo>
                <a:lnTo>
                  <a:pt x="230" y="621"/>
                </a:lnTo>
                <a:lnTo>
                  <a:pt x="220" y="611"/>
                </a:lnTo>
                <a:lnTo>
                  <a:pt x="218" y="603"/>
                </a:lnTo>
                <a:lnTo>
                  <a:pt x="206" y="593"/>
                </a:lnTo>
                <a:lnTo>
                  <a:pt x="190" y="583"/>
                </a:lnTo>
                <a:lnTo>
                  <a:pt x="208" y="561"/>
                </a:lnTo>
                <a:lnTo>
                  <a:pt x="200" y="551"/>
                </a:lnTo>
                <a:lnTo>
                  <a:pt x="188" y="553"/>
                </a:lnTo>
                <a:lnTo>
                  <a:pt x="174" y="557"/>
                </a:lnTo>
                <a:lnTo>
                  <a:pt x="170" y="553"/>
                </a:lnTo>
                <a:lnTo>
                  <a:pt x="156" y="547"/>
                </a:lnTo>
                <a:lnTo>
                  <a:pt x="124" y="541"/>
                </a:lnTo>
                <a:lnTo>
                  <a:pt x="110" y="531"/>
                </a:lnTo>
                <a:lnTo>
                  <a:pt x="110" y="521"/>
                </a:lnTo>
                <a:lnTo>
                  <a:pt x="102" y="515"/>
                </a:lnTo>
                <a:lnTo>
                  <a:pt x="80" y="515"/>
                </a:lnTo>
                <a:lnTo>
                  <a:pt x="88" y="483"/>
                </a:lnTo>
                <a:lnTo>
                  <a:pt x="76" y="461"/>
                </a:lnTo>
                <a:lnTo>
                  <a:pt x="62" y="455"/>
                </a:lnTo>
                <a:lnTo>
                  <a:pt x="60" y="433"/>
                </a:lnTo>
                <a:lnTo>
                  <a:pt x="48" y="417"/>
                </a:lnTo>
                <a:lnTo>
                  <a:pt x="58" y="403"/>
                </a:lnTo>
                <a:lnTo>
                  <a:pt x="54" y="373"/>
                </a:lnTo>
                <a:lnTo>
                  <a:pt x="52" y="361"/>
                </a:lnTo>
                <a:lnTo>
                  <a:pt x="42" y="355"/>
                </a:lnTo>
                <a:lnTo>
                  <a:pt x="40" y="341"/>
                </a:lnTo>
                <a:lnTo>
                  <a:pt x="46" y="333"/>
                </a:lnTo>
                <a:lnTo>
                  <a:pt x="46" y="321"/>
                </a:lnTo>
                <a:lnTo>
                  <a:pt x="24" y="305"/>
                </a:lnTo>
                <a:lnTo>
                  <a:pt x="6" y="287"/>
                </a:lnTo>
                <a:lnTo>
                  <a:pt x="0" y="273"/>
                </a:lnTo>
                <a:lnTo>
                  <a:pt x="18" y="259"/>
                </a:lnTo>
                <a:lnTo>
                  <a:pt x="18" y="247"/>
                </a:lnTo>
                <a:lnTo>
                  <a:pt x="22" y="225"/>
                </a:lnTo>
                <a:lnTo>
                  <a:pt x="4" y="169"/>
                </a:lnTo>
                <a:lnTo>
                  <a:pt x="0" y="152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07" name="Freeform 4"/>
          <p:cNvSpPr>
            <a:spLocks/>
          </p:cNvSpPr>
          <p:nvPr/>
        </p:nvSpPr>
        <p:spPr bwMode="auto">
          <a:xfrm>
            <a:off x="4760913" y="3190875"/>
            <a:ext cx="963612" cy="1277938"/>
          </a:xfrm>
          <a:custGeom>
            <a:avLst/>
            <a:gdLst>
              <a:gd name="T0" fmla="*/ 2147483647 w 745"/>
              <a:gd name="T1" fmla="*/ 2147483647 h 987"/>
              <a:gd name="T2" fmla="*/ 2147483647 w 745"/>
              <a:gd name="T3" fmla="*/ 2147483647 h 987"/>
              <a:gd name="T4" fmla="*/ 2147483647 w 745"/>
              <a:gd name="T5" fmla="*/ 2147483647 h 987"/>
              <a:gd name="T6" fmla="*/ 2147483647 w 745"/>
              <a:gd name="T7" fmla="*/ 2147483647 h 987"/>
              <a:gd name="T8" fmla="*/ 2147483647 w 745"/>
              <a:gd name="T9" fmla="*/ 2147483647 h 987"/>
              <a:gd name="T10" fmla="*/ 2147483647 w 745"/>
              <a:gd name="T11" fmla="*/ 2147483647 h 987"/>
              <a:gd name="T12" fmla="*/ 2147483647 w 745"/>
              <a:gd name="T13" fmla="*/ 2147483647 h 987"/>
              <a:gd name="T14" fmla="*/ 2147483647 w 745"/>
              <a:gd name="T15" fmla="*/ 2147483647 h 987"/>
              <a:gd name="T16" fmla="*/ 2147483647 w 745"/>
              <a:gd name="T17" fmla="*/ 2147483647 h 987"/>
              <a:gd name="T18" fmla="*/ 2147483647 w 745"/>
              <a:gd name="T19" fmla="*/ 2147483647 h 987"/>
              <a:gd name="T20" fmla="*/ 2147483647 w 745"/>
              <a:gd name="T21" fmla="*/ 2147483647 h 987"/>
              <a:gd name="T22" fmla="*/ 2147483647 w 745"/>
              <a:gd name="T23" fmla="*/ 2147483647 h 987"/>
              <a:gd name="T24" fmla="*/ 2147483647 w 745"/>
              <a:gd name="T25" fmla="*/ 2147483647 h 987"/>
              <a:gd name="T26" fmla="*/ 2147483647 w 745"/>
              <a:gd name="T27" fmla="*/ 2147483647 h 987"/>
              <a:gd name="T28" fmla="*/ 2147483647 w 745"/>
              <a:gd name="T29" fmla="*/ 2147483647 h 987"/>
              <a:gd name="T30" fmla="*/ 2147483647 w 745"/>
              <a:gd name="T31" fmla="*/ 2147483647 h 987"/>
              <a:gd name="T32" fmla="*/ 2147483647 w 745"/>
              <a:gd name="T33" fmla="*/ 2147483647 h 987"/>
              <a:gd name="T34" fmla="*/ 2147483647 w 745"/>
              <a:gd name="T35" fmla="*/ 2147483647 h 987"/>
              <a:gd name="T36" fmla="*/ 2147483647 w 745"/>
              <a:gd name="T37" fmla="*/ 2147483647 h 987"/>
              <a:gd name="T38" fmla="*/ 2147483647 w 745"/>
              <a:gd name="T39" fmla="*/ 2147483647 h 987"/>
              <a:gd name="T40" fmla="*/ 2147483647 w 745"/>
              <a:gd name="T41" fmla="*/ 2147483647 h 987"/>
              <a:gd name="T42" fmla="*/ 2147483647 w 745"/>
              <a:gd name="T43" fmla="*/ 2147483647 h 987"/>
              <a:gd name="T44" fmla="*/ 2147483647 w 745"/>
              <a:gd name="T45" fmla="*/ 2147483647 h 987"/>
              <a:gd name="T46" fmla="*/ 2147483647 w 745"/>
              <a:gd name="T47" fmla="*/ 2147483647 h 987"/>
              <a:gd name="T48" fmla="*/ 2147483647 w 745"/>
              <a:gd name="T49" fmla="*/ 2147483647 h 987"/>
              <a:gd name="T50" fmla="*/ 2147483647 w 745"/>
              <a:gd name="T51" fmla="*/ 2147483647 h 987"/>
              <a:gd name="T52" fmla="*/ 2147483647 w 745"/>
              <a:gd name="T53" fmla="*/ 2147483647 h 987"/>
              <a:gd name="T54" fmla="*/ 2147483647 w 745"/>
              <a:gd name="T55" fmla="*/ 2147483647 h 987"/>
              <a:gd name="T56" fmla="*/ 2147483647 w 745"/>
              <a:gd name="T57" fmla="*/ 2147483647 h 987"/>
              <a:gd name="T58" fmla="*/ 2147483647 w 745"/>
              <a:gd name="T59" fmla="*/ 2147483647 h 987"/>
              <a:gd name="T60" fmla="*/ 2147483647 w 745"/>
              <a:gd name="T61" fmla="*/ 2147483647 h 987"/>
              <a:gd name="T62" fmla="*/ 2147483647 w 745"/>
              <a:gd name="T63" fmla="*/ 2147483647 h 987"/>
              <a:gd name="T64" fmla="*/ 2147483647 w 745"/>
              <a:gd name="T65" fmla="*/ 2147483647 h 987"/>
              <a:gd name="T66" fmla="*/ 2147483647 w 745"/>
              <a:gd name="T67" fmla="*/ 2147483647 h 987"/>
              <a:gd name="T68" fmla="*/ 2147483647 w 745"/>
              <a:gd name="T69" fmla="*/ 2147483647 h 987"/>
              <a:gd name="T70" fmla="*/ 2147483647 w 745"/>
              <a:gd name="T71" fmla="*/ 2147483647 h 987"/>
              <a:gd name="T72" fmla="*/ 2147483647 w 745"/>
              <a:gd name="T73" fmla="*/ 2147483647 h 987"/>
              <a:gd name="T74" fmla="*/ 2147483647 w 745"/>
              <a:gd name="T75" fmla="*/ 2147483647 h 987"/>
              <a:gd name="T76" fmla="*/ 2147483647 w 745"/>
              <a:gd name="T77" fmla="*/ 2147483647 h 987"/>
              <a:gd name="T78" fmla="*/ 2147483647 w 745"/>
              <a:gd name="T79" fmla="*/ 2147483647 h 987"/>
              <a:gd name="T80" fmla="*/ 2147483647 w 745"/>
              <a:gd name="T81" fmla="*/ 2147483647 h 987"/>
              <a:gd name="T82" fmla="*/ 2147483647 w 745"/>
              <a:gd name="T83" fmla="*/ 2147483647 h 987"/>
              <a:gd name="T84" fmla="*/ 2147483647 w 745"/>
              <a:gd name="T85" fmla="*/ 2147483647 h 987"/>
              <a:gd name="T86" fmla="*/ 2147483647 w 745"/>
              <a:gd name="T87" fmla="*/ 2147483647 h 987"/>
              <a:gd name="T88" fmla="*/ 2147483647 w 745"/>
              <a:gd name="T89" fmla="*/ 2147483647 h 987"/>
              <a:gd name="T90" fmla="*/ 2147483647 w 745"/>
              <a:gd name="T91" fmla="*/ 2147483647 h 987"/>
              <a:gd name="T92" fmla="*/ 2147483647 w 745"/>
              <a:gd name="T93" fmla="*/ 2147483647 h 987"/>
              <a:gd name="T94" fmla="*/ 2147483647 w 745"/>
              <a:gd name="T95" fmla="*/ 2147483647 h 987"/>
              <a:gd name="T96" fmla="*/ 2147483647 w 745"/>
              <a:gd name="T97" fmla="*/ 2147483647 h 987"/>
              <a:gd name="T98" fmla="*/ 2147483647 w 745"/>
              <a:gd name="T99" fmla="*/ 2147483647 h 987"/>
              <a:gd name="T100" fmla="*/ 2147483647 w 745"/>
              <a:gd name="T101" fmla="*/ 2147483647 h 987"/>
              <a:gd name="T102" fmla="*/ 2147483647 w 745"/>
              <a:gd name="T103" fmla="*/ 2147483647 h 987"/>
              <a:gd name="T104" fmla="*/ 2147483647 w 745"/>
              <a:gd name="T105" fmla="*/ 2147483647 h 987"/>
              <a:gd name="T106" fmla="*/ 2147483647 w 745"/>
              <a:gd name="T107" fmla="*/ 2147483647 h 987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0" t="0" r="r" b="b"/>
            <a:pathLst>
              <a:path w="745" h="987">
                <a:moveTo>
                  <a:pt x="122" y="939"/>
                </a:moveTo>
                <a:lnTo>
                  <a:pt x="120" y="911"/>
                </a:lnTo>
                <a:lnTo>
                  <a:pt x="130" y="893"/>
                </a:lnTo>
                <a:lnTo>
                  <a:pt x="124" y="879"/>
                </a:lnTo>
                <a:lnTo>
                  <a:pt x="140" y="847"/>
                </a:lnTo>
                <a:lnTo>
                  <a:pt x="146" y="813"/>
                </a:lnTo>
                <a:lnTo>
                  <a:pt x="184" y="769"/>
                </a:lnTo>
                <a:lnTo>
                  <a:pt x="160" y="757"/>
                </a:lnTo>
                <a:lnTo>
                  <a:pt x="132" y="757"/>
                </a:lnTo>
                <a:lnTo>
                  <a:pt x="120" y="745"/>
                </a:lnTo>
                <a:lnTo>
                  <a:pt x="100" y="749"/>
                </a:lnTo>
                <a:lnTo>
                  <a:pt x="82" y="745"/>
                </a:lnTo>
                <a:lnTo>
                  <a:pt x="82" y="737"/>
                </a:lnTo>
                <a:lnTo>
                  <a:pt x="68" y="733"/>
                </a:lnTo>
                <a:lnTo>
                  <a:pt x="64" y="739"/>
                </a:lnTo>
                <a:lnTo>
                  <a:pt x="46" y="719"/>
                </a:lnTo>
                <a:lnTo>
                  <a:pt x="44" y="703"/>
                </a:lnTo>
                <a:lnTo>
                  <a:pt x="28" y="695"/>
                </a:lnTo>
                <a:lnTo>
                  <a:pt x="28" y="683"/>
                </a:lnTo>
                <a:lnTo>
                  <a:pt x="34" y="675"/>
                </a:lnTo>
                <a:lnTo>
                  <a:pt x="44" y="665"/>
                </a:lnTo>
                <a:lnTo>
                  <a:pt x="42" y="657"/>
                </a:lnTo>
                <a:lnTo>
                  <a:pt x="32" y="653"/>
                </a:lnTo>
                <a:lnTo>
                  <a:pt x="22" y="645"/>
                </a:lnTo>
                <a:lnTo>
                  <a:pt x="12" y="633"/>
                </a:lnTo>
                <a:lnTo>
                  <a:pt x="14" y="609"/>
                </a:lnTo>
                <a:lnTo>
                  <a:pt x="34" y="591"/>
                </a:lnTo>
                <a:lnTo>
                  <a:pt x="36" y="569"/>
                </a:lnTo>
                <a:lnTo>
                  <a:pt x="20" y="563"/>
                </a:lnTo>
                <a:lnTo>
                  <a:pt x="24" y="549"/>
                </a:lnTo>
                <a:lnTo>
                  <a:pt x="8" y="529"/>
                </a:lnTo>
                <a:lnTo>
                  <a:pt x="12" y="513"/>
                </a:lnTo>
                <a:lnTo>
                  <a:pt x="4" y="503"/>
                </a:lnTo>
                <a:lnTo>
                  <a:pt x="0" y="495"/>
                </a:lnTo>
                <a:lnTo>
                  <a:pt x="20" y="483"/>
                </a:lnTo>
                <a:lnTo>
                  <a:pt x="16" y="471"/>
                </a:lnTo>
                <a:lnTo>
                  <a:pt x="28" y="457"/>
                </a:lnTo>
                <a:lnTo>
                  <a:pt x="28" y="431"/>
                </a:lnTo>
                <a:lnTo>
                  <a:pt x="18" y="419"/>
                </a:lnTo>
                <a:lnTo>
                  <a:pt x="14" y="391"/>
                </a:lnTo>
                <a:lnTo>
                  <a:pt x="26" y="387"/>
                </a:lnTo>
                <a:lnTo>
                  <a:pt x="58" y="389"/>
                </a:lnTo>
                <a:lnTo>
                  <a:pt x="76" y="387"/>
                </a:lnTo>
                <a:lnTo>
                  <a:pt x="82" y="379"/>
                </a:lnTo>
                <a:lnTo>
                  <a:pt x="72" y="365"/>
                </a:lnTo>
                <a:lnTo>
                  <a:pt x="84" y="361"/>
                </a:lnTo>
                <a:lnTo>
                  <a:pt x="96" y="343"/>
                </a:lnTo>
                <a:lnTo>
                  <a:pt x="100" y="323"/>
                </a:lnTo>
                <a:lnTo>
                  <a:pt x="74" y="313"/>
                </a:lnTo>
                <a:lnTo>
                  <a:pt x="80" y="291"/>
                </a:lnTo>
                <a:lnTo>
                  <a:pt x="102" y="291"/>
                </a:lnTo>
                <a:lnTo>
                  <a:pt x="104" y="269"/>
                </a:lnTo>
                <a:lnTo>
                  <a:pt x="116" y="253"/>
                </a:lnTo>
                <a:lnTo>
                  <a:pt x="116" y="217"/>
                </a:lnTo>
                <a:lnTo>
                  <a:pt x="124" y="211"/>
                </a:lnTo>
                <a:lnTo>
                  <a:pt x="120" y="205"/>
                </a:lnTo>
                <a:lnTo>
                  <a:pt x="114" y="205"/>
                </a:lnTo>
                <a:lnTo>
                  <a:pt x="106" y="201"/>
                </a:lnTo>
                <a:lnTo>
                  <a:pt x="106" y="189"/>
                </a:lnTo>
                <a:lnTo>
                  <a:pt x="110" y="177"/>
                </a:lnTo>
                <a:lnTo>
                  <a:pt x="116" y="167"/>
                </a:lnTo>
                <a:lnTo>
                  <a:pt x="124" y="159"/>
                </a:lnTo>
                <a:lnTo>
                  <a:pt x="132" y="159"/>
                </a:lnTo>
                <a:lnTo>
                  <a:pt x="150" y="159"/>
                </a:lnTo>
                <a:lnTo>
                  <a:pt x="162" y="157"/>
                </a:lnTo>
                <a:lnTo>
                  <a:pt x="182" y="159"/>
                </a:lnTo>
                <a:lnTo>
                  <a:pt x="186" y="167"/>
                </a:lnTo>
                <a:lnTo>
                  <a:pt x="190" y="179"/>
                </a:lnTo>
                <a:lnTo>
                  <a:pt x="184" y="191"/>
                </a:lnTo>
                <a:lnTo>
                  <a:pt x="194" y="197"/>
                </a:lnTo>
                <a:lnTo>
                  <a:pt x="202" y="193"/>
                </a:lnTo>
                <a:lnTo>
                  <a:pt x="202" y="183"/>
                </a:lnTo>
                <a:lnTo>
                  <a:pt x="198" y="177"/>
                </a:lnTo>
                <a:lnTo>
                  <a:pt x="202" y="171"/>
                </a:lnTo>
                <a:lnTo>
                  <a:pt x="208" y="173"/>
                </a:lnTo>
                <a:lnTo>
                  <a:pt x="214" y="181"/>
                </a:lnTo>
                <a:lnTo>
                  <a:pt x="224" y="183"/>
                </a:lnTo>
                <a:lnTo>
                  <a:pt x="220" y="163"/>
                </a:lnTo>
                <a:lnTo>
                  <a:pt x="220" y="153"/>
                </a:lnTo>
                <a:lnTo>
                  <a:pt x="226" y="138"/>
                </a:lnTo>
                <a:lnTo>
                  <a:pt x="232" y="134"/>
                </a:lnTo>
                <a:lnTo>
                  <a:pt x="240" y="140"/>
                </a:lnTo>
                <a:lnTo>
                  <a:pt x="246" y="145"/>
                </a:lnTo>
                <a:lnTo>
                  <a:pt x="256" y="147"/>
                </a:lnTo>
                <a:lnTo>
                  <a:pt x="260" y="142"/>
                </a:lnTo>
                <a:lnTo>
                  <a:pt x="262" y="140"/>
                </a:lnTo>
                <a:lnTo>
                  <a:pt x="262" y="138"/>
                </a:lnTo>
                <a:lnTo>
                  <a:pt x="258" y="134"/>
                </a:lnTo>
                <a:lnTo>
                  <a:pt x="254" y="130"/>
                </a:lnTo>
                <a:lnTo>
                  <a:pt x="248" y="124"/>
                </a:lnTo>
                <a:lnTo>
                  <a:pt x="248" y="118"/>
                </a:lnTo>
                <a:lnTo>
                  <a:pt x="254" y="116"/>
                </a:lnTo>
                <a:lnTo>
                  <a:pt x="258" y="114"/>
                </a:lnTo>
                <a:lnTo>
                  <a:pt x="258" y="104"/>
                </a:lnTo>
                <a:lnTo>
                  <a:pt x="246" y="100"/>
                </a:lnTo>
                <a:lnTo>
                  <a:pt x="246" y="86"/>
                </a:lnTo>
                <a:lnTo>
                  <a:pt x="228" y="82"/>
                </a:lnTo>
                <a:lnTo>
                  <a:pt x="230" y="72"/>
                </a:lnTo>
                <a:lnTo>
                  <a:pt x="236" y="66"/>
                </a:lnTo>
                <a:lnTo>
                  <a:pt x="252" y="68"/>
                </a:lnTo>
                <a:lnTo>
                  <a:pt x="256" y="54"/>
                </a:lnTo>
                <a:lnTo>
                  <a:pt x="250" y="40"/>
                </a:lnTo>
                <a:lnTo>
                  <a:pt x="240" y="28"/>
                </a:lnTo>
                <a:lnTo>
                  <a:pt x="232" y="18"/>
                </a:lnTo>
                <a:lnTo>
                  <a:pt x="230" y="8"/>
                </a:lnTo>
                <a:lnTo>
                  <a:pt x="232" y="0"/>
                </a:lnTo>
                <a:lnTo>
                  <a:pt x="254" y="2"/>
                </a:lnTo>
                <a:lnTo>
                  <a:pt x="268" y="8"/>
                </a:lnTo>
                <a:lnTo>
                  <a:pt x="278" y="16"/>
                </a:lnTo>
                <a:lnTo>
                  <a:pt x="293" y="16"/>
                </a:lnTo>
                <a:lnTo>
                  <a:pt x="301" y="2"/>
                </a:lnTo>
                <a:lnTo>
                  <a:pt x="313" y="14"/>
                </a:lnTo>
                <a:lnTo>
                  <a:pt x="327" y="16"/>
                </a:lnTo>
                <a:lnTo>
                  <a:pt x="333" y="20"/>
                </a:lnTo>
                <a:lnTo>
                  <a:pt x="335" y="32"/>
                </a:lnTo>
                <a:lnTo>
                  <a:pt x="337" y="52"/>
                </a:lnTo>
                <a:lnTo>
                  <a:pt x="335" y="58"/>
                </a:lnTo>
                <a:lnTo>
                  <a:pt x="347" y="60"/>
                </a:lnTo>
                <a:lnTo>
                  <a:pt x="353" y="68"/>
                </a:lnTo>
                <a:lnTo>
                  <a:pt x="367" y="66"/>
                </a:lnTo>
                <a:lnTo>
                  <a:pt x="385" y="80"/>
                </a:lnTo>
                <a:lnTo>
                  <a:pt x="403" y="74"/>
                </a:lnTo>
                <a:lnTo>
                  <a:pt x="417" y="66"/>
                </a:lnTo>
                <a:lnTo>
                  <a:pt x="413" y="62"/>
                </a:lnTo>
                <a:lnTo>
                  <a:pt x="413" y="56"/>
                </a:lnTo>
                <a:lnTo>
                  <a:pt x="419" y="52"/>
                </a:lnTo>
                <a:lnTo>
                  <a:pt x="425" y="54"/>
                </a:lnTo>
                <a:lnTo>
                  <a:pt x="431" y="58"/>
                </a:lnTo>
                <a:lnTo>
                  <a:pt x="431" y="66"/>
                </a:lnTo>
                <a:lnTo>
                  <a:pt x="429" y="70"/>
                </a:lnTo>
                <a:lnTo>
                  <a:pt x="419" y="68"/>
                </a:lnTo>
                <a:lnTo>
                  <a:pt x="415" y="94"/>
                </a:lnTo>
                <a:lnTo>
                  <a:pt x="405" y="106"/>
                </a:lnTo>
                <a:lnTo>
                  <a:pt x="393" y="110"/>
                </a:lnTo>
                <a:lnTo>
                  <a:pt x="397" y="120"/>
                </a:lnTo>
                <a:lnTo>
                  <a:pt x="405" y="126"/>
                </a:lnTo>
                <a:lnTo>
                  <a:pt x="423" y="122"/>
                </a:lnTo>
                <a:lnTo>
                  <a:pt x="433" y="128"/>
                </a:lnTo>
                <a:lnTo>
                  <a:pt x="447" y="128"/>
                </a:lnTo>
                <a:lnTo>
                  <a:pt x="455" y="108"/>
                </a:lnTo>
                <a:lnTo>
                  <a:pt x="465" y="98"/>
                </a:lnTo>
                <a:lnTo>
                  <a:pt x="491" y="96"/>
                </a:lnTo>
                <a:lnTo>
                  <a:pt x="511" y="82"/>
                </a:lnTo>
                <a:lnTo>
                  <a:pt x="519" y="68"/>
                </a:lnTo>
                <a:lnTo>
                  <a:pt x="525" y="58"/>
                </a:lnTo>
                <a:lnTo>
                  <a:pt x="543" y="60"/>
                </a:lnTo>
                <a:lnTo>
                  <a:pt x="559" y="66"/>
                </a:lnTo>
                <a:lnTo>
                  <a:pt x="569" y="70"/>
                </a:lnTo>
                <a:lnTo>
                  <a:pt x="573" y="80"/>
                </a:lnTo>
                <a:lnTo>
                  <a:pt x="587" y="86"/>
                </a:lnTo>
                <a:lnTo>
                  <a:pt x="589" y="94"/>
                </a:lnTo>
                <a:lnTo>
                  <a:pt x="599" y="102"/>
                </a:lnTo>
                <a:lnTo>
                  <a:pt x="619" y="90"/>
                </a:lnTo>
                <a:lnTo>
                  <a:pt x="625" y="96"/>
                </a:lnTo>
                <a:lnTo>
                  <a:pt x="629" y="110"/>
                </a:lnTo>
                <a:lnTo>
                  <a:pt x="629" y="118"/>
                </a:lnTo>
                <a:lnTo>
                  <a:pt x="643" y="118"/>
                </a:lnTo>
                <a:lnTo>
                  <a:pt x="651" y="116"/>
                </a:lnTo>
                <a:lnTo>
                  <a:pt x="657" y="128"/>
                </a:lnTo>
                <a:lnTo>
                  <a:pt x="661" y="145"/>
                </a:lnTo>
                <a:lnTo>
                  <a:pt x="667" y="163"/>
                </a:lnTo>
                <a:lnTo>
                  <a:pt x="679" y="201"/>
                </a:lnTo>
                <a:lnTo>
                  <a:pt x="675" y="225"/>
                </a:lnTo>
                <a:lnTo>
                  <a:pt x="675" y="235"/>
                </a:lnTo>
                <a:lnTo>
                  <a:pt x="657" y="249"/>
                </a:lnTo>
                <a:lnTo>
                  <a:pt x="663" y="263"/>
                </a:lnTo>
                <a:lnTo>
                  <a:pt x="681" y="281"/>
                </a:lnTo>
                <a:lnTo>
                  <a:pt x="703" y="297"/>
                </a:lnTo>
                <a:lnTo>
                  <a:pt x="703" y="309"/>
                </a:lnTo>
                <a:lnTo>
                  <a:pt x="697" y="317"/>
                </a:lnTo>
                <a:lnTo>
                  <a:pt x="699" y="331"/>
                </a:lnTo>
                <a:lnTo>
                  <a:pt x="709" y="337"/>
                </a:lnTo>
                <a:lnTo>
                  <a:pt x="711" y="359"/>
                </a:lnTo>
                <a:lnTo>
                  <a:pt x="715" y="379"/>
                </a:lnTo>
                <a:lnTo>
                  <a:pt x="705" y="393"/>
                </a:lnTo>
                <a:lnTo>
                  <a:pt x="717" y="409"/>
                </a:lnTo>
                <a:lnTo>
                  <a:pt x="719" y="431"/>
                </a:lnTo>
                <a:lnTo>
                  <a:pt x="733" y="437"/>
                </a:lnTo>
                <a:lnTo>
                  <a:pt x="745" y="459"/>
                </a:lnTo>
                <a:lnTo>
                  <a:pt x="741" y="475"/>
                </a:lnTo>
                <a:lnTo>
                  <a:pt x="737" y="489"/>
                </a:lnTo>
                <a:lnTo>
                  <a:pt x="735" y="503"/>
                </a:lnTo>
                <a:lnTo>
                  <a:pt x="727" y="517"/>
                </a:lnTo>
                <a:lnTo>
                  <a:pt x="719" y="519"/>
                </a:lnTo>
                <a:lnTo>
                  <a:pt x="713" y="511"/>
                </a:lnTo>
                <a:lnTo>
                  <a:pt x="707" y="497"/>
                </a:lnTo>
                <a:lnTo>
                  <a:pt x="701" y="491"/>
                </a:lnTo>
                <a:lnTo>
                  <a:pt x="683" y="495"/>
                </a:lnTo>
                <a:lnTo>
                  <a:pt x="693" y="507"/>
                </a:lnTo>
                <a:lnTo>
                  <a:pt x="687" y="513"/>
                </a:lnTo>
                <a:lnTo>
                  <a:pt x="673" y="523"/>
                </a:lnTo>
                <a:lnTo>
                  <a:pt x="657" y="525"/>
                </a:lnTo>
                <a:lnTo>
                  <a:pt x="651" y="535"/>
                </a:lnTo>
                <a:lnTo>
                  <a:pt x="633" y="535"/>
                </a:lnTo>
                <a:lnTo>
                  <a:pt x="621" y="551"/>
                </a:lnTo>
                <a:lnTo>
                  <a:pt x="605" y="551"/>
                </a:lnTo>
                <a:lnTo>
                  <a:pt x="593" y="565"/>
                </a:lnTo>
                <a:lnTo>
                  <a:pt x="581" y="577"/>
                </a:lnTo>
                <a:lnTo>
                  <a:pt x="563" y="575"/>
                </a:lnTo>
                <a:lnTo>
                  <a:pt x="547" y="581"/>
                </a:lnTo>
                <a:lnTo>
                  <a:pt x="537" y="591"/>
                </a:lnTo>
                <a:lnTo>
                  <a:pt x="529" y="609"/>
                </a:lnTo>
                <a:lnTo>
                  <a:pt x="521" y="595"/>
                </a:lnTo>
                <a:lnTo>
                  <a:pt x="511" y="595"/>
                </a:lnTo>
                <a:lnTo>
                  <a:pt x="515" y="605"/>
                </a:lnTo>
                <a:lnTo>
                  <a:pt x="517" y="619"/>
                </a:lnTo>
                <a:lnTo>
                  <a:pt x="521" y="625"/>
                </a:lnTo>
                <a:lnTo>
                  <a:pt x="529" y="633"/>
                </a:lnTo>
                <a:lnTo>
                  <a:pt x="543" y="639"/>
                </a:lnTo>
                <a:lnTo>
                  <a:pt x="545" y="655"/>
                </a:lnTo>
                <a:lnTo>
                  <a:pt x="539" y="667"/>
                </a:lnTo>
                <a:lnTo>
                  <a:pt x="549" y="677"/>
                </a:lnTo>
                <a:lnTo>
                  <a:pt x="553" y="693"/>
                </a:lnTo>
                <a:lnTo>
                  <a:pt x="573" y="719"/>
                </a:lnTo>
                <a:lnTo>
                  <a:pt x="587" y="719"/>
                </a:lnTo>
                <a:lnTo>
                  <a:pt x="603" y="735"/>
                </a:lnTo>
                <a:lnTo>
                  <a:pt x="609" y="745"/>
                </a:lnTo>
                <a:lnTo>
                  <a:pt x="615" y="747"/>
                </a:lnTo>
                <a:lnTo>
                  <a:pt x="625" y="753"/>
                </a:lnTo>
                <a:lnTo>
                  <a:pt x="625" y="757"/>
                </a:lnTo>
                <a:lnTo>
                  <a:pt x="625" y="761"/>
                </a:lnTo>
                <a:lnTo>
                  <a:pt x="643" y="763"/>
                </a:lnTo>
                <a:lnTo>
                  <a:pt x="657" y="773"/>
                </a:lnTo>
                <a:lnTo>
                  <a:pt x="663" y="785"/>
                </a:lnTo>
                <a:lnTo>
                  <a:pt x="661" y="811"/>
                </a:lnTo>
                <a:lnTo>
                  <a:pt x="631" y="811"/>
                </a:lnTo>
                <a:lnTo>
                  <a:pt x="633" y="835"/>
                </a:lnTo>
                <a:lnTo>
                  <a:pt x="625" y="847"/>
                </a:lnTo>
                <a:lnTo>
                  <a:pt x="605" y="849"/>
                </a:lnTo>
                <a:lnTo>
                  <a:pt x="575" y="873"/>
                </a:lnTo>
                <a:lnTo>
                  <a:pt x="599" y="907"/>
                </a:lnTo>
                <a:lnTo>
                  <a:pt x="595" y="919"/>
                </a:lnTo>
                <a:lnTo>
                  <a:pt x="595" y="925"/>
                </a:lnTo>
                <a:lnTo>
                  <a:pt x="603" y="925"/>
                </a:lnTo>
                <a:lnTo>
                  <a:pt x="609" y="933"/>
                </a:lnTo>
                <a:lnTo>
                  <a:pt x="607" y="943"/>
                </a:lnTo>
                <a:lnTo>
                  <a:pt x="597" y="957"/>
                </a:lnTo>
                <a:lnTo>
                  <a:pt x="583" y="947"/>
                </a:lnTo>
                <a:lnTo>
                  <a:pt x="583" y="937"/>
                </a:lnTo>
                <a:lnTo>
                  <a:pt x="573" y="929"/>
                </a:lnTo>
                <a:lnTo>
                  <a:pt x="555" y="939"/>
                </a:lnTo>
                <a:lnTo>
                  <a:pt x="551" y="929"/>
                </a:lnTo>
                <a:lnTo>
                  <a:pt x="529" y="929"/>
                </a:lnTo>
                <a:lnTo>
                  <a:pt x="527" y="943"/>
                </a:lnTo>
                <a:lnTo>
                  <a:pt x="481" y="945"/>
                </a:lnTo>
                <a:lnTo>
                  <a:pt x="461" y="959"/>
                </a:lnTo>
                <a:lnTo>
                  <a:pt x="433" y="973"/>
                </a:lnTo>
                <a:lnTo>
                  <a:pt x="413" y="953"/>
                </a:lnTo>
                <a:lnTo>
                  <a:pt x="377" y="951"/>
                </a:lnTo>
                <a:lnTo>
                  <a:pt x="375" y="973"/>
                </a:lnTo>
                <a:lnTo>
                  <a:pt x="357" y="987"/>
                </a:lnTo>
                <a:lnTo>
                  <a:pt x="353" y="979"/>
                </a:lnTo>
                <a:lnTo>
                  <a:pt x="345" y="975"/>
                </a:lnTo>
                <a:lnTo>
                  <a:pt x="343" y="963"/>
                </a:lnTo>
                <a:lnTo>
                  <a:pt x="319" y="949"/>
                </a:lnTo>
                <a:lnTo>
                  <a:pt x="309" y="963"/>
                </a:lnTo>
                <a:lnTo>
                  <a:pt x="289" y="957"/>
                </a:lnTo>
                <a:lnTo>
                  <a:pt x="274" y="943"/>
                </a:lnTo>
                <a:lnTo>
                  <a:pt x="258" y="933"/>
                </a:lnTo>
                <a:lnTo>
                  <a:pt x="240" y="939"/>
                </a:lnTo>
                <a:lnTo>
                  <a:pt x="228" y="927"/>
                </a:lnTo>
                <a:lnTo>
                  <a:pt x="212" y="919"/>
                </a:lnTo>
                <a:lnTo>
                  <a:pt x="198" y="929"/>
                </a:lnTo>
                <a:lnTo>
                  <a:pt x="212" y="943"/>
                </a:lnTo>
                <a:lnTo>
                  <a:pt x="198" y="949"/>
                </a:lnTo>
                <a:lnTo>
                  <a:pt x="182" y="939"/>
                </a:lnTo>
                <a:lnTo>
                  <a:pt x="164" y="953"/>
                </a:lnTo>
                <a:lnTo>
                  <a:pt x="146" y="939"/>
                </a:lnTo>
                <a:lnTo>
                  <a:pt x="136" y="951"/>
                </a:lnTo>
                <a:lnTo>
                  <a:pt x="122" y="939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08" name="Freeform 5"/>
          <p:cNvSpPr>
            <a:spLocks/>
          </p:cNvSpPr>
          <p:nvPr/>
        </p:nvSpPr>
        <p:spPr bwMode="auto">
          <a:xfrm>
            <a:off x="5613400" y="4559300"/>
            <a:ext cx="687388" cy="627063"/>
          </a:xfrm>
          <a:custGeom>
            <a:avLst/>
            <a:gdLst>
              <a:gd name="T0" fmla="*/ 2147483647 w 530"/>
              <a:gd name="T1" fmla="*/ 2147483647 h 484"/>
              <a:gd name="T2" fmla="*/ 2147483647 w 530"/>
              <a:gd name="T3" fmla="*/ 2147483647 h 484"/>
              <a:gd name="T4" fmla="*/ 2147483647 w 530"/>
              <a:gd name="T5" fmla="*/ 2147483647 h 484"/>
              <a:gd name="T6" fmla="*/ 2147483647 w 530"/>
              <a:gd name="T7" fmla="*/ 2147483647 h 484"/>
              <a:gd name="T8" fmla="*/ 2147483647 w 530"/>
              <a:gd name="T9" fmla="*/ 2147483647 h 484"/>
              <a:gd name="T10" fmla="*/ 2147483647 w 530"/>
              <a:gd name="T11" fmla="*/ 0 h 484"/>
              <a:gd name="T12" fmla="*/ 2147483647 w 530"/>
              <a:gd name="T13" fmla="*/ 2147483647 h 484"/>
              <a:gd name="T14" fmla="*/ 2147483647 w 530"/>
              <a:gd name="T15" fmla="*/ 2147483647 h 484"/>
              <a:gd name="T16" fmla="*/ 2147483647 w 530"/>
              <a:gd name="T17" fmla="*/ 2147483647 h 484"/>
              <a:gd name="T18" fmla="*/ 2147483647 w 530"/>
              <a:gd name="T19" fmla="*/ 2147483647 h 484"/>
              <a:gd name="T20" fmla="*/ 2147483647 w 530"/>
              <a:gd name="T21" fmla="*/ 2147483647 h 484"/>
              <a:gd name="T22" fmla="*/ 2147483647 w 530"/>
              <a:gd name="T23" fmla="*/ 2147483647 h 484"/>
              <a:gd name="T24" fmla="*/ 2147483647 w 530"/>
              <a:gd name="T25" fmla="*/ 2147483647 h 484"/>
              <a:gd name="T26" fmla="*/ 2147483647 w 530"/>
              <a:gd name="T27" fmla="*/ 2147483647 h 484"/>
              <a:gd name="T28" fmla="*/ 2147483647 w 530"/>
              <a:gd name="T29" fmla="*/ 2147483647 h 484"/>
              <a:gd name="T30" fmla="*/ 2147483647 w 530"/>
              <a:gd name="T31" fmla="*/ 2147483647 h 484"/>
              <a:gd name="T32" fmla="*/ 2147483647 w 530"/>
              <a:gd name="T33" fmla="*/ 2147483647 h 484"/>
              <a:gd name="T34" fmla="*/ 2147483647 w 530"/>
              <a:gd name="T35" fmla="*/ 2147483647 h 484"/>
              <a:gd name="T36" fmla="*/ 2147483647 w 530"/>
              <a:gd name="T37" fmla="*/ 2147483647 h 484"/>
              <a:gd name="T38" fmla="*/ 2147483647 w 530"/>
              <a:gd name="T39" fmla="*/ 2147483647 h 484"/>
              <a:gd name="T40" fmla="*/ 2147483647 w 530"/>
              <a:gd name="T41" fmla="*/ 2147483647 h 484"/>
              <a:gd name="T42" fmla="*/ 2147483647 w 530"/>
              <a:gd name="T43" fmla="*/ 2147483647 h 484"/>
              <a:gd name="T44" fmla="*/ 2147483647 w 530"/>
              <a:gd name="T45" fmla="*/ 2147483647 h 484"/>
              <a:gd name="T46" fmla="*/ 2147483647 w 530"/>
              <a:gd name="T47" fmla="*/ 2147483647 h 484"/>
              <a:gd name="T48" fmla="*/ 2147483647 w 530"/>
              <a:gd name="T49" fmla="*/ 2147483647 h 484"/>
              <a:gd name="T50" fmla="*/ 2147483647 w 530"/>
              <a:gd name="T51" fmla="*/ 2147483647 h 484"/>
              <a:gd name="T52" fmla="*/ 2147483647 w 530"/>
              <a:gd name="T53" fmla="*/ 2147483647 h 484"/>
              <a:gd name="T54" fmla="*/ 2147483647 w 530"/>
              <a:gd name="T55" fmla="*/ 2147483647 h 484"/>
              <a:gd name="T56" fmla="*/ 2147483647 w 530"/>
              <a:gd name="T57" fmla="*/ 2147483647 h 484"/>
              <a:gd name="T58" fmla="*/ 2147483647 w 530"/>
              <a:gd name="T59" fmla="*/ 2147483647 h 484"/>
              <a:gd name="T60" fmla="*/ 2147483647 w 530"/>
              <a:gd name="T61" fmla="*/ 2147483647 h 484"/>
              <a:gd name="T62" fmla="*/ 2147483647 w 530"/>
              <a:gd name="T63" fmla="*/ 2147483647 h 484"/>
              <a:gd name="T64" fmla="*/ 2147483647 w 530"/>
              <a:gd name="T65" fmla="*/ 2147483647 h 484"/>
              <a:gd name="T66" fmla="*/ 2147483647 w 530"/>
              <a:gd name="T67" fmla="*/ 2147483647 h 484"/>
              <a:gd name="T68" fmla="*/ 2147483647 w 530"/>
              <a:gd name="T69" fmla="*/ 2147483647 h 484"/>
              <a:gd name="T70" fmla="*/ 2147483647 w 530"/>
              <a:gd name="T71" fmla="*/ 2147483647 h 484"/>
              <a:gd name="T72" fmla="*/ 2147483647 w 530"/>
              <a:gd name="T73" fmla="*/ 2147483647 h 484"/>
              <a:gd name="T74" fmla="*/ 2147483647 w 530"/>
              <a:gd name="T75" fmla="*/ 2147483647 h 484"/>
              <a:gd name="T76" fmla="*/ 2147483647 w 530"/>
              <a:gd name="T77" fmla="*/ 2147483647 h 484"/>
              <a:gd name="T78" fmla="*/ 2147483647 w 530"/>
              <a:gd name="T79" fmla="*/ 2147483647 h 484"/>
              <a:gd name="T80" fmla="*/ 2147483647 w 530"/>
              <a:gd name="T81" fmla="*/ 2147483647 h 484"/>
              <a:gd name="T82" fmla="*/ 2147483647 w 530"/>
              <a:gd name="T83" fmla="*/ 2147483647 h 484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530" h="484">
                <a:moveTo>
                  <a:pt x="2" y="156"/>
                </a:moveTo>
                <a:lnTo>
                  <a:pt x="30" y="158"/>
                </a:lnTo>
                <a:lnTo>
                  <a:pt x="64" y="152"/>
                </a:lnTo>
                <a:lnTo>
                  <a:pt x="90" y="124"/>
                </a:lnTo>
                <a:lnTo>
                  <a:pt x="114" y="148"/>
                </a:lnTo>
                <a:lnTo>
                  <a:pt x="160" y="152"/>
                </a:lnTo>
                <a:lnTo>
                  <a:pt x="154" y="118"/>
                </a:lnTo>
                <a:lnTo>
                  <a:pt x="178" y="94"/>
                </a:lnTo>
                <a:lnTo>
                  <a:pt x="192" y="68"/>
                </a:lnTo>
                <a:lnTo>
                  <a:pt x="210" y="36"/>
                </a:lnTo>
                <a:lnTo>
                  <a:pt x="238" y="22"/>
                </a:lnTo>
                <a:lnTo>
                  <a:pt x="238" y="0"/>
                </a:lnTo>
                <a:lnTo>
                  <a:pt x="258" y="6"/>
                </a:lnTo>
                <a:lnTo>
                  <a:pt x="282" y="22"/>
                </a:lnTo>
                <a:lnTo>
                  <a:pt x="314" y="40"/>
                </a:lnTo>
                <a:lnTo>
                  <a:pt x="338" y="64"/>
                </a:lnTo>
                <a:lnTo>
                  <a:pt x="370" y="72"/>
                </a:lnTo>
                <a:lnTo>
                  <a:pt x="400" y="84"/>
                </a:lnTo>
                <a:lnTo>
                  <a:pt x="442" y="78"/>
                </a:lnTo>
                <a:lnTo>
                  <a:pt x="470" y="54"/>
                </a:lnTo>
                <a:lnTo>
                  <a:pt x="478" y="74"/>
                </a:lnTo>
                <a:lnTo>
                  <a:pt x="488" y="96"/>
                </a:lnTo>
                <a:lnTo>
                  <a:pt x="498" y="132"/>
                </a:lnTo>
                <a:lnTo>
                  <a:pt x="530" y="148"/>
                </a:lnTo>
                <a:lnTo>
                  <a:pt x="514" y="158"/>
                </a:lnTo>
                <a:lnTo>
                  <a:pt x="514" y="180"/>
                </a:lnTo>
                <a:lnTo>
                  <a:pt x="496" y="196"/>
                </a:lnTo>
                <a:lnTo>
                  <a:pt x="472" y="166"/>
                </a:lnTo>
                <a:lnTo>
                  <a:pt x="438" y="166"/>
                </a:lnTo>
                <a:lnTo>
                  <a:pt x="422" y="172"/>
                </a:lnTo>
                <a:lnTo>
                  <a:pt x="408" y="166"/>
                </a:lnTo>
                <a:lnTo>
                  <a:pt x="392" y="176"/>
                </a:lnTo>
                <a:lnTo>
                  <a:pt x="346" y="168"/>
                </a:lnTo>
                <a:lnTo>
                  <a:pt x="326" y="172"/>
                </a:lnTo>
                <a:lnTo>
                  <a:pt x="306" y="160"/>
                </a:lnTo>
                <a:lnTo>
                  <a:pt x="296" y="180"/>
                </a:lnTo>
                <a:lnTo>
                  <a:pt x="272" y="174"/>
                </a:lnTo>
                <a:lnTo>
                  <a:pt x="258" y="198"/>
                </a:lnTo>
                <a:lnTo>
                  <a:pt x="230" y="176"/>
                </a:lnTo>
                <a:lnTo>
                  <a:pt x="210" y="176"/>
                </a:lnTo>
                <a:lnTo>
                  <a:pt x="208" y="232"/>
                </a:lnTo>
                <a:lnTo>
                  <a:pt x="240" y="252"/>
                </a:lnTo>
                <a:lnTo>
                  <a:pt x="270" y="304"/>
                </a:lnTo>
                <a:lnTo>
                  <a:pt x="288" y="322"/>
                </a:lnTo>
                <a:lnTo>
                  <a:pt x="314" y="344"/>
                </a:lnTo>
                <a:lnTo>
                  <a:pt x="338" y="364"/>
                </a:lnTo>
                <a:lnTo>
                  <a:pt x="362" y="388"/>
                </a:lnTo>
                <a:lnTo>
                  <a:pt x="376" y="416"/>
                </a:lnTo>
                <a:lnTo>
                  <a:pt x="400" y="440"/>
                </a:lnTo>
                <a:lnTo>
                  <a:pt x="416" y="454"/>
                </a:lnTo>
                <a:lnTo>
                  <a:pt x="432" y="470"/>
                </a:lnTo>
                <a:lnTo>
                  <a:pt x="458" y="484"/>
                </a:lnTo>
                <a:lnTo>
                  <a:pt x="424" y="478"/>
                </a:lnTo>
                <a:lnTo>
                  <a:pt x="400" y="454"/>
                </a:lnTo>
                <a:lnTo>
                  <a:pt x="370" y="436"/>
                </a:lnTo>
                <a:lnTo>
                  <a:pt x="344" y="420"/>
                </a:lnTo>
                <a:lnTo>
                  <a:pt x="322" y="406"/>
                </a:lnTo>
                <a:lnTo>
                  <a:pt x="302" y="398"/>
                </a:lnTo>
                <a:lnTo>
                  <a:pt x="280" y="392"/>
                </a:lnTo>
                <a:lnTo>
                  <a:pt x="258" y="400"/>
                </a:lnTo>
                <a:lnTo>
                  <a:pt x="240" y="392"/>
                </a:lnTo>
                <a:lnTo>
                  <a:pt x="238" y="376"/>
                </a:lnTo>
                <a:lnTo>
                  <a:pt x="222" y="368"/>
                </a:lnTo>
                <a:lnTo>
                  <a:pt x="202" y="358"/>
                </a:lnTo>
                <a:lnTo>
                  <a:pt x="184" y="350"/>
                </a:lnTo>
                <a:lnTo>
                  <a:pt x="162" y="328"/>
                </a:lnTo>
                <a:lnTo>
                  <a:pt x="160" y="302"/>
                </a:lnTo>
                <a:lnTo>
                  <a:pt x="182" y="296"/>
                </a:lnTo>
                <a:lnTo>
                  <a:pt x="162" y="280"/>
                </a:lnTo>
                <a:lnTo>
                  <a:pt x="142" y="264"/>
                </a:lnTo>
                <a:lnTo>
                  <a:pt x="128" y="240"/>
                </a:lnTo>
                <a:lnTo>
                  <a:pt x="126" y="204"/>
                </a:lnTo>
                <a:lnTo>
                  <a:pt x="104" y="190"/>
                </a:lnTo>
                <a:lnTo>
                  <a:pt x="86" y="174"/>
                </a:lnTo>
                <a:lnTo>
                  <a:pt x="66" y="174"/>
                </a:lnTo>
                <a:lnTo>
                  <a:pt x="64" y="192"/>
                </a:lnTo>
                <a:lnTo>
                  <a:pt x="62" y="208"/>
                </a:lnTo>
                <a:lnTo>
                  <a:pt x="50" y="214"/>
                </a:lnTo>
                <a:lnTo>
                  <a:pt x="48" y="232"/>
                </a:lnTo>
                <a:lnTo>
                  <a:pt x="38" y="240"/>
                </a:lnTo>
                <a:lnTo>
                  <a:pt x="22" y="216"/>
                </a:lnTo>
                <a:lnTo>
                  <a:pt x="8" y="198"/>
                </a:lnTo>
                <a:lnTo>
                  <a:pt x="0" y="174"/>
                </a:lnTo>
                <a:lnTo>
                  <a:pt x="2" y="156"/>
                </a:lnTo>
                <a:close/>
              </a:path>
            </a:pathLst>
          </a:custGeom>
          <a:solidFill>
            <a:srgbClr val="80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09" name="Freeform 6"/>
          <p:cNvSpPr>
            <a:spLocks/>
          </p:cNvSpPr>
          <p:nvPr/>
        </p:nvSpPr>
        <p:spPr bwMode="auto">
          <a:xfrm>
            <a:off x="5883275" y="4767263"/>
            <a:ext cx="476250" cy="436562"/>
          </a:xfrm>
          <a:custGeom>
            <a:avLst/>
            <a:gdLst>
              <a:gd name="T0" fmla="*/ 2147483647 w 368"/>
              <a:gd name="T1" fmla="*/ 2147483647 h 338"/>
              <a:gd name="T2" fmla="*/ 2147483647 w 368"/>
              <a:gd name="T3" fmla="*/ 2147483647 h 338"/>
              <a:gd name="T4" fmla="*/ 2147483647 w 368"/>
              <a:gd name="T5" fmla="*/ 2147483647 h 338"/>
              <a:gd name="T6" fmla="*/ 2147483647 w 368"/>
              <a:gd name="T7" fmla="*/ 2147483647 h 338"/>
              <a:gd name="T8" fmla="*/ 2147483647 w 368"/>
              <a:gd name="T9" fmla="*/ 2147483647 h 338"/>
              <a:gd name="T10" fmla="*/ 2147483647 w 368"/>
              <a:gd name="T11" fmla="*/ 2147483647 h 338"/>
              <a:gd name="T12" fmla="*/ 2147483647 w 368"/>
              <a:gd name="T13" fmla="*/ 2147483647 h 338"/>
              <a:gd name="T14" fmla="*/ 2147483647 w 368"/>
              <a:gd name="T15" fmla="*/ 2147483647 h 338"/>
              <a:gd name="T16" fmla="*/ 2147483647 w 368"/>
              <a:gd name="T17" fmla="*/ 2147483647 h 338"/>
              <a:gd name="T18" fmla="*/ 2147483647 w 368"/>
              <a:gd name="T19" fmla="*/ 2147483647 h 338"/>
              <a:gd name="T20" fmla="*/ 2147483647 w 368"/>
              <a:gd name="T21" fmla="*/ 2147483647 h 338"/>
              <a:gd name="T22" fmla="*/ 2147483647 w 368"/>
              <a:gd name="T23" fmla="*/ 2147483647 h 338"/>
              <a:gd name="T24" fmla="*/ 2147483647 w 368"/>
              <a:gd name="T25" fmla="*/ 2147483647 h 338"/>
              <a:gd name="T26" fmla="*/ 2147483647 w 368"/>
              <a:gd name="T27" fmla="*/ 2147483647 h 338"/>
              <a:gd name="T28" fmla="*/ 2147483647 w 368"/>
              <a:gd name="T29" fmla="*/ 2147483647 h 338"/>
              <a:gd name="T30" fmla="*/ 2147483647 w 368"/>
              <a:gd name="T31" fmla="*/ 2147483647 h 338"/>
              <a:gd name="T32" fmla="*/ 2147483647 w 368"/>
              <a:gd name="T33" fmla="*/ 2147483647 h 338"/>
              <a:gd name="T34" fmla="*/ 2147483647 w 368"/>
              <a:gd name="T35" fmla="*/ 2147483647 h 338"/>
              <a:gd name="T36" fmla="*/ 2147483647 w 368"/>
              <a:gd name="T37" fmla="*/ 2147483647 h 338"/>
              <a:gd name="T38" fmla="*/ 2147483647 w 368"/>
              <a:gd name="T39" fmla="*/ 2147483647 h 338"/>
              <a:gd name="T40" fmla="*/ 2147483647 w 368"/>
              <a:gd name="T41" fmla="*/ 2147483647 h 338"/>
              <a:gd name="T42" fmla="*/ 2147483647 w 368"/>
              <a:gd name="T43" fmla="*/ 2147483647 h 338"/>
              <a:gd name="T44" fmla="*/ 2147483647 w 368"/>
              <a:gd name="T45" fmla="*/ 2147483647 h 338"/>
              <a:gd name="T46" fmla="*/ 2147483647 w 368"/>
              <a:gd name="T47" fmla="*/ 2147483647 h 338"/>
              <a:gd name="T48" fmla="*/ 2147483647 w 368"/>
              <a:gd name="T49" fmla="*/ 2147483647 h 338"/>
              <a:gd name="T50" fmla="*/ 2147483647 w 368"/>
              <a:gd name="T51" fmla="*/ 2147483647 h 338"/>
              <a:gd name="T52" fmla="*/ 2147483647 w 368"/>
              <a:gd name="T53" fmla="*/ 2147483647 h 338"/>
              <a:gd name="T54" fmla="*/ 2147483647 w 368"/>
              <a:gd name="T55" fmla="*/ 2147483647 h 338"/>
              <a:gd name="T56" fmla="*/ 2147483647 w 368"/>
              <a:gd name="T57" fmla="*/ 2147483647 h 338"/>
              <a:gd name="T58" fmla="*/ 2147483647 w 368"/>
              <a:gd name="T59" fmla="*/ 2147483647 h 338"/>
              <a:gd name="T60" fmla="*/ 2147483647 w 368"/>
              <a:gd name="T61" fmla="*/ 2147483647 h 338"/>
              <a:gd name="T62" fmla="*/ 2147483647 w 368"/>
              <a:gd name="T63" fmla="*/ 2147483647 h 338"/>
              <a:gd name="T64" fmla="*/ 2147483647 w 368"/>
              <a:gd name="T65" fmla="*/ 2147483647 h 338"/>
              <a:gd name="T66" fmla="*/ 2147483647 w 368"/>
              <a:gd name="T67" fmla="*/ 2147483647 h 338"/>
              <a:gd name="T68" fmla="*/ 2147483647 w 368"/>
              <a:gd name="T69" fmla="*/ 2147483647 h 338"/>
              <a:gd name="T70" fmla="*/ 2147483647 w 368"/>
              <a:gd name="T71" fmla="*/ 2147483647 h 338"/>
              <a:gd name="T72" fmla="*/ 2147483647 w 368"/>
              <a:gd name="T73" fmla="*/ 2147483647 h 338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0" t="0" r="r" b="b"/>
            <a:pathLst>
              <a:path w="368" h="338">
                <a:moveTo>
                  <a:pt x="306" y="20"/>
                </a:moveTo>
                <a:lnTo>
                  <a:pt x="334" y="24"/>
                </a:lnTo>
                <a:lnTo>
                  <a:pt x="330" y="44"/>
                </a:lnTo>
                <a:lnTo>
                  <a:pt x="318" y="66"/>
                </a:lnTo>
                <a:lnTo>
                  <a:pt x="314" y="74"/>
                </a:lnTo>
                <a:lnTo>
                  <a:pt x="322" y="104"/>
                </a:lnTo>
                <a:lnTo>
                  <a:pt x="338" y="108"/>
                </a:lnTo>
                <a:lnTo>
                  <a:pt x="352" y="120"/>
                </a:lnTo>
                <a:lnTo>
                  <a:pt x="366" y="132"/>
                </a:lnTo>
                <a:lnTo>
                  <a:pt x="362" y="142"/>
                </a:lnTo>
                <a:lnTo>
                  <a:pt x="338" y="142"/>
                </a:lnTo>
                <a:lnTo>
                  <a:pt x="348" y="156"/>
                </a:lnTo>
                <a:lnTo>
                  <a:pt x="358" y="168"/>
                </a:lnTo>
                <a:lnTo>
                  <a:pt x="368" y="180"/>
                </a:lnTo>
                <a:lnTo>
                  <a:pt x="362" y="192"/>
                </a:lnTo>
                <a:lnTo>
                  <a:pt x="350" y="188"/>
                </a:lnTo>
                <a:lnTo>
                  <a:pt x="340" y="196"/>
                </a:lnTo>
                <a:lnTo>
                  <a:pt x="324" y="198"/>
                </a:lnTo>
                <a:lnTo>
                  <a:pt x="314" y="208"/>
                </a:lnTo>
                <a:lnTo>
                  <a:pt x="324" y="220"/>
                </a:lnTo>
                <a:lnTo>
                  <a:pt x="326" y="234"/>
                </a:lnTo>
                <a:lnTo>
                  <a:pt x="318" y="226"/>
                </a:lnTo>
                <a:lnTo>
                  <a:pt x="306" y="230"/>
                </a:lnTo>
                <a:lnTo>
                  <a:pt x="298" y="240"/>
                </a:lnTo>
                <a:lnTo>
                  <a:pt x="294" y="254"/>
                </a:lnTo>
                <a:lnTo>
                  <a:pt x="294" y="272"/>
                </a:lnTo>
                <a:lnTo>
                  <a:pt x="282" y="274"/>
                </a:lnTo>
                <a:lnTo>
                  <a:pt x="278" y="290"/>
                </a:lnTo>
                <a:lnTo>
                  <a:pt x="280" y="294"/>
                </a:lnTo>
                <a:lnTo>
                  <a:pt x="284" y="300"/>
                </a:lnTo>
                <a:lnTo>
                  <a:pt x="294" y="318"/>
                </a:lnTo>
                <a:lnTo>
                  <a:pt x="288" y="338"/>
                </a:lnTo>
                <a:lnTo>
                  <a:pt x="274" y="334"/>
                </a:lnTo>
                <a:lnTo>
                  <a:pt x="256" y="332"/>
                </a:lnTo>
                <a:lnTo>
                  <a:pt x="250" y="324"/>
                </a:lnTo>
                <a:lnTo>
                  <a:pt x="242" y="318"/>
                </a:lnTo>
                <a:lnTo>
                  <a:pt x="224" y="310"/>
                </a:lnTo>
                <a:lnTo>
                  <a:pt x="208" y="294"/>
                </a:lnTo>
                <a:lnTo>
                  <a:pt x="202" y="288"/>
                </a:lnTo>
                <a:lnTo>
                  <a:pt x="192" y="280"/>
                </a:lnTo>
                <a:lnTo>
                  <a:pt x="182" y="270"/>
                </a:lnTo>
                <a:lnTo>
                  <a:pt x="172" y="260"/>
                </a:lnTo>
                <a:lnTo>
                  <a:pt x="168" y="256"/>
                </a:lnTo>
                <a:lnTo>
                  <a:pt x="160" y="240"/>
                </a:lnTo>
                <a:lnTo>
                  <a:pt x="154" y="228"/>
                </a:lnTo>
                <a:lnTo>
                  <a:pt x="132" y="204"/>
                </a:lnTo>
                <a:lnTo>
                  <a:pt x="126" y="198"/>
                </a:lnTo>
                <a:lnTo>
                  <a:pt x="110" y="186"/>
                </a:lnTo>
                <a:lnTo>
                  <a:pt x="92" y="172"/>
                </a:lnTo>
                <a:lnTo>
                  <a:pt x="76" y="158"/>
                </a:lnTo>
                <a:lnTo>
                  <a:pt x="62" y="144"/>
                </a:lnTo>
                <a:lnTo>
                  <a:pt x="46" y="118"/>
                </a:lnTo>
                <a:lnTo>
                  <a:pt x="32" y="92"/>
                </a:lnTo>
                <a:lnTo>
                  <a:pt x="14" y="82"/>
                </a:lnTo>
                <a:lnTo>
                  <a:pt x="0" y="72"/>
                </a:lnTo>
                <a:lnTo>
                  <a:pt x="2" y="54"/>
                </a:lnTo>
                <a:lnTo>
                  <a:pt x="2" y="32"/>
                </a:lnTo>
                <a:lnTo>
                  <a:pt x="2" y="16"/>
                </a:lnTo>
                <a:lnTo>
                  <a:pt x="22" y="16"/>
                </a:lnTo>
                <a:lnTo>
                  <a:pt x="50" y="38"/>
                </a:lnTo>
                <a:lnTo>
                  <a:pt x="64" y="14"/>
                </a:lnTo>
                <a:lnTo>
                  <a:pt x="88" y="20"/>
                </a:lnTo>
                <a:lnTo>
                  <a:pt x="98" y="0"/>
                </a:lnTo>
                <a:lnTo>
                  <a:pt x="118" y="12"/>
                </a:lnTo>
                <a:lnTo>
                  <a:pt x="138" y="8"/>
                </a:lnTo>
                <a:lnTo>
                  <a:pt x="160" y="12"/>
                </a:lnTo>
                <a:lnTo>
                  <a:pt x="184" y="16"/>
                </a:lnTo>
                <a:lnTo>
                  <a:pt x="200" y="6"/>
                </a:lnTo>
                <a:lnTo>
                  <a:pt x="214" y="12"/>
                </a:lnTo>
                <a:lnTo>
                  <a:pt x="228" y="6"/>
                </a:lnTo>
                <a:lnTo>
                  <a:pt x="264" y="6"/>
                </a:lnTo>
                <a:lnTo>
                  <a:pt x="282" y="26"/>
                </a:lnTo>
                <a:lnTo>
                  <a:pt x="288" y="36"/>
                </a:lnTo>
                <a:lnTo>
                  <a:pt x="298" y="26"/>
                </a:lnTo>
                <a:lnTo>
                  <a:pt x="306" y="2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10" name="Freeform 7"/>
          <p:cNvSpPr>
            <a:spLocks/>
          </p:cNvSpPr>
          <p:nvPr/>
        </p:nvSpPr>
        <p:spPr bwMode="auto">
          <a:xfrm>
            <a:off x="6223000" y="4575175"/>
            <a:ext cx="569913" cy="727075"/>
          </a:xfrm>
          <a:custGeom>
            <a:avLst/>
            <a:gdLst>
              <a:gd name="T0" fmla="*/ 2147483647 w 440"/>
              <a:gd name="T1" fmla="*/ 2147483647 h 562"/>
              <a:gd name="T2" fmla="*/ 2147483647 w 440"/>
              <a:gd name="T3" fmla="*/ 2147483647 h 562"/>
              <a:gd name="T4" fmla="*/ 2147483647 w 440"/>
              <a:gd name="T5" fmla="*/ 2147483647 h 562"/>
              <a:gd name="T6" fmla="*/ 2147483647 w 440"/>
              <a:gd name="T7" fmla="*/ 2147483647 h 562"/>
              <a:gd name="T8" fmla="*/ 2147483647 w 440"/>
              <a:gd name="T9" fmla="*/ 2147483647 h 562"/>
              <a:gd name="T10" fmla="*/ 2147483647 w 440"/>
              <a:gd name="T11" fmla="*/ 2147483647 h 562"/>
              <a:gd name="T12" fmla="*/ 2147483647 w 440"/>
              <a:gd name="T13" fmla="*/ 2147483647 h 562"/>
              <a:gd name="T14" fmla="*/ 2147483647 w 440"/>
              <a:gd name="T15" fmla="*/ 2147483647 h 562"/>
              <a:gd name="T16" fmla="*/ 2147483647 w 440"/>
              <a:gd name="T17" fmla="*/ 2147483647 h 562"/>
              <a:gd name="T18" fmla="*/ 2147483647 w 440"/>
              <a:gd name="T19" fmla="*/ 2147483647 h 562"/>
              <a:gd name="T20" fmla="*/ 2147483647 w 440"/>
              <a:gd name="T21" fmla="*/ 2147483647 h 562"/>
              <a:gd name="T22" fmla="*/ 2147483647 w 440"/>
              <a:gd name="T23" fmla="*/ 2147483647 h 562"/>
              <a:gd name="T24" fmla="*/ 2147483647 w 440"/>
              <a:gd name="T25" fmla="*/ 2147483647 h 562"/>
              <a:gd name="T26" fmla="*/ 2147483647 w 440"/>
              <a:gd name="T27" fmla="*/ 2147483647 h 562"/>
              <a:gd name="T28" fmla="*/ 2147483647 w 440"/>
              <a:gd name="T29" fmla="*/ 2147483647 h 562"/>
              <a:gd name="T30" fmla="*/ 2147483647 w 440"/>
              <a:gd name="T31" fmla="*/ 2147483647 h 562"/>
              <a:gd name="T32" fmla="*/ 2147483647 w 440"/>
              <a:gd name="T33" fmla="*/ 2147483647 h 562"/>
              <a:gd name="T34" fmla="*/ 2147483647 w 440"/>
              <a:gd name="T35" fmla="*/ 2147483647 h 562"/>
              <a:gd name="T36" fmla="*/ 2147483647 w 440"/>
              <a:gd name="T37" fmla="*/ 2147483647 h 562"/>
              <a:gd name="T38" fmla="*/ 2147483647 w 440"/>
              <a:gd name="T39" fmla="*/ 2147483647 h 562"/>
              <a:gd name="T40" fmla="*/ 2147483647 w 440"/>
              <a:gd name="T41" fmla="*/ 2147483647 h 562"/>
              <a:gd name="T42" fmla="*/ 2147483647 w 440"/>
              <a:gd name="T43" fmla="*/ 2147483647 h 562"/>
              <a:gd name="T44" fmla="*/ 2147483647 w 440"/>
              <a:gd name="T45" fmla="*/ 2147483647 h 562"/>
              <a:gd name="T46" fmla="*/ 2147483647 w 440"/>
              <a:gd name="T47" fmla="*/ 2147483647 h 562"/>
              <a:gd name="T48" fmla="*/ 2147483647 w 440"/>
              <a:gd name="T49" fmla="*/ 2147483647 h 562"/>
              <a:gd name="T50" fmla="*/ 2147483647 w 440"/>
              <a:gd name="T51" fmla="*/ 2147483647 h 562"/>
              <a:gd name="T52" fmla="*/ 2147483647 w 440"/>
              <a:gd name="T53" fmla="*/ 2147483647 h 562"/>
              <a:gd name="T54" fmla="*/ 2147483647 w 440"/>
              <a:gd name="T55" fmla="*/ 2147483647 h 562"/>
              <a:gd name="T56" fmla="*/ 2147483647 w 440"/>
              <a:gd name="T57" fmla="*/ 2147483647 h 562"/>
              <a:gd name="T58" fmla="*/ 2147483647 w 440"/>
              <a:gd name="T59" fmla="*/ 2147483647 h 562"/>
              <a:gd name="T60" fmla="*/ 2147483647 w 440"/>
              <a:gd name="T61" fmla="*/ 2147483647 h 562"/>
              <a:gd name="T62" fmla="*/ 2147483647 w 440"/>
              <a:gd name="T63" fmla="*/ 2147483647 h 562"/>
              <a:gd name="T64" fmla="*/ 2147483647 w 440"/>
              <a:gd name="T65" fmla="*/ 2147483647 h 562"/>
              <a:gd name="T66" fmla="*/ 2147483647 w 440"/>
              <a:gd name="T67" fmla="*/ 2147483647 h 562"/>
              <a:gd name="T68" fmla="*/ 2147483647 w 440"/>
              <a:gd name="T69" fmla="*/ 2147483647 h 562"/>
              <a:gd name="T70" fmla="*/ 2147483647 w 440"/>
              <a:gd name="T71" fmla="*/ 2147483647 h 562"/>
              <a:gd name="T72" fmla="*/ 2147483647 w 440"/>
              <a:gd name="T73" fmla="*/ 2147483647 h 562"/>
              <a:gd name="T74" fmla="*/ 2147483647 w 440"/>
              <a:gd name="T75" fmla="*/ 2147483647 h 562"/>
              <a:gd name="T76" fmla="*/ 2147483647 w 440"/>
              <a:gd name="T77" fmla="*/ 2147483647 h 562"/>
              <a:gd name="T78" fmla="*/ 2147483647 w 440"/>
              <a:gd name="T79" fmla="*/ 2147483647 h 562"/>
              <a:gd name="T80" fmla="*/ 2147483647 w 440"/>
              <a:gd name="T81" fmla="*/ 2147483647 h 562"/>
              <a:gd name="T82" fmla="*/ 2147483647 w 440"/>
              <a:gd name="T83" fmla="*/ 2147483647 h 562"/>
              <a:gd name="T84" fmla="*/ 2147483647 w 440"/>
              <a:gd name="T85" fmla="*/ 2147483647 h 562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440" h="562">
                <a:moveTo>
                  <a:pt x="0" y="42"/>
                </a:moveTo>
                <a:lnTo>
                  <a:pt x="16" y="40"/>
                </a:lnTo>
                <a:lnTo>
                  <a:pt x="28" y="30"/>
                </a:lnTo>
                <a:lnTo>
                  <a:pt x="46" y="30"/>
                </a:lnTo>
                <a:lnTo>
                  <a:pt x="68" y="2"/>
                </a:lnTo>
                <a:lnTo>
                  <a:pt x="88" y="2"/>
                </a:lnTo>
                <a:lnTo>
                  <a:pt x="128" y="0"/>
                </a:lnTo>
                <a:lnTo>
                  <a:pt x="142" y="14"/>
                </a:lnTo>
                <a:lnTo>
                  <a:pt x="158" y="26"/>
                </a:lnTo>
                <a:lnTo>
                  <a:pt x="172" y="42"/>
                </a:lnTo>
                <a:lnTo>
                  <a:pt x="184" y="46"/>
                </a:lnTo>
                <a:lnTo>
                  <a:pt x="186" y="66"/>
                </a:lnTo>
                <a:lnTo>
                  <a:pt x="194" y="80"/>
                </a:lnTo>
                <a:lnTo>
                  <a:pt x="210" y="94"/>
                </a:lnTo>
                <a:lnTo>
                  <a:pt x="228" y="94"/>
                </a:lnTo>
                <a:lnTo>
                  <a:pt x="236" y="102"/>
                </a:lnTo>
                <a:lnTo>
                  <a:pt x="250" y="100"/>
                </a:lnTo>
                <a:lnTo>
                  <a:pt x="260" y="112"/>
                </a:lnTo>
                <a:lnTo>
                  <a:pt x="258" y="124"/>
                </a:lnTo>
                <a:lnTo>
                  <a:pt x="256" y="130"/>
                </a:lnTo>
                <a:lnTo>
                  <a:pt x="268" y="138"/>
                </a:lnTo>
                <a:lnTo>
                  <a:pt x="262" y="146"/>
                </a:lnTo>
                <a:lnTo>
                  <a:pt x="248" y="156"/>
                </a:lnTo>
                <a:lnTo>
                  <a:pt x="260" y="160"/>
                </a:lnTo>
                <a:lnTo>
                  <a:pt x="276" y="158"/>
                </a:lnTo>
                <a:lnTo>
                  <a:pt x="284" y="166"/>
                </a:lnTo>
                <a:lnTo>
                  <a:pt x="316" y="168"/>
                </a:lnTo>
                <a:lnTo>
                  <a:pt x="326" y="184"/>
                </a:lnTo>
                <a:lnTo>
                  <a:pt x="336" y="182"/>
                </a:lnTo>
                <a:lnTo>
                  <a:pt x="338" y="170"/>
                </a:lnTo>
                <a:lnTo>
                  <a:pt x="346" y="156"/>
                </a:lnTo>
                <a:lnTo>
                  <a:pt x="356" y="152"/>
                </a:lnTo>
                <a:lnTo>
                  <a:pt x="368" y="156"/>
                </a:lnTo>
                <a:lnTo>
                  <a:pt x="390" y="164"/>
                </a:lnTo>
                <a:lnTo>
                  <a:pt x="386" y="172"/>
                </a:lnTo>
                <a:lnTo>
                  <a:pt x="370" y="172"/>
                </a:lnTo>
                <a:lnTo>
                  <a:pt x="362" y="184"/>
                </a:lnTo>
                <a:lnTo>
                  <a:pt x="370" y="198"/>
                </a:lnTo>
                <a:lnTo>
                  <a:pt x="388" y="204"/>
                </a:lnTo>
                <a:lnTo>
                  <a:pt x="386" y="214"/>
                </a:lnTo>
                <a:lnTo>
                  <a:pt x="382" y="230"/>
                </a:lnTo>
                <a:lnTo>
                  <a:pt x="370" y="242"/>
                </a:lnTo>
                <a:lnTo>
                  <a:pt x="370" y="270"/>
                </a:lnTo>
                <a:lnTo>
                  <a:pt x="382" y="288"/>
                </a:lnTo>
                <a:lnTo>
                  <a:pt x="390" y="302"/>
                </a:lnTo>
                <a:lnTo>
                  <a:pt x="408" y="316"/>
                </a:lnTo>
                <a:lnTo>
                  <a:pt x="428" y="328"/>
                </a:lnTo>
                <a:lnTo>
                  <a:pt x="440" y="338"/>
                </a:lnTo>
                <a:lnTo>
                  <a:pt x="434" y="356"/>
                </a:lnTo>
                <a:lnTo>
                  <a:pt x="422" y="366"/>
                </a:lnTo>
                <a:lnTo>
                  <a:pt x="420" y="380"/>
                </a:lnTo>
                <a:lnTo>
                  <a:pt x="408" y="384"/>
                </a:lnTo>
                <a:lnTo>
                  <a:pt x="398" y="396"/>
                </a:lnTo>
                <a:lnTo>
                  <a:pt x="404" y="428"/>
                </a:lnTo>
                <a:lnTo>
                  <a:pt x="412" y="434"/>
                </a:lnTo>
                <a:lnTo>
                  <a:pt x="408" y="452"/>
                </a:lnTo>
                <a:lnTo>
                  <a:pt x="400" y="462"/>
                </a:lnTo>
                <a:lnTo>
                  <a:pt x="392" y="456"/>
                </a:lnTo>
                <a:lnTo>
                  <a:pt x="378" y="464"/>
                </a:lnTo>
                <a:lnTo>
                  <a:pt x="358" y="466"/>
                </a:lnTo>
                <a:lnTo>
                  <a:pt x="340" y="480"/>
                </a:lnTo>
                <a:lnTo>
                  <a:pt x="314" y="486"/>
                </a:lnTo>
                <a:lnTo>
                  <a:pt x="306" y="490"/>
                </a:lnTo>
                <a:lnTo>
                  <a:pt x="304" y="506"/>
                </a:lnTo>
                <a:lnTo>
                  <a:pt x="286" y="494"/>
                </a:lnTo>
                <a:lnTo>
                  <a:pt x="272" y="504"/>
                </a:lnTo>
                <a:lnTo>
                  <a:pt x="254" y="518"/>
                </a:lnTo>
                <a:lnTo>
                  <a:pt x="256" y="540"/>
                </a:lnTo>
                <a:lnTo>
                  <a:pt x="240" y="544"/>
                </a:lnTo>
                <a:lnTo>
                  <a:pt x="238" y="526"/>
                </a:lnTo>
                <a:lnTo>
                  <a:pt x="228" y="504"/>
                </a:lnTo>
                <a:lnTo>
                  <a:pt x="224" y="496"/>
                </a:lnTo>
                <a:lnTo>
                  <a:pt x="204" y="488"/>
                </a:lnTo>
                <a:lnTo>
                  <a:pt x="194" y="484"/>
                </a:lnTo>
                <a:lnTo>
                  <a:pt x="190" y="470"/>
                </a:lnTo>
                <a:lnTo>
                  <a:pt x="176" y="464"/>
                </a:lnTo>
                <a:lnTo>
                  <a:pt x="154" y="480"/>
                </a:lnTo>
                <a:lnTo>
                  <a:pt x="146" y="470"/>
                </a:lnTo>
                <a:lnTo>
                  <a:pt x="150" y="460"/>
                </a:lnTo>
                <a:lnTo>
                  <a:pt x="138" y="460"/>
                </a:lnTo>
                <a:lnTo>
                  <a:pt x="114" y="510"/>
                </a:lnTo>
                <a:lnTo>
                  <a:pt x="108" y="520"/>
                </a:lnTo>
                <a:lnTo>
                  <a:pt x="118" y="530"/>
                </a:lnTo>
                <a:lnTo>
                  <a:pt x="116" y="562"/>
                </a:lnTo>
                <a:lnTo>
                  <a:pt x="100" y="554"/>
                </a:lnTo>
                <a:lnTo>
                  <a:pt x="100" y="544"/>
                </a:lnTo>
                <a:lnTo>
                  <a:pt x="72" y="514"/>
                </a:lnTo>
                <a:lnTo>
                  <a:pt x="58" y="514"/>
                </a:lnTo>
                <a:lnTo>
                  <a:pt x="46" y="506"/>
                </a:lnTo>
                <a:lnTo>
                  <a:pt x="48" y="494"/>
                </a:lnTo>
                <a:lnTo>
                  <a:pt x="32" y="498"/>
                </a:lnTo>
                <a:lnTo>
                  <a:pt x="22" y="492"/>
                </a:lnTo>
                <a:lnTo>
                  <a:pt x="26" y="486"/>
                </a:lnTo>
                <a:lnTo>
                  <a:pt x="30" y="474"/>
                </a:lnTo>
                <a:lnTo>
                  <a:pt x="32" y="466"/>
                </a:lnTo>
                <a:lnTo>
                  <a:pt x="22" y="448"/>
                </a:lnTo>
                <a:lnTo>
                  <a:pt x="16" y="438"/>
                </a:lnTo>
                <a:lnTo>
                  <a:pt x="20" y="422"/>
                </a:lnTo>
                <a:lnTo>
                  <a:pt x="32" y="420"/>
                </a:lnTo>
                <a:lnTo>
                  <a:pt x="32" y="402"/>
                </a:lnTo>
                <a:lnTo>
                  <a:pt x="36" y="388"/>
                </a:lnTo>
                <a:lnTo>
                  <a:pt x="44" y="378"/>
                </a:lnTo>
                <a:lnTo>
                  <a:pt x="56" y="374"/>
                </a:lnTo>
                <a:lnTo>
                  <a:pt x="64" y="382"/>
                </a:lnTo>
                <a:lnTo>
                  <a:pt x="62" y="368"/>
                </a:lnTo>
                <a:lnTo>
                  <a:pt x="52" y="356"/>
                </a:lnTo>
                <a:lnTo>
                  <a:pt x="62" y="346"/>
                </a:lnTo>
                <a:lnTo>
                  <a:pt x="78" y="344"/>
                </a:lnTo>
                <a:lnTo>
                  <a:pt x="88" y="336"/>
                </a:lnTo>
                <a:lnTo>
                  <a:pt x="100" y="340"/>
                </a:lnTo>
                <a:lnTo>
                  <a:pt x="106" y="326"/>
                </a:lnTo>
                <a:lnTo>
                  <a:pt x="86" y="304"/>
                </a:lnTo>
                <a:lnTo>
                  <a:pt x="76" y="290"/>
                </a:lnTo>
                <a:lnTo>
                  <a:pt x="100" y="290"/>
                </a:lnTo>
                <a:lnTo>
                  <a:pt x="104" y="280"/>
                </a:lnTo>
                <a:lnTo>
                  <a:pt x="90" y="268"/>
                </a:lnTo>
                <a:lnTo>
                  <a:pt x="82" y="262"/>
                </a:lnTo>
                <a:lnTo>
                  <a:pt x="76" y="256"/>
                </a:lnTo>
                <a:lnTo>
                  <a:pt x="60" y="252"/>
                </a:lnTo>
                <a:lnTo>
                  <a:pt x="54" y="232"/>
                </a:lnTo>
                <a:lnTo>
                  <a:pt x="52" y="222"/>
                </a:lnTo>
                <a:lnTo>
                  <a:pt x="56" y="214"/>
                </a:lnTo>
                <a:lnTo>
                  <a:pt x="68" y="192"/>
                </a:lnTo>
                <a:lnTo>
                  <a:pt x="72" y="172"/>
                </a:lnTo>
                <a:lnTo>
                  <a:pt x="44" y="168"/>
                </a:lnTo>
                <a:lnTo>
                  <a:pt x="44" y="146"/>
                </a:lnTo>
                <a:lnTo>
                  <a:pt x="60" y="136"/>
                </a:lnTo>
                <a:lnTo>
                  <a:pt x="28" y="120"/>
                </a:lnTo>
                <a:lnTo>
                  <a:pt x="18" y="84"/>
                </a:lnTo>
                <a:lnTo>
                  <a:pt x="0" y="4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11" name="Freeform 8"/>
          <p:cNvSpPr>
            <a:spLocks/>
          </p:cNvSpPr>
          <p:nvPr/>
        </p:nvSpPr>
        <p:spPr bwMode="auto">
          <a:xfrm>
            <a:off x="6523038" y="5165725"/>
            <a:ext cx="319087" cy="279400"/>
          </a:xfrm>
          <a:custGeom>
            <a:avLst/>
            <a:gdLst>
              <a:gd name="T0" fmla="*/ 2147483647 w 246"/>
              <a:gd name="T1" fmla="*/ 2147483647 h 216"/>
              <a:gd name="T2" fmla="*/ 2147483647 w 246"/>
              <a:gd name="T3" fmla="*/ 2147483647 h 216"/>
              <a:gd name="T4" fmla="*/ 2147483647 w 246"/>
              <a:gd name="T5" fmla="*/ 2147483647 h 216"/>
              <a:gd name="T6" fmla="*/ 2147483647 w 246"/>
              <a:gd name="T7" fmla="*/ 2147483647 h 216"/>
              <a:gd name="T8" fmla="*/ 2147483647 w 246"/>
              <a:gd name="T9" fmla="*/ 2147483647 h 216"/>
              <a:gd name="T10" fmla="*/ 2147483647 w 246"/>
              <a:gd name="T11" fmla="*/ 2147483647 h 216"/>
              <a:gd name="T12" fmla="*/ 2147483647 w 246"/>
              <a:gd name="T13" fmla="*/ 2147483647 h 216"/>
              <a:gd name="T14" fmla="*/ 2147483647 w 246"/>
              <a:gd name="T15" fmla="*/ 2147483647 h 216"/>
              <a:gd name="T16" fmla="*/ 2147483647 w 246"/>
              <a:gd name="T17" fmla="*/ 2147483647 h 216"/>
              <a:gd name="T18" fmla="*/ 2147483647 w 246"/>
              <a:gd name="T19" fmla="*/ 2147483647 h 216"/>
              <a:gd name="T20" fmla="*/ 2147483647 w 246"/>
              <a:gd name="T21" fmla="*/ 2147483647 h 216"/>
              <a:gd name="T22" fmla="*/ 2147483647 w 246"/>
              <a:gd name="T23" fmla="*/ 2147483647 h 216"/>
              <a:gd name="T24" fmla="*/ 2147483647 w 246"/>
              <a:gd name="T25" fmla="*/ 2147483647 h 216"/>
              <a:gd name="T26" fmla="*/ 2147483647 w 246"/>
              <a:gd name="T27" fmla="*/ 2147483647 h 216"/>
              <a:gd name="T28" fmla="*/ 2147483647 w 246"/>
              <a:gd name="T29" fmla="*/ 2147483647 h 216"/>
              <a:gd name="T30" fmla="*/ 2147483647 w 246"/>
              <a:gd name="T31" fmla="*/ 2147483647 h 216"/>
              <a:gd name="T32" fmla="*/ 2147483647 w 246"/>
              <a:gd name="T33" fmla="*/ 2147483647 h 216"/>
              <a:gd name="T34" fmla="*/ 2147483647 w 246"/>
              <a:gd name="T35" fmla="*/ 2147483647 h 216"/>
              <a:gd name="T36" fmla="*/ 2147483647 w 246"/>
              <a:gd name="T37" fmla="*/ 2147483647 h 216"/>
              <a:gd name="T38" fmla="*/ 2147483647 w 246"/>
              <a:gd name="T39" fmla="*/ 2147483647 h 216"/>
              <a:gd name="T40" fmla="*/ 2147483647 w 246"/>
              <a:gd name="T41" fmla="*/ 2147483647 h 216"/>
              <a:gd name="T42" fmla="*/ 2147483647 w 246"/>
              <a:gd name="T43" fmla="*/ 2147483647 h 216"/>
              <a:gd name="T44" fmla="*/ 2147483647 w 246"/>
              <a:gd name="T45" fmla="*/ 2147483647 h 216"/>
              <a:gd name="T46" fmla="*/ 2147483647 w 246"/>
              <a:gd name="T47" fmla="*/ 2147483647 h 216"/>
              <a:gd name="T48" fmla="*/ 2147483647 w 246"/>
              <a:gd name="T49" fmla="*/ 2147483647 h 216"/>
              <a:gd name="T50" fmla="*/ 2147483647 w 246"/>
              <a:gd name="T51" fmla="*/ 2147483647 h 216"/>
              <a:gd name="T52" fmla="*/ 0 w 246"/>
              <a:gd name="T53" fmla="*/ 2147483647 h 216"/>
              <a:gd name="T54" fmla="*/ 2147483647 w 246"/>
              <a:gd name="T55" fmla="*/ 2147483647 h 216"/>
              <a:gd name="T56" fmla="*/ 2147483647 w 246"/>
              <a:gd name="T57" fmla="*/ 2147483647 h 216"/>
              <a:gd name="T58" fmla="*/ 2147483647 w 246"/>
              <a:gd name="T59" fmla="*/ 2147483647 h 216"/>
              <a:gd name="T60" fmla="*/ 2147483647 w 246"/>
              <a:gd name="T61" fmla="*/ 2147483647 h 216"/>
              <a:gd name="T62" fmla="*/ 2147483647 w 246"/>
              <a:gd name="T63" fmla="*/ 2147483647 h 216"/>
              <a:gd name="T64" fmla="*/ 2147483647 w 246"/>
              <a:gd name="T65" fmla="*/ 2147483647 h 216"/>
              <a:gd name="T66" fmla="*/ 2147483647 w 246"/>
              <a:gd name="T67" fmla="*/ 2147483647 h 216"/>
              <a:gd name="T68" fmla="*/ 2147483647 w 246"/>
              <a:gd name="T69" fmla="*/ 2147483647 h 216"/>
              <a:gd name="T70" fmla="*/ 2147483647 w 246"/>
              <a:gd name="T71" fmla="*/ 2147483647 h 216"/>
              <a:gd name="T72" fmla="*/ 2147483647 w 246"/>
              <a:gd name="T73" fmla="*/ 2147483647 h 216"/>
              <a:gd name="T74" fmla="*/ 2147483647 w 246"/>
              <a:gd name="T75" fmla="*/ 2147483647 h 216"/>
              <a:gd name="T76" fmla="*/ 2147483647 w 246"/>
              <a:gd name="T77" fmla="*/ 2147483647 h 216"/>
              <a:gd name="T78" fmla="*/ 2147483647 w 246"/>
              <a:gd name="T79" fmla="*/ 0 h 216"/>
              <a:gd name="T80" fmla="*/ 2147483647 w 246"/>
              <a:gd name="T81" fmla="*/ 2147483647 h 21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0" t="0" r="r" b="b"/>
            <a:pathLst>
              <a:path w="246" h="216">
                <a:moveTo>
                  <a:pt x="168" y="6"/>
                </a:moveTo>
                <a:lnTo>
                  <a:pt x="186" y="24"/>
                </a:lnTo>
                <a:lnTo>
                  <a:pt x="208" y="30"/>
                </a:lnTo>
                <a:lnTo>
                  <a:pt x="218" y="36"/>
                </a:lnTo>
                <a:lnTo>
                  <a:pt x="236" y="54"/>
                </a:lnTo>
                <a:lnTo>
                  <a:pt x="244" y="74"/>
                </a:lnTo>
                <a:lnTo>
                  <a:pt x="242" y="94"/>
                </a:lnTo>
                <a:lnTo>
                  <a:pt x="246" y="120"/>
                </a:lnTo>
                <a:lnTo>
                  <a:pt x="230" y="122"/>
                </a:lnTo>
                <a:lnTo>
                  <a:pt x="230" y="144"/>
                </a:lnTo>
                <a:lnTo>
                  <a:pt x="208" y="154"/>
                </a:lnTo>
                <a:lnTo>
                  <a:pt x="188" y="154"/>
                </a:lnTo>
                <a:lnTo>
                  <a:pt x="172" y="160"/>
                </a:lnTo>
                <a:lnTo>
                  <a:pt x="160" y="160"/>
                </a:lnTo>
                <a:lnTo>
                  <a:pt x="138" y="190"/>
                </a:lnTo>
                <a:lnTo>
                  <a:pt x="126" y="204"/>
                </a:lnTo>
                <a:lnTo>
                  <a:pt x="108" y="200"/>
                </a:lnTo>
                <a:lnTo>
                  <a:pt x="94" y="208"/>
                </a:lnTo>
                <a:lnTo>
                  <a:pt x="66" y="216"/>
                </a:lnTo>
                <a:lnTo>
                  <a:pt x="64" y="206"/>
                </a:lnTo>
                <a:lnTo>
                  <a:pt x="54" y="206"/>
                </a:lnTo>
                <a:lnTo>
                  <a:pt x="50" y="212"/>
                </a:lnTo>
                <a:lnTo>
                  <a:pt x="38" y="210"/>
                </a:lnTo>
                <a:lnTo>
                  <a:pt x="34" y="196"/>
                </a:lnTo>
                <a:lnTo>
                  <a:pt x="12" y="170"/>
                </a:lnTo>
                <a:lnTo>
                  <a:pt x="14" y="152"/>
                </a:lnTo>
                <a:lnTo>
                  <a:pt x="0" y="132"/>
                </a:lnTo>
                <a:lnTo>
                  <a:pt x="8" y="128"/>
                </a:lnTo>
                <a:lnTo>
                  <a:pt x="8" y="118"/>
                </a:lnTo>
                <a:lnTo>
                  <a:pt x="8" y="88"/>
                </a:lnTo>
                <a:lnTo>
                  <a:pt x="24" y="84"/>
                </a:lnTo>
                <a:lnTo>
                  <a:pt x="22" y="62"/>
                </a:lnTo>
                <a:lnTo>
                  <a:pt x="54" y="40"/>
                </a:lnTo>
                <a:lnTo>
                  <a:pt x="72" y="50"/>
                </a:lnTo>
                <a:lnTo>
                  <a:pt x="74" y="34"/>
                </a:lnTo>
                <a:lnTo>
                  <a:pt x="84" y="30"/>
                </a:lnTo>
                <a:lnTo>
                  <a:pt x="108" y="24"/>
                </a:lnTo>
                <a:lnTo>
                  <a:pt x="126" y="10"/>
                </a:lnTo>
                <a:lnTo>
                  <a:pt x="146" y="8"/>
                </a:lnTo>
                <a:lnTo>
                  <a:pt x="160" y="0"/>
                </a:lnTo>
                <a:lnTo>
                  <a:pt x="168" y="6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12" name="Freeform 9"/>
          <p:cNvSpPr>
            <a:spLocks/>
          </p:cNvSpPr>
          <p:nvPr/>
        </p:nvSpPr>
        <p:spPr bwMode="auto">
          <a:xfrm>
            <a:off x="6362700" y="5170488"/>
            <a:ext cx="261938" cy="487362"/>
          </a:xfrm>
          <a:custGeom>
            <a:avLst/>
            <a:gdLst>
              <a:gd name="T0" fmla="*/ 2147483647 w 202"/>
              <a:gd name="T1" fmla="*/ 2147483647 h 376"/>
              <a:gd name="T2" fmla="*/ 2147483647 w 202"/>
              <a:gd name="T3" fmla="*/ 2147483647 h 376"/>
              <a:gd name="T4" fmla="*/ 0 w 202"/>
              <a:gd name="T5" fmla="*/ 2147483647 h 376"/>
              <a:gd name="T6" fmla="*/ 2147483647 w 202"/>
              <a:gd name="T7" fmla="*/ 2147483647 h 376"/>
              <a:gd name="T8" fmla="*/ 2147483647 w 202"/>
              <a:gd name="T9" fmla="*/ 0 h 376"/>
              <a:gd name="T10" fmla="*/ 2147483647 w 202"/>
              <a:gd name="T11" fmla="*/ 0 h 376"/>
              <a:gd name="T12" fmla="*/ 2147483647 w 202"/>
              <a:gd name="T13" fmla="*/ 2147483647 h 376"/>
              <a:gd name="T14" fmla="*/ 2147483647 w 202"/>
              <a:gd name="T15" fmla="*/ 2147483647 h 376"/>
              <a:gd name="T16" fmla="*/ 2147483647 w 202"/>
              <a:gd name="T17" fmla="*/ 2147483647 h 376"/>
              <a:gd name="T18" fmla="*/ 2147483647 w 202"/>
              <a:gd name="T19" fmla="*/ 2147483647 h 376"/>
              <a:gd name="T20" fmla="*/ 2147483647 w 202"/>
              <a:gd name="T21" fmla="*/ 2147483647 h 376"/>
              <a:gd name="T22" fmla="*/ 2147483647 w 202"/>
              <a:gd name="T23" fmla="*/ 2147483647 h 376"/>
              <a:gd name="T24" fmla="*/ 2147483647 w 202"/>
              <a:gd name="T25" fmla="*/ 2147483647 h 376"/>
              <a:gd name="T26" fmla="*/ 2147483647 w 202"/>
              <a:gd name="T27" fmla="*/ 2147483647 h 376"/>
              <a:gd name="T28" fmla="*/ 2147483647 w 202"/>
              <a:gd name="T29" fmla="*/ 2147483647 h 376"/>
              <a:gd name="T30" fmla="*/ 2147483647 w 202"/>
              <a:gd name="T31" fmla="*/ 2147483647 h 376"/>
              <a:gd name="T32" fmla="*/ 2147483647 w 202"/>
              <a:gd name="T33" fmla="*/ 2147483647 h 376"/>
              <a:gd name="T34" fmla="*/ 2147483647 w 202"/>
              <a:gd name="T35" fmla="*/ 2147483647 h 376"/>
              <a:gd name="T36" fmla="*/ 2147483647 w 202"/>
              <a:gd name="T37" fmla="*/ 2147483647 h 376"/>
              <a:gd name="T38" fmla="*/ 2147483647 w 202"/>
              <a:gd name="T39" fmla="*/ 2147483647 h 376"/>
              <a:gd name="T40" fmla="*/ 2147483647 w 202"/>
              <a:gd name="T41" fmla="*/ 2147483647 h 376"/>
              <a:gd name="T42" fmla="*/ 2147483647 w 202"/>
              <a:gd name="T43" fmla="*/ 2147483647 h 376"/>
              <a:gd name="T44" fmla="*/ 2147483647 w 202"/>
              <a:gd name="T45" fmla="*/ 2147483647 h 376"/>
              <a:gd name="T46" fmla="*/ 2147483647 w 202"/>
              <a:gd name="T47" fmla="*/ 2147483647 h 376"/>
              <a:gd name="T48" fmla="*/ 2147483647 w 202"/>
              <a:gd name="T49" fmla="*/ 2147483647 h 376"/>
              <a:gd name="T50" fmla="*/ 2147483647 w 202"/>
              <a:gd name="T51" fmla="*/ 2147483647 h 376"/>
              <a:gd name="T52" fmla="*/ 2147483647 w 202"/>
              <a:gd name="T53" fmla="*/ 2147483647 h 376"/>
              <a:gd name="T54" fmla="*/ 2147483647 w 202"/>
              <a:gd name="T55" fmla="*/ 2147483647 h 376"/>
              <a:gd name="T56" fmla="*/ 2147483647 w 202"/>
              <a:gd name="T57" fmla="*/ 2147483647 h 376"/>
              <a:gd name="T58" fmla="*/ 2147483647 w 202"/>
              <a:gd name="T59" fmla="*/ 2147483647 h 376"/>
              <a:gd name="T60" fmla="*/ 2147483647 w 202"/>
              <a:gd name="T61" fmla="*/ 2147483647 h 376"/>
              <a:gd name="T62" fmla="*/ 2147483647 w 202"/>
              <a:gd name="T63" fmla="*/ 2147483647 h 376"/>
              <a:gd name="T64" fmla="*/ 2147483647 w 202"/>
              <a:gd name="T65" fmla="*/ 2147483647 h 376"/>
              <a:gd name="T66" fmla="*/ 2147483647 w 202"/>
              <a:gd name="T67" fmla="*/ 2147483647 h 376"/>
              <a:gd name="T68" fmla="*/ 2147483647 w 202"/>
              <a:gd name="T69" fmla="*/ 2147483647 h 376"/>
              <a:gd name="T70" fmla="*/ 2147483647 w 202"/>
              <a:gd name="T71" fmla="*/ 2147483647 h 376"/>
              <a:gd name="T72" fmla="*/ 2147483647 w 202"/>
              <a:gd name="T73" fmla="*/ 2147483647 h 376"/>
              <a:gd name="T74" fmla="*/ 2147483647 w 202"/>
              <a:gd name="T75" fmla="*/ 2147483647 h 376"/>
              <a:gd name="T76" fmla="*/ 2147483647 w 202"/>
              <a:gd name="T77" fmla="*/ 2147483647 h 376"/>
              <a:gd name="T78" fmla="*/ 2147483647 w 202"/>
              <a:gd name="T79" fmla="*/ 2147483647 h 376"/>
              <a:gd name="T80" fmla="*/ 2147483647 w 202"/>
              <a:gd name="T81" fmla="*/ 2147483647 h 376"/>
              <a:gd name="T82" fmla="*/ 2147483647 w 202"/>
              <a:gd name="T83" fmla="*/ 2147483647 h 376"/>
              <a:gd name="T84" fmla="*/ 2147483647 w 202"/>
              <a:gd name="T85" fmla="*/ 2147483647 h 376"/>
              <a:gd name="T86" fmla="*/ 2147483647 w 202"/>
              <a:gd name="T87" fmla="*/ 2147483647 h 376"/>
              <a:gd name="T88" fmla="*/ 2147483647 w 202"/>
              <a:gd name="T89" fmla="*/ 2147483647 h 376"/>
              <a:gd name="T90" fmla="*/ 2147483647 w 202"/>
              <a:gd name="T91" fmla="*/ 2147483647 h 376"/>
              <a:gd name="T92" fmla="*/ 2147483647 w 202"/>
              <a:gd name="T93" fmla="*/ 2147483647 h 376"/>
              <a:gd name="T94" fmla="*/ 2147483647 w 202"/>
              <a:gd name="T95" fmla="*/ 2147483647 h 376"/>
              <a:gd name="T96" fmla="*/ 2147483647 w 202"/>
              <a:gd name="T97" fmla="*/ 2147483647 h 376"/>
              <a:gd name="T98" fmla="*/ 2147483647 w 202"/>
              <a:gd name="T99" fmla="*/ 2147483647 h 376"/>
              <a:gd name="T100" fmla="*/ 2147483647 w 202"/>
              <a:gd name="T101" fmla="*/ 2147483647 h 376"/>
              <a:gd name="T102" fmla="*/ 2147483647 w 202"/>
              <a:gd name="T103" fmla="*/ 2147483647 h 376"/>
              <a:gd name="T104" fmla="*/ 2147483647 w 202"/>
              <a:gd name="T105" fmla="*/ 2147483647 h 376"/>
              <a:gd name="T106" fmla="*/ 2147483647 w 202"/>
              <a:gd name="T107" fmla="*/ 2147483647 h 376"/>
              <a:gd name="T108" fmla="*/ 2147483647 w 202"/>
              <a:gd name="T109" fmla="*/ 2147483647 h 376"/>
              <a:gd name="T110" fmla="*/ 2147483647 w 202"/>
              <a:gd name="T111" fmla="*/ 2147483647 h 376"/>
              <a:gd name="T112" fmla="*/ 2147483647 w 202"/>
              <a:gd name="T113" fmla="*/ 2147483647 h 376"/>
              <a:gd name="T114" fmla="*/ 2147483647 w 202"/>
              <a:gd name="T115" fmla="*/ 2147483647 h 376"/>
              <a:gd name="T116" fmla="*/ 2147483647 w 202"/>
              <a:gd name="T117" fmla="*/ 2147483647 h 376"/>
              <a:gd name="T118" fmla="*/ 2147483647 w 202"/>
              <a:gd name="T119" fmla="*/ 2147483647 h 376"/>
              <a:gd name="T120" fmla="*/ 2147483647 w 202"/>
              <a:gd name="T121" fmla="*/ 2147483647 h 37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202" h="376">
                <a:moveTo>
                  <a:pt x="8" y="102"/>
                </a:moveTo>
                <a:lnTo>
                  <a:pt x="10" y="70"/>
                </a:lnTo>
                <a:lnTo>
                  <a:pt x="0" y="60"/>
                </a:lnTo>
                <a:lnTo>
                  <a:pt x="6" y="50"/>
                </a:lnTo>
                <a:lnTo>
                  <a:pt x="30" y="0"/>
                </a:lnTo>
                <a:lnTo>
                  <a:pt x="42" y="0"/>
                </a:lnTo>
                <a:lnTo>
                  <a:pt x="38" y="10"/>
                </a:lnTo>
                <a:lnTo>
                  <a:pt x="46" y="20"/>
                </a:lnTo>
                <a:lnTo>
                  <a:pt x="68" y="4"/>
                </a:lnTo>
                <a:lnTo>
                  <a:pt x="82" y="10"/>
                </a:lnTo>
                <a:lnTo>
                  <a:pt x="86" y="24"/>
                </a:lnTo>
                <a:lnTo>
                  <a:pt x="116" y="36"/>
                </a:lnTo>
                <a:lnTo>
                  <a:pt x="130" y="66"/>
                </a:lnTo>
                <a:lnTo>
                  <a:pt x="132" y="84"/>
                </a:lnTo>
                <a:lnTo>
                  <a:pt x="132" y="106"/>
                </a:lnTo>
                <a:lnTo>
                  <a:pt x="132" y="124"/>
                </a:lnTo>
                <a:lnTo>
                  <a:pt x="124" y="128"/>
                </a:lnTo>
                <a:lnTo>
                  <a:pt x="138" y="148"/>
                </a:lnTo>
                <a:lnTo>
                  <a:pt x="136" y="166"/>
                </a:lnTo>
                <a:lnTo>
                  <a:pt x="158" y="192"/>
                </a:lnTo>
                <a:lnTo>
                  <a:pt x="162" y="206"/>
                </a:lnTo>
                <a:lnTo>
                  <a:pt x="174" y="208"/>
                </a:lnTo>
                <a:lnTo>
                  <a:pt x="178" y="202"/>
                </a:lnTo>
                <a:lnTo>
                  <a:pt x="188" y="202"/>
                </a:lnTo>
                <a:lnTo>
                  <a:pt x="190" y="212"/>
                </a:lnTo>
                <a:lnTo>
                  <a:pt x="192" y="226"/>
                </a:lnTo>
                <a:lnTo>
                  <a:pt x="202" y="234"/>
                </a:lnTo>
                <a:lnTo>
                  <a:pt x="194" y="260"/>
                </a:lnTo>
                <a:lnTo>
                  <a:pt x="182" y="262"/>
                </a:lnTo>
                <a:lnTo>
                  <a:pt x="174" y="288"/>
                </a:lnTo>
                <a:lnTo>
                  <a:pt x="174" y="308"/>
                </a:lnTo>
                <a:lnTo>
                  <a:pt x="168" y="316"/>
                </a:lnTo>
                <a:lnTo>
                  <a:pt x="154" y="316"/>
                </a:lnTo>
                <a:lnTo>
                  <a:pt x="142" y="334"/>
                </a:lnTo>
                <a:lnTo>
                  <a:pt x="152" y="348"/>
                </a:lnTo>
                <a:lnTo>
                  <a:pt x="152" y="358"/>
                </a:lnTo>
                <a:lnTo>
                  <a:pt x="144" y="358"/>
                </a:lnTo>
                <a:lnTo>
                  <a:pt x="144" y="368"/>
                </a:lnTo>
                <a:lnTo>
                  <a:pt x="130" y="376"/>
                </a:lnTo>
                <a:lnTo>
                  <a:pt x="114" y="374"/>
                </a:lnTo>
                <a:lnTo>
                  <a:pt x="114" y="356"/>
                </a:lnTo>
                <a:lnTo>
                  <a:pt x="90" y="330"/>
                </a:lnTo>
                <a:lnTo>
                  <a:pt x="54" y="318"/>
                </a:lnTo>
                <a:lnTo>
                  <a:pt x="32" y="292"/>
                </a:lnTo>
                <a:lnTo>
                  <a:pt x="48" y="294"/>
                </a:lnTo>
                <a:lnTo>
                  <a:pt x="48" y="282"/>
                </a:lnTo>
                <a:lnTo>
                  <a:pt x="44" y="272"/>
                </a:lnTo>
                <a:lnTo>
                  <a:pt x="28" y="262"/>
                </a:lnTo>
                <a:lnTo>
                  <a:pt x="34" y="230"/>
                </a:lnTo>
                <a:lnTo>
                  <a:pt x="42" y="226"/>
                </a:lnTo>
                <a:lnTo>
                  <a:pt x="44" y="220"/>
                </a:lnTo>
                <a:lnTo>
                  <a:pt x="34" y="204"/>
                </a:lnTo>
                <a:lnTo>
                  <a:pt x="38" y="186"/>
                </a:lnTo>
                <a:lnTo>
                  <a:pt x="24" y="160"/>
                </a:lnTo>
                <a:lnTo>
                  <a:pt x="34" y="150"/>
                </a:lnTo>
                <a:lnTo>
                  <a:pt x="32" y="140"/>
                </a:lnTo>
                <a:lnTo>
                  <a:pt x="40" y="136"/>
                </a:lnTo>
                <a:lnTo>
                  <a:pt x="36" y="126"/>
                </a:lnTo>
                <a:lnTo>
                  <a:pt x="34" y="106"/>
                </a:lnTo>
                <a:lnTo>
                  <a:pt x="24" y="102"/>
                </a:lnTo>
                <a:lnTo>
                  <a:pt x="8" y="102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13" name="Freeform 10"/>
          <p:cNvSpPr>
            <a:spLocks/>
          </p:cNvSpPr>
          <p:nvPr/>
        </p:nvSpPr>
        <p:spPr bwMode="auto">
          <a:xfrm>
            <a:off x="6700838" y="4751388"/>
            <a:ext cx="752475" cy="569912"/>
          </a:xfrm>
          <a:custGeom>
            <a:avLst/>
            <a:gdLst>
              <a:gd name="T0" fmla="*/ 2147483647 w 580"/>
              <a:gd name="T1" fmla="*/ 2147483647 h 440"/>
              <a:gd name="T2" fmla="*/ 2147483647 w 580"/>
              <a:gd name="T3" fmla="*/ 2147483647 h 440"/>
              <a:gd name="T4" fmla="*/ 2147483647 w 580"/>
              <a:gd name="T5" fmla="*/ 2147483647 h 440"/>
              <a:gd name="T6" fmla="*/ 2147483647 w 580"/>
              <a:gd name="T7" fmla="*/ 2147483647 h 440"/>
              <a:gd name="T8" fmla="*/ 2147483647 w 580"/>
              <a:gd name="T9" fmla="*/ 2147483647 h 440"/>
              <a:gd name="T10" fmla="*/ 2147483647 w 580"/>
              <a:gd name="T11" fmla="*/ 2147483647 h 440"/>
              <a:gd name="T12" fmla="*/ 2147483647 w 580"/>
              <a:gd name="T13" fmla="*/ 2147483647 h 440"/>
              <a:gd name="T14" fmla="*/ 2147483647 w 580"/>
              <a:gd name="T15" fmla="*/ 2147483647 h 440"/>
              <a:gd name="T16" fmla="*/ 2147483647 w 580"/>
              <a:gd name="T17" fmla="*/ 2147483647 h 440"/>
              <a:gd name="T18" fmla="*/ 2147483647 w 580"/>
              <a:gd name="T19" fmla="*/ 0 h 440"/>
              <a:gd name="T20" fmla="*/ 2147483647 w 580"/>
              <a:gd name="T21" fmla="*/ 0 h 440"/>
              <a:gd name="T22" fmla="*/ 2147483647 w 580"/>
              <a:gd name="T23" fmla="*/ 0 h 440"/>
              <a:gd name="T24" fmla="*/ 2147483647 w 580"/>
              <a:gd name="T25" fmla="*/ 2147483647 h 440"/>
              <a:gd name="T26" fmla="*/ 2147483647 w 580"/>
              <a:gd name="T27" fmla="*/ 2147483647 h 440"/>
              <a:gd name="T28" fmla="*/ 2147483647 w 580"/>
              <a:gd name="T29" fmla="*/ 2147483647 h 440"/>
              <a:gd name="T30" fmla="*/ 2147483647 w 580"/>
              <a:gd name="T31" fmla="*/ 2147483647 h 440"/>
              <a:gd name="T32" fmla="*/ 2147483647 w 580"/>
              <a:gd name="T33" fmla="*/ 2147483647 h 440"/>
              <a:gd name="T34" fmla="*/ 2147483647 w 580"/>
              <a:gd name="T35" fmla="*/ 2147483647 h 440"/>
              <a:gd name="T36" fmla="*/ 2147483647 w 580"/>
              <a:gd name="T37" fmla="*/ 2147483647 h 440"/>
              <a:gd name="T38" fmla="*/ 2147483647 w 580"/>
              <a:gd name="T39" fmla="*/ 2147483647 h 440"/>
              <a:gd name="T40" fmla="*/ 2147483647 w 580"/>
              <a:gd name="T41" fmla="*/ 2147483647 h 440"/>
              <a:gd name="T42" fmla="*/ 2147483647 w 580"/>
              <a:gd name="T43" fmla="*/ 2147483647 h 440"/>
              <a:gd name="T44" fmla="*/ 2147483647 w 580"/>
              <a:gd name="T45" fmla="*/ 2147483647 h 440"/>
              <a:gd name="T46" fmla="*/ 2147483647 w 580"/>
              <a:gd name="T47" fmla="*/ 2147483647 h 440"/>
              <a:gd name="T48" fmla="*/ 2147483647 w 580"/>
              <a:gd name="T49" fmla="*/ 2147483647 h 440"/>
              <a:gd name="T50" fmla="*/ 2147483647 w 580"/>
              <a:gd name="T51" fmla="*/ 2147483647 h 440"/>
              <a:gd name="T52" fmla="*/ 2147483647 w 580"/>
              <a:gd name="T53" fmla="*/ 2147483647 h 440"/>
              <a:gd name="T54" fmla="*/ 2147483647 w 580"/>
              <a:gd name="T55" fmla="*/ 2147483647 h 440"/>
              <a:gd name="T56" fmla="*/ 2147483647 w 580"/>
              <a:gd name="T57" fmla="*/ 2147483647 h 440"/>
              <a:gd name="T58" fmla="*/ 2147483647 w 580"/>
              <a:gd name="T59" fmla="*/ 2147483647 h 440"/>
              <a:gd name="T60" fmla="*/ 2147483647 w 580"/>
              <a:gd name="T61" fmla="*/ 2147483647 h 440"/>
              <a:gd name="T62" fmla="*/ 2147483647 w 580"/>
              <a:gd name="T63" fmla="*/ 2147483647 h 440"/>
              <a:gd name="T64" fmla="*/ 2147483647 w 580"/>
              <a:gd name="T65" fmla="*/ 2147483647 h 440"/>
              <a:gd name="T66" fmla="*/ 2147483647 w 580"/>
              <a:gd name="T67" fmla="*/ 2147483647 h 440"/>
              <a:gd name="T68" fmla="*/ 2147483647 w 580"/>
              <a:gd name="T69" fmla="*/ 2147483647 h 440"/>
              <a:gd name="T70" fmla="*/ 2147483647 w 580"/>
              <a:gd name="T71" fmla="*/ 2147483647 h 440"/>
              <a:gd name="T72" fmla="*/ 2147483647 w 580"/>
              <a:gd name="T73" fmla="*/ 2147483647 h 440"/>
              <a:gd name="T74" fmla="*/ 2147483647 w 580"/>
              <a:gd name="T75" fmla="*/ 2147483647 h 440"/>
              <a:gd name="T76" fmla="*/ 2147483647 w 580"/>
              <a:gd name="T77" fmla="*/ 2147483647 h 440"/>
              <a:gd name="T78" fmla="*/ 2147483647 w 580"/>
              <a:gd name="T79" fmla="*/ 2147483647 h 440"/>
              <a:gd name="T80" fmla="*/ 2147483647 w 580"/>
              <a:gd name="T81" fmla="*/ 2147483647 h 440"/>
              <a:gd name="T82" fmla="*/ 2147483647 w 580"/>
              <a:gd name="T83" fmla="*/ 2147483647 h 440"/>
              <a:gd name="T84" fmla="*/ 2147483647 w 580"/>
              <a:gd name="T85" fmla="*/ 2147483647 h 440"/>
              <a:gd name="T86" fmla="*/ 2147483647 w 580"/>
              <a:gd name="T87" fmla="*/ 2147483647 h 440"/>
              <a:gd name="T88" fmla="*/ 2147483647 w 580"/>
              <a:gd name="T89" fmla="*/ 2147483647 h 440"/>
              <a:gd name="T90" fmla="*/ 2147483647 w 580"/>
              <a:gd name="T91" fmla="*/ 2147483647 h 440"/>
              <a:gd name="T92" fmla="*/ 2147483647 w 580"/>
              <a:gd name="T93" fmla="*/ 2147483647 h 440"/>
              <a:gd name="T94" fmla="*/ 2147483647 w 580"/>
              <a:gd name="T95" fmla="*/ 2147483647 h 440"/>
              <a:gd name="T96" fmla="*/ 2147483647 w 580"/>
              <a:gd name="T97" fmla="*/ 2147483647 h 440"/>
              <a:gd name="T98" fmla="*/ 2147483647 w 580"/>
              <a:gd name="T99" fmla="*/ 2147483647 h 440"/>
              <a:gd name="T100" fmla="*/ 2147483647 w 580"/>
              <a:gd name="T101" fmla="*/ 2147483647 h 440"/>
              <a:gd name="T102" fmla="*/ 2147483647 w 580"/>
              <a:gd name="T103" fmla="*/ 2147483647 h 440"/>
              <a:gd name="T104" fmla="*/ 2147483647 w 580"/>
              <a:gd name="T105" fmla="*/ 2147483647 h 440"/>
              <a:gd name="T106" fmla="*/ 2147483647 w 580"/>
              <a:gd name="T107" fmla="*/ 2147483647 h 440"/>
              <a:gd name="T108" fmla="*/ 0 w 580"/>
              <a:gd name="T109" fmla="*/ 2147483647 h 440"/>
              <a:gd name="T110" fmla="*/ 2147483647 w 580"/>
              <a:gd name="T111" fmla="*/ 2147483647 h 440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580" h="440">
                <a:moveTo>
                  <a:pt x="18" y="68"/>
                </a:moveTo>
                <a:lnTo>
                  <a:pt x="36" y="84"/>
                </a:lnTo>
                <a:lnTo>
                  <a:pt x="50" y="84"/>
                </a:lnTo>
                <a:lnTo>
                  <a:pt x="54" y="94"/>
                </a:lnTo>
                <a:lnTo>
                  <a:pt x="38" y="108"/>
                </a:lnTo>
                <a:lnTo>
                  <a:pt x="42" y="118"/>
                </a:lnTo>
                <a:lnTo>
                  <a:pt x="58" y="122"/>
                </a:lnTo>
                <a:lnTo>
                  <a:pt x="86" y="110"/>
                </a:lnTo>
                <a:lnTo>
                  <a:pt x="140" y="110"/>
                </a:lnTo>
                <a:lnTo>
                  <a:pt x="168" y="120"/>
                </a:lnTo>
                <a:lnTo>
                  <a:pt x="200" y="100"/>
                </a:lnTo>
                <a:lnTo>
                  <a:pt x="234" y="102"/>
                </a:lnTo>
                <a:lnTo>
                  <a:pt x="266" y="96"/>
                </a:lnTo>
                <a:lnTo>
                  <a:pt x="280" y="102"/>
                </a:lnTo>
                <a:lnTo>
                  <a:pt x="310" y="88"/>
                </a:lnTo>
                <a:lnTo>
                  <a:pt x="334" y="54"/>
                </a:lnTo>
                <a:lnTo>
                  <a:pt x="352" y="32"/>
                </a:lnTo>
                <a:lnTo>
                  <a:pt x="382" y="24"/>
                </a:lnTo>
                <a:lnTo>
                  <a:pt x="414" y="2"/>
                </a:lnTo>
                <a:lnTo>
                  <a:pt x="444" y="0"/>
                </a:lnTo>
                <a:lnTo>
                  <a:pt x="458" y="8"/>
                </a:lnTo>
                <a:lnTo>
                  <a:pt x="478" y="0"/>
                </a:lnTo>
                <a:lnTo>
                  <a:pt x="488" y="8"/>
                </a:lnTo>
                <a:lnTo>
                  <a:pt x="506" y="0"/>
                </a:lnTo>
                <a:lnTo>
                  <a:pt x="522" y="20"/>
                </a:lnTo>
                <a:lnTo>
                  <a:pt x="570" y="20"/>
                </a:lnTo>
                <a:lnTo>
                  <a:pt x="574" y="30"/>
                </a:lnTo>
                <a:lnTo>
                  <a:pt x="580" y="38"/>
                </a:lnTo>
                <a:lnTo>
                  <a:pt x="580" y="50"/>
                </a:lnTo>
                <a:lnTo>
                  <a:pt x="576" y="60"/>
                </a:lnTo>
                <a:lnTo>
                  <a:pt x="564" y="66"/>
                </a:lnTo>
                <a:lnTo>
                  <a:pt x="554" y="68"/>
                </a:lnTo>
                <a:lnTo>
                  <a:pt x="546" y="70"/>
                </a:lnTo>
                <a:lnTo>
                  <a:pt x="538" y="80"/>
                </a:lnTo>
                <a:lnTo>
                  <a:pt x="534" y="90"/>
                </a:lnTo>
                <a:lnTo>
                  <a:pt x="530" y="108"/>
                </a:lnTo>
                <a:lnTo>
                  <a:pt x="534" y="120"/>
                </a:lnTo>
                <a:lnTo>
                  <a:pt x="534" y="136"/>
                </a:lnTo>
                <a:lnTo>
                  <a:pt x="538" y="154"/>
                </a:lnTo>
                <a:lnTo>
                  <a:pt x="540" y="160"/>
                </a:lnTo>
                <a:lnTo>
                  <a:pt x="540" y="164"/>
                </a:lnTo>
                <a:lnTo>
                  <a:pt x="528" y="170"/>
                </a:lnTo>
                <a:lnTo>
                  <a:pt x="520" y="180"/>
                </a:lnTo>
                <a:lnTo>
                  <a:pt x="522" y="188"/>
                </a:lnTo>
                <a:lnTo>
                  <a:pt x="510" y="194"/>
                </a:lnTo>
                <a:lnTo>
                  <a:pt x="510" y="200"/>
                </a:lnTo>
                <a:lnTo>
                  <a:pt x="514" y="206"/>
                </a:lnTo>
                <a:lnTo>
                  <a:pt x="524" y="206"/>
                </a:lnTo>
                <a:lnTo>
                  <a:pt x="540" y="216"/>
                </a:lnTo>
                <a:lnTo>
                  <a:pt x="548" y="230"/>
                </a:lnTo>
                <a:lnTo>
                  <a:pt x="564" y="238"/>
                </a:lnTo>
                <a:lnTo>
                  <a:pt x="574" y="250"/>
                </a:lnTo>
                <a:lnTo>
                  <a:pt x="560" y="254"/>
                </a:lnTo>
                <a:lnTo>
                  <a:pt x="560" y="262"/>
                </a:lnTo>
                <a:lnTo>
                  <a:pt x="540" y="264"/>
                </a:lnTo>
                <a:lnTo>
                  <a:pt x="538" y="268"/>
                </a:lnTo>
                <a:lnTo>
                  <a:pt x="524" y="268"/>
                </a:lnTo>
                <a:lnTo>
                  <a:pt x="504" y="254"/>
                </a:lnTo>
                <a:lnTo>
                  <a:pt x="500" y="262"/>
                </a:lnTo>
                <a:lnTo>
                  <a:pt x="482" y="262"/>
                </a:lnTo>
                <a:lnTo>
                  <a:pt x="476" y="274"/>
                </a:lnTo>
                <a:lnTo>
                  <a:pt x="456" y="284"/>
                </a:lnTo>
                <a:lnTo>
                  <a:pt x="448" y="286"/>
                </a:lnTo>
                <a:lnTo>
                  <a:pt x="442" y="292"/>
                </a:lnTo>
                <a:lnTo>
                  <a:pt x="442" y="302"/>
                </a:lnTo>
                <a:lnTo>
                  <a:pt x="438" y="306"/>
                </a:lnTo>
                <a:lnTo>
                  <a:pt x="430" y="310"/>
                </a:lnTo>
                <a:lnTo>
                  <a:pt x="422" y="316"/>
                </a:lnTo>
                <a:lnTo>
                  <a:pt x="424" y="328"/>
                </a:lnTo>
                <a:lnTo>
                  <a:pt x="408" y="324"/>
                </a:lnTo>
                <a:lnTo>
                  <a:pt x="398" y="334"/>
                </a:lnTo>
                <a:lnTo>
                  <a:pt x="416" y="350"/>
                </a:lnTo>
                <a:lnTo>
                  <a:pt x="420" y="370"/>
                </a:lnTo>
                <a:lnTo>
                  <a:pt x="398" y="384"/>
                </a:lnTo>
                <a:lnTo>
                  <a:pt x="368" y="390"/>
                </a:lnTo>
                <a:lnTo>
                  <a:pt x="336" y="410"/>
                </a:lnTo>
                <a:lnTo>
                  <a:pt x="316" y="396"/>
                </a:lnTo>
                <a:lnTo>
                  <a:pt x="290" y="396"/>
                </a:lnTo>
                <a:lnTo>
                  <a:pt x="288" y="406"/>
                </a:lnTo>
                <a:lnTo>
                  <a:pt x="252" y="382"/>
                </a:lnTo>
                <a:lnTo>
                  <a:pt x="244" y="390"/>
                </a:lnTo>
                <a:lnTo>
                  <a:pt x="224" y="388"/>
                </a:lnTo>
                <a:lnTo>
                  <a:pt x="210" y="404"/>
                </a:lnTo>
                <a:lnTo>
                  <a:pt x="174" y="424"/>
                </a:lnTo>
                <a:lnTo>
                  <a:pt x="142" y="428"/>
                </a:lnTo>
                <a:lnTo>
                  <a:pt x="132" y="438"/>
                </a:lnTo>
                <a:lnTo>
                  <a:pt x="108" y="440"/>
                </a:lnTo>
                <a:lnTo>
                  <a:pt x="104" y="414"/>
                </a:lnTo>
                <a:lnTo>
                  <a:pt x="104" y="400"/>
                </a:lnTo>
                <a:lnTo>
                  <a:pt x="106" y="394"/>
                </a:lnTo>
                <a:lnTo>
                  <a:pt x="98" y="374"/>
                </a:lnTo>
                <a:lnTo>
                  <a:pt x="80" y="356"/>
                </a:lnTo>
                <a:lnTo>
                  <a:pt x="70" y="350"/>
                </a:lnTo>
                <a:lnTo>
                  <a:pt x="48" y="344"/>
                </a:lnTo>
                <a:lnTo>
                  <a:pt x="30" y="326"/>
                </a:lnTo>
                <a:lnTo>
                  <a:pt x="38" y="316"/>
                </a:lnTo>
                <a:lnTo>
                  <a:pt x="42" y="298"/>
                </a:lnTo>
                <a:lnTo>
                  <a:pt x="34" y="292"/>
                </a:lnTo>
                <a:lnTo>
                  <a:pt x="28" y="260"/>
                </a:lnTo>
                <a:lnTo>
                  <a:pt x="38" y="248"/>
                </a:lnTo>
                <a:lnTo>
                  <a:pt x="50" y="244"/>
                </a:lnTo>
                <a:lnTo>
                  <a:pt x="52" y="230"/>
                </a:lnTo>
                <a:lnTo>
                  <a:pt x="64" y="220"/>
                </a:lnTo>
                <a:lnTo>
                  <a:pt x="70" y="202"/>
                </a:lnTo>
                <a:lnTo>
                  <a:pt x="56" y="192"/>
                </a:lnTo>
                <a:lnTo>
                  <a:pt x="38" y="180"/>
                </a:lnTo>
                <a:lnTo>
                  <a:pt x="20" y="166"/>
                </a:lnTo>
                <a:lnTo>
                  <a:pt x="10" y="150"/>
                </a:lnTo>
                <a:lnTo>
                  <a:pt x="0" y="134"/>
                </a:lnTo>
                <a:lnTo>
                  <a:pt x="0" y="106"/>
                </a:lnTo>
                <a:lnTo>
                  <a:pt x="12" y="94"/>
                </a:lnTo>
                <a:lnTo>
                  <a:pt x="18" y="68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14" name="Freeform 11"/>
          <p:cNvSpPr>
            <a:spLocks/>
          </p:cNvSpPr>
          <p:nvPr/>
        </p:nvSpPr>
        <p:spPr bwMode="auto">
          <a:xfrm>
            <a:off x="7038975" y="4033838"/>
            <a:ext cx="463550" cy="466725"/>
          </a:xfrm>
          <a:custGeom>
            <a:avLst/>
            <a:gdLst>
              <a:gd name="T0" fmla="*/ 2147483647 w 358"/>
              <a:gd name="T1" fmla="*/ 2147483647 h 360"/>
              <a:gd name="T2" fmla="*/ 2147483647 w 358"/>
              <a:gd name="T3" fmla="*/ 2147483647 h 360"/>
              <a:gd name="T4" fmla="*/ 2147483647 w 358"/>
              <a:gd name="T5" fmla="*/ 2147483647 h 360"/>
              <a:gd name="T6" fmla="*/ 2147483647 w 358"/>
              <a:gd name="T7" fmla="*/ 2147483647 h 360"/>
              <a:gd name="T8" fmla="*/ 2147483647 w 358"/>
              <a:gd name="T9" fmla="*/ 2147483647 h 360"/>
              <a:gd name="T10" fmla="*/ 2147483647 w 358"/>
              <a:gd name="T11" fmla="*/ 2147483647 h 360"/>
              <a:gd name="T12" fmla="*/ 2147483647 w 358"/>
              <a:gd name="T13" fmla="*/ 2147483647 h 360"/>
              <a:gd name="T14" fmla="*/ 2147483647 w 358"/>
              <a:gd name="T15" fmla="*/ 2147483647 h 360"/>
              <a:gd name="T16" fmla="*/ 2147483647 w 358"/>
              <a:gd name="T17" fmla="*/ 2147483647 h 360"/>
              <a:gd name="T18" fmla="*/ 2147483647 w 358"/>
              <a:gd name="T19" fmla="*/ 2147483647 h 360"/>
              <a:gd name="T20" fmla="*/ 2147483647 w 358"/>
              <a:gd name="T21" fmla="*/ 2147483647 h 360"/>
              <a:gd name="T22" fmla="*/ 2147483647 w 358"/>
              <a:gd name="T23" fmla="*/ 2147483647 h 360"/>
              <a:gd name="T24" fmla="*/ 2147483647 w 358"/>
              <a:gd name="T25" fmla="*/ 2147483647 h 360"/>
              <a:gd name="T26" fmla="*/ 2147483647 w 358"/>
              <a:gd name="T27" fmla="*/ 2147483647 h 360"/>
              <a:gd name="T28" fmla="*/ 2147483647 w 358"/>
              <a:gd name="T29" fmla="*/ 2147483647 h 360"/>
              <a:gd name="T30" fmla="*/ 0 w 358"/>
              <a:gd name="T31" fmla="*/ 2147483647 h 360"/>
              <a:gd name="T32" fmla="*/ 2147483647 w 358"/>
              <a:gd name="T33" fmla="*/ 2147483647 h 360"/>
              <a:gd name="T34" fmla="*/ 2147483647 w 358"/>
              <a:gd name="T35" fmla="*/ 2147483647 h 360"/>
              <a:gd name="T36" fmla="*/ 2147483647 w 358"/>
              <a:gd name="T37" fmla="*/ 2147483647 h 360"/>
              <a:gd name="T38" fmla="*/ 2147483647 w 358"/>
              <a:gd name="T39" fmla="*/ 2147483647 h 360"/>
              <a:gd name="T40" fmla="*/ 2147483647 w 358"/>
              <a:gd name="T41" fmla="*/ 0 h 360"/>
              <a:gd name="T42" fmla="*/ 2147483647 w 358"/>
              <a:gd name="T43" fmla="*/ 0 h 360"/>
              <a:gd name="T44" fmla="*/ 2147483647 w 358"/>
              <a:gd name="T45" fmla="*/ 2147483647 h 360"/>
              <a:gd name="T46" fmla="*/ 2147483647 w 358"/>
              <a:gd name="T47" fmla="*/ 2147483647 h 360"/>
              <a:gd name="T48" fmla="*/ 2147483647 w 358"/>
              <a:gd name="T49" fmla="*/ 2147483647 h 360"/>
              <a:gd name="T50" fmla="*/ 2147483647 w 358"/>
              <a:gd name="T51" fmla="*/ 2147483647 h 360"/>
              <a:gd name="T52" fmla="*/ 2147483647 w 358"/>
              <a:gd name="T53" fmla="*/ 2147483647 h 360"/>
              <a:gd name="T54" fmla="*/ 2147483647 w 358"/>
              <a:gd name="T55" fmla="*/ 2147483647 h 360"/>
              <a:gd name="T56" fmla="*/ 2147483647 w 358"/>
              <a:gd name="T57" fmla="*/ 2147483647 h 360"/>
              <a:gd name="T58" fmla="*/ 2147483647 w 358"/>
              <a:gd name="T59" fmla="*/ 2147483647 h 360"/>
              <a:gd name="T60" fmla="*/ 2147483647 w 358"/>
              <a:gd name="T61" fmla="*/ 2147483647 h 360"/>
              <a:gd name="T62" fmla="*/ 2147483647 w 358"/>
              <a:gd name="T63" fmla="*/ 2147483647 h 360"/>
              <a:gd name="T64" fmla="*/ 2147483647 w 358"/>
              <a:gd name="T65" fmla="*/ 2147483647 h 360"/>
              <a:gd name="T66" fmla="*/ 2147483647 w 358"/>
              <a:gd name="T67" fmla="*/ 2147483647 h 360"/>
              <a:gd name="T68" fmla="*/ 2147483647 w 358"/>
              <a:gd name="T69" fmla="*/ 2147483647 h 360"/>
              <a:gd name="T70" fmla="*/ 2147483647 w 358"/>
              <a:gd name="T71" fmla="*/ 2147483647 h 360"/>
              <a:gd name="T72" fmla="*/ 2147483647 w 358"/>
              <a:gd name="T73" fmla="*/ 2147483647 h 360"/>
              <a:gd name="T74" fmla="*/ 2147483647 w 358"/>
              <a:gd name="T75" fmla="*/ 2147483647 h 360"/>
              <a:gd name="T76" fmla="*/ 2147483647 w 358"/>
              <a:gd name="T77" fmla="*/ 2147483647 h 360"/>
              <a:gd name="T78" fmla="*/ 2147483647 w 358"/>
              <a:gd name="T79" fmla="*/ 2147483647 h 360"/>
              <a:gd name="T80" fmla="*/ 2147483647 w 358"/>
              <a:gd name="T81" fmla="*/ 2147483647 h 360"/>
              <a:gd name="T82" fmla="*/ 2147483647 w 358"/>
              <a:gd name="T83" fmla="*/ 2147483647 h 360"/>
              <a:gd name="T84" fmla="*/ 2147483647 w 358"/>
              <a:gd name="T85" fmla="*/ 2147483647 h 360"/>
              <a:gd name="T86" fmla="*/ 2147483647 w 358"/>
              <a:gd name="T87" fmla="*/ 2147483647 h 360"/>
              <a:gd name="T88" fmla="*/ 2147483647 w 358"/>
              <a:gd name="T89" fmla="*/ 2147483647 h 360"/>
              <a:gd name="T90" fmla="*/ 2147483647 w 358"/>
              <a:gd name="T91" fmla="*/ 2147483647 h 360"/>
              <a:gd name="T92" fmla="*/ 2147483647 w 358"/>
              <a:gd name="T93" fmla="*/ 2147483647 h 360"/>
              <a:gd name="T94" fmla="*/ 2147483647 w 358"/>
              <a:gd name="T95" fmla="*/ 2147483647 h 360"/>
              <a:gd name="T96" fmla="*/ 2147483647 w 358"/>
              <a:gd name="T97" fmla="*/ 2147483647 h 360"/>
              <a:gd name="T98" fmla="*/ 2147483647 w 358"/>
              <a:gd name="T99" fmla="*/ 2147483647 h 360"/>
              <a:gd name="T100" fmla="*/ 2147483647 w 358"/>
              <a:gd name="T101" fmla="*/ 2147483647 h 360"/>
              <a:gd name="T102" fmla="*/ 2147483647 w 358"/>
              <a:gd name="T103" fmla="*/ 2147483647 h 360"/>
              <a:gd name="T104" fmla="*/ 2147483647 w 358"/>
              <a:gd name="T105" fmla="*/ 2147483647 h 360"/>
              <a:gd name="T106" fmla="*/ 2147483647 w 358"/>
              <a:gd name="T107" fmla="*/ 2147483647 h 360"/>
              <a:gd name="T108" fmla="*/ 2147483647 w 358"/>
              <a:gd name="T109" fmla="*/ 2147483647 h 360"/>
              <a:gd name="T110" fmla="*/ 2147483647 w 358"/>
              <a:gd name="T111" fmla="*/ 2147483647 h 360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358" h="360">
                <a:moveTo>
                  <a:pt x="224" y="360"/>
                </a:moveTo>
                <a:lnTo>
                  <a:pt x="212" y="354"/>
                </a:lnTo>
                <a:lnTo>
                  <a:pt x="210" y="338"/>
                </a:lnTo>
                <a:lnTo>
                  <a:pt x="202" y="318"/>
                </a:lnTo>
                <a:lnTo>
                  <a:pt x="192" y="296"/>
                </a:lnTo>
                <a:lnTo>
                  <a:pt x="192" y="258"/>
                </a:lnTo>
                <a:lnTo>
                  <a:pt x="200" y="240"/>
                </a:lnTo>
                <a:lnTo>
                  <a:pt x="166" y="178"/>
                </a:lnTo>
                <a:lnTo>
                  <a:pt x="136" y="164"/>
                </a:lnTo>
                <a:lnTo>
                  <a:pt x="134" y="150"/>
                </a:lnTo>
                <a:lnTo>
                  <a:pt x="108" y="142"/>
                </a:lnTo>
                <a:lnTo>
                  <a:pt x="104" y="126"/>
                </a:lnTo>
                <a:lnTo>
                  <a:pt x="74" y="104"/>
                </a:lnTo>
                <a:lnTo>
                  <a:pt x="64" y="84"/>
                </a:lnTo>
                <a:lnTo>
                  <a:pt x="34" y="48"/>
                </a:lnTo>
                <a:lnTo>
                  <a:pt x="0" y="46"/>
                </a:lnTo>
                <a:lnTo>
                  <a:pt x="2" y="36"/>
                </a:lnTo>
                <a:lnTo>
                  <a:pt x="18" y="36"/>
                </a:lnTo>
                <a:lnTo>
                  <a:pt x="16" y="24"/>
                </a:lnTo>
                <a:lnTo>
                  <a:pt x="46" y="20"/>
                </a:lnTo>
                <a:lnTo>
                  <a:pt x="72" y="0"/>
                </a:lnTo>
                <a:lnTo>
                  <a:pt x="96" y="0"/>
                </a:lnTo>
                <a:lnTo>
                  <a:pt x="132" y="20"/>
                </a:lnTo>
                <a:lnTo>
                  <a:pt x="148" y="12"/>
                </a:lnTo>
                <a:lnTo>
                  <a:pt x="158" y="28"/>
                </a:lnTo>
                <a:lnTo>
                  <a:pt x="166" y="18"/>
                </a:lnTo>
                <a:lnTo>
                  <a:pt x="190" y="18"/>
                </a:lnTo>
                <a:lnTo>
                  <a:pt x="206" y="38"/>
                </a:lnTo>
                <a:lnTo>
                  <a:pt x="220" y="26"/>
                </a:lnTo>
                <a:lnTo>
                  <a:pt x="232" y="44"/>
                </a:lnTo>
                <a:lnTo>
                  <a:pt x="238" y="94"/>
                </a:lnTo>
                <a:lnTo>
                  <a:pt x="256" y="124"/>
                </a:lnTo>
                <a:lnTo>
                  <a:pt x="282" y="140"/>
                </a:lnTo>
                <a:lnTo>
                  <a:pt x="308" y="152"/>
                </a:lnTo>
                <a:lnTo>
                  <a:pt x="328" y="154"/>
                </a:lnTo>
                <a:lnTo>
                  <a:pt x="338" y="178"/>
                </a:lnTo>
                <a:lnTo>
                  <a:pt x="336" y="188"/>
                </a:lnTo>
                <a:lnTo>
                  <a:pt x="358" y="200"/>
                </a:lnTo>
                <a:lnTo>
                  <a:pt x="356" y="204"/>
                </a:lnTo>
                <a:lnTo>
                  <a:pt x="344" y="204"/>
                </a:lnTo>
                <a:lnTo>
                  <a:pt x="334" y="214"/>
                </a:lnTo>
                <a:lnTo>
                  <a:pt x="324" y="202"/>
                </a:lnTo>
                <a:lnTo>
                  <a:pt x="318" y="212"/>
                </a:lnTo>
                <a:lnTo>
                  <a:pt x="304" y="206"/>
                </a:lnTo>
                <a:lnTo>
                  <a:pt x="282" y="220"/>
                </a:lnTo>
                <a:lnTo>
                  <a:pt x="272" y="204"/>
                </a:lnTo>
                <a:lnTo>
                  <a:pt x="250" y="224"/>
                </a:lnTo>
                <a:lnTo>
                  <a:pt x="270" y="250"/>
                </a:lnTo>
                <a:lnTo>
                  <a:pt x="268" y="262"/>
                </a:lnTo>
                <a:lnTo>
                  <a:pt x="270" y="276"/>
                </a:lnTo>
                <a:lnTo>
                  <a:pt x="256" y="286"/>
                </a:lnTo>
                <a:lnTo>
                  <a:pt x="260" y="304"/>
                </a:lnTo>
                <a:lnTo>
                  <a:pt x="244" y="324"/>
                </a:lnTo>
                <a:lnTo>
                  <a:pt x="248" y="350"/>
                </a:lnTo>
                <a:lnTo>
                  <a:pt x="228" y="350"/>
                </a:lnTo>
                <a:lnTo>
                  <a:pt x="224" y="36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15" name="Freeform 12"/>
          <p:cNvSpPr>
            <a:spLocks/>
          </p:cNvSpPr>
          <p:nvPr/>
        </p:nvSpPr>
        <p:spPr bwMode="auto">
          <a:xfrm>
            <a:off x="6388100" y="4094163"/>
            <a:ext cx="1127125" cy="814387"/>
          </a:xfrm>
          <a:custGeom>
            <a:avLst/>
            <a:gdLst>
              <a:gd name="T0" fmla="*/ 2147483647 w 870"/>
              <a:gd name="T1" fmla="*/ 2147483647 h 630"/>
              <a:gd name="T2" fmla="*/ 2147483647 w 870"/>
              <a:gd name="T3" fmla="*/ 2147483647 h 630"/>
              <a:gd name="T4" fmla="*/ 2147483647 w 870"/>
              <a:gd name="T5" fmla="*/ 2147483647 h 630"/>
              <a:gd name="T6" fmla="*/ 2147483647 w 870"/>
              <a:gd name="T7" fmla="*/ 2147483647 h 630"/>
              <a:gd name="T8" fmla="*/ 2147483647 w 870"/>
              <a:gd name="T9" fmla="*/ 2147483647 h 630"/>
              <a:gd name="T10" fmla="*/ 2147483647 w 870"/>
              <a:gd name="T11" fmla="*/ 2147483647 h 630"/>
              <a:gd name="T12" fmla="*/ 2147483647 w 870"/>
              <a:gd name="T13" fmla="*/ 2147483647 h 630"/>
              <a:gd name="T14" fmla="*/ 2147483647 w 870"/>
              <a:gd name="T15" fmla="*/ 2147483647 h 630"/>
              <a:gd name="T16" fmla="*/ 2147483647 w 870"/>
              <a:gd name="T17" fmla="*/ 2147483647 h 630"/>
              <a:gd name="T18" fmla="*/ 2147483647 w 870"/>
              <a:gd name="T19" fmla="*/ 2147483647 h 630"/>
              <a:gd name="T20" fmla="*/ 2147483647 w 870"/>
              <a:gd name="T21" fmla="*/ 2147483647 h 630"/>
              <a:gd name="T22" fmla="*/ 2147483647 w 870"/>
              <a:gd name="T23" fmla="*/ 2147483647 h 630"/>
              <a:gd name="T24" fmla="*/ 2147483647 w 870"/>
              <a:gd name="T25" fmla="*/ 2147483647 h 630"/>
              <a:gd name="T26" fmla="*/ 2147483647 w 870"/>
              <a:gd name="T27" fmla="*/ 2147483647 h 630"/>
              <a:gd name="T28" fmla="*/ 2147483647 w 870"/>
              <a:gd name="T29" fmla="*/ 2147483647 h 630"/>
              <a:gd name="T30" fmla="*/ 2147483647 w 870"/>
              <a:gd name="T31" fmla="*/ 2147483647 h 630"/>
              <a:gd name="T32" fmla="*/ 2147483647 w 870"/>
              <a:gd name="T33" fmla="*/ 2147483647 h 630"/>
              <a:gd name="T34" fmla="*/ 2147483647 w 870"/>
              <a:gd name="T35" fmla="*/ 2147483647 h 630"/>
              <a:gd name="T36" fmla="*/ 2147483647 w 870"/>
              <a:gd name="T37" fmla="*/ 2147483647 h 630"/>
              <a:gd name="T38" fmla="*/ 2147483647 w 870"/>
              <a:gd name="T39" fmla="*/ 2147483647 h 630"/>
              <a:gd name="T40" fmla="*/ 2147483647 w 870"/>
              <a:gd name="T41" fmla="*/ 2147483647 h 630"/>
              <a:gd name="T42" fmla="*/ 2147483647 w 870"/>
              <a:gd name="T43" fmla="*/ 2147483647 h 630"/>
              <a:gd name="T44" fmla="*/ 2147483647 w 870"/>
              <a:gd name="T45" fmla="*/ 2147483647 h 630"/>
              <a:gd name="T46" fmla="*/ 2147483647 w 870"/>
              <a:gd name="T47" fmla="*/ 2147483647 h 630"/>
              <a:gd name="T48" fmla="*/ 2147483647 w 870"/>
              <a:gd name="T49" fmla="*/ 2147483647 h 630"/>
              <a:gd name="T50" fmla="*/ 2147483647 w 870"/>
              <a:gd name="T51" fmla="*/ 2147483647 h 630"/>
              <a:gd name="T52" fmla="*/ 2147483647 w 870"/>
              <a:gd name="T53" fmla="*/ 2147483647 h 630"/>
              <a:gd name="T54" fmla="*/ 2147483647 w 870"/>
              <a:gd name="T55" fmla="*/ 2147483647 h 630"/>
              <a:gd name="T56" fmla="*/ 2147483647 w 870"/>
              <a:gd name="T57" fmla="*/ 2147483647 h 630"/>
              <a:gd name="T58" fmla="*/ 2147483647 w 870"/>
              <a:gd name="T59" fmla="*/ 2147483647 h 630"/>
              <a:gd name="T60" fmla="*/ 2147483647 w 870"/>
              <a:gd name="T61" fmla="*/ 2147483647 h 630"/>
              <a:gd name="T62" fmla="*/ 2147483647 w 870"/>
              <a:gd name="T63" fmla="*/ 2147483647 h 630"/>
              <a:gd name="T64" fmla="*/ 2147483647 w 870"/>
              <a:gd name="T65" fmla="*/ 2147483647 h 630"/>
              <a:gd name="T66" fmla="*/ 2147483647 w 870"/>
              <a:gd name="T67" fmla="*/ 2147483647 h 630"/>
              <a:gd name="T68" fmla="*/ 2147483647 w 870"/>
              <a:gd name="T69" fmla="*/ 2147483647 h 630"/>
              <a:gd name="T70" fmla="*/ 2147483647 w 870"/>
              <a:gd name="T71" fmla="*/ 2147483647 h 630"/>
              <a:gd name="T72" fmla="*/ 2147483647 w 870"/>
              <a:gd name="T73" fmla="*/ 2147483647 h 630"/>
              <a:gd name="T74" fmla="*/ 2147483647 w 870"/>
              <a:gd name="T75" fmla="*/ 2147483647 h 630"/>
              <a:gd name="T76" fmla="*/ 2147483647 w 870"/>
              <a:gd name="T77" fmla="*/ 2147483647 h 630"/>
              <a:gd name="T78" fmla="*/ 2147483647 w 870"/>
              <a:gd name="T79" fmla="*/ 2147483647 h 630"/>
              <a:gd name="T80" fmla="*/ 2147483647 w 870"/>
              <a:gd name="T81" fmla="*/ 2147483647 h 630"/>
              <a:gd name="T82" fmla="*/ 2147483647 w 870"/>
              <a:gd name="T83" fmla="*/ 2147483647 h 630"/>
              <a:gd name="T84" fmla="*/ 2147483647 w 870"/>
              <a:gd name="T85" fmla="*/ 2147483647 h 630"/>
              <a:gd name="T86" fmla="*/ 2147483647 w 870"/>
              <a:gd name="T87" fmla="*/ 2147483647 h 630"/>
              <a:gd name="T88" fmla="*/ 2147483647 w 870"/>
              <a:gd name="T89" fmla="*/ 2147483647 h 630"/>
              <a:gd name="T90" fmla="*/ 2147483647 w 870"/>
              <a:gd name="T91" fmla="*/ 2147483647 h 630"/>
              <a:gd name="T92" fmla="*/ 2147483647 w 870"/>
              <a:gd name="T93" fmla="*/ 2147483647 h 630"/>
              <a:gd name="T94" fmla="*/ 2147483647 w 870"/>
              <a:gd name="T95" fmla="*/ 2147483647 h 630"/>
              <a:gd name="T96" fmla="*/ 2147483647 w 870"/>
              <a:gd name="T97" fmla="*/ 2147483647 h 630"/>
              <a:gd name="T98" fmla="*/ 2147483647 w 870"/>
              <a:gd name="T99" fmla="*/ 2147483647 h 630"/>
              <a:gd name="T100" fmla="*/ 2147483647 w 870"/>
              <a:gd name="T101" fmla="*/ 2147483647 h 630"/>
              <a:gd name="T102" fmla="*/ 2147483647 w 870"/>
              <a:gd name="T103" fmla="*/ 2147483647 h 630"/>
              <a:gd name="T104" fmla="*/ 2147483647 w 870"/>
              <a:gd name="T105" fmla="*/ 2147483647 h 630"/>
              <a:gd name="T106" fmla="*/ 2147483647 w 870"/>
              <a:gd name="T107" fmla="*/ 2147483647 h 630"/>
              <a:gd name="T108" fmla="*/ 2147483647 w 870"/>
              <a:gd name="T109" fmla="*/ 2147483647 h 630"/>
              <a:gd name="T110" fmla="*/ 2147483647 w 870"/>
              <a:gd name="T111" fmla="*/ 2147483647 h 630"/>
              <a:gd name="T112" fmla="*/ 2147483647 w 870"/>
              <a:gd name="T113" fmla="*/ 2147483647 h 630"/>
              <a:gd name="T114" fmla="*/ 2147483647 w 870"/>
              <a:gd name="T115" fmla="*/ 2147483647 h 630"/>
              <a:gd name="T116" fmla="*/ 2147483647 w 870"/>
              <a:gd name="T117" fmla="*/ 2147483647 h 630"/>
              <a:gd name="T118" fmla="*/ 2147483647 w 870"/>
              <a:gd name="T119" fmla="*/ 2147483647 h 630"/>
              <a:gd name="T120" fmla="*/ 2147483647 w 870"/>
              <a:gd name="T121" fmla="*/ 2147483647 h 630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870" h="630">
                <a:moveTo>
                  <a:pt x="0" y="372"/>
                </a:moveTo>
                <a:lnTo>
                  <a:pt x="38" y="366"/>
                </a:lnTo>
                <a:lnTo>
                  <a:pt x="46" y="350"/>
                </a:lnTo>
                <a:lnTo>
                  <a:pt x="72" y="346"/>
                </a:lnTo>
                <a:lnTo>
                  <a:pt x="88" y="318"/>
                </a:lnTo>
                <a:lnTo>
                  <a:pt x="86" y="294"/>
                </a:lnTo>
                <a:lnTo>
                  <a:pt x="100" y="288"/>
                </a:lnTo>
                <a:lnTo>
                  <a:pt x="102" y="266"/>
                </a:lnTo>
                <a:lnTo>
                  <a:pt x="124" y="200"/>
                </a:lnTo>
                <a:lnTo>
                  <a:pt x="134" y="188"/>
                </a:lnTo>
                <a:lnTo>
                  <a:pt x="126" y="170"/>
                </a:lnTo>
                <a:lnTo>
                  <a:pt x="142" y="156"/>
                </a:lnTo>
                <a:lnTo>
                  <a:pt x="144" y="142"/>
                </a:lnTo>
                <a:lnTo>
                  <a:pt x="162" y="130"/>
                </a:lnTo>
                <a:lnTo>
                  <a:pt x="174" y="130"/>
                </a:lnTo>
                <a:lnTo>
                  <a:pt x="196" y="100"/>
                </a:lnTo>
                <a:lnTo>
                  <a:pt x="210" y="94"/>
                </a:lnTo>
                <a:lnTo>
                  <a:pt x="212" y="80"/>
                </a:lnTo>
                <a:lnTo>
                  <a:pt x="222" y="78"/>
                </a:lnTo>
                <a:lnTo>
                  <a:pt x="234" y="88"/>
                </a:lnTo>
                <a:lnTo>
                  <a:pt x="314" y="88"/>
                </a:lnTo>
                <a:lnTo>
                  <a:pt x="318" y="76"/>
                </a:lnTo>
                <a:lnTo>
                  <a:pt x="342" y="76"/>
                </a:lnTo>
                <a:lnTo>
                  <a:pt x="372" y="102"/>
                </a:lnTo>
                <a:lnTo>
                  <a:pt x="386" y="98"/>
                </a:lnTo>
                <a:lnTo>
                  <a:pt x="396" y="68"/>
                </a:lnTo>
                <a:lnTo>
                  <a:pt x="470" y="42"/>
                </a:lnTo>
                <a:lnTo>
                  <a:pt x="480" y="14"/>
                </a:lnTo>
                <a:lnTo>
                  <a:pt x="502" y="0"/>
                </a:lnTo>
                <a:lnTo>
                  <a:pt x="536" y="2"/>
                </a:lnTo>
                <a:lnTo>
                  <a:pt x="566" y="38"/>
                </a:lnTo>
                <a:lnTo>
                  <a:pt x="576" y="58"/>
                </a:lnTo>
                <a:lnTo>
                  <a:pt x="606" y="80"/>
                </a:lnTo>
                <a:lnTo>
                  <a:pt x="610" y="96"/>
                </a:lnTo>
                <a:lnTo>
                  <a:pt x="636" y="104"/>
                </a:lnTo>
                <a:lnTo>
                  <a:pt x="638" y="118"/>
                </a:lnTo>
                <a:lnTo>
                  <a:pt x="668" y="132"/>
                </a:lnTo>
                <a:lnTo>
                  <a:pt x="704" y="194"/>
                </a:lnTo>
                <a:lnTo>
                  <a:pt x="694" y="212"/>
                </a:lnTo>
                <a:lnTo>
                  <a:pt x="694" y="232"/>
                </a:lnTo>
                <a:lnTo>
                  <a:pt x="694" y="250"/>
                </a:lnTo>
                <a:lnTo>
                  <a:pt x="712" y="292"/>
                </a:lnTo>
                <a:lnTo>
                  <a:pt x="714" y="308"/>
                </a:lnTo>
                <a:lnTo>
                  <a:pt x="726" y="314"/>
                </a:lnTo>
                <a:lnTo>
                  <a:pt x="752" y="332"/>
                </a:lnTo>
                <a:lnTo>
                  <a:pt x="776" y="334"/>
                </a:lnTo>
                <a:lnTo>
                  <a:pt x="806" y="310"/>
                </a:lnTo>
                <a:lnTo>
                  <a:pt x="822" y="294"/>
                </a:lnTo>
                <a:lnTo>
                  <a:pt x="844" y="294"/>
                </a:lnTo>
                <a:lnTo>
                  <a:pt x="860" y="312"/>
                </a:lnTo>
                <a:lnTo>
                  <a:pt x="870" y="364"/>
                </a:lnTo>
                <a:lnTo>
                  <a:pt x="834" y="382"/>
                </a:lnTo>
                <a:lnTo>
                  <a:pt x="820" y="374"/>
                </a:lnTo>
                <a:lnTo>
                  <a:pt x="816" y="358"/>
                </a:lnTo>
                <a:lnTo>
                  <a:pt x="800" y="366"/>
                </a:lnTo>
                <a:lnTo>
                  <a:pt x="812" y="384"/>
                </a:lnTo>
                <a:lnTo>
                  <a:pt x="802" y="396"/>
                </a:lnTo>
                <a:lnTo>
                  <a:pt x="808" y="406"/>
                </a:lnTo>
                <a:lnTo>
                  <a:pt x="800" y="420"/>
                </a:lnTo>
                <a:lnTo>
                  <a:pt x="814" y="416"/>
                </a:lnTo>
                <a:lnTo>
                  <a:pt x="814" y="424"/>
                </a:lnTo>
                <a:lnTo>
                  <a:pt x="800" y="452"/>
                </a:lnTo>
                <a:lnTo>
                  <a:pt x="806" y="480"/>
                </a:lnTo>
                <a:lnTo>
                  <a:pt x="814" y="502"/>
                </a:lnTo>
                <a:lnTo>
                  <a:pt x="812" y="528"/>
                </a:lnTo>
                <a:lnTo>
                  <a:pt x="764" y="528"/>
                </a:lnTo>
                <a:lnTo>
                  <a:pt x="748" y="508"/>
                </a:lnTo>
                <a:lnTo>
                  <a:pt x="730" y="516"/>
                </a:lnTo>
                <a:lnTo>
                  <a:pt x="720" y="508"/>
                </a:lnTo>
                <a:lnTo>
                  <a:pt x="700" y="516"/>
                </a:lnTo>
                <a:lnTo>
                  <a:pt x="686" y="508"/>
                </a:lnTo>
                <a:lnTo>
                  <a:pt x="656" y="510"/>
                </a:lnTo>
                <a:lnTo>
                  <a:pt x="624" y="532"/>
                </a:lnTo>
                <a:lnTo>
                  <a:pt x="594" y="540"/>
                </a:lnTo>
                <a:lnTo>
                  <a:pt x="576" y="562"/>
                </a:lnTo>
                <a:lnTo>
                  <a:pt x="552" y="596"/>
                </a:lnTo>
                <a:lnTo>
                  <a:pt x="522" y="610"/>
                </a:lnTo>
                <a:lnTo>
                  <a:pt x="508" y="604"/>
                </a:lnTo>
                <a:lnTo>
                  <a:pt x="476" y="610"/>
                </a:lnTo>
                <a:lnTo>
                  <a:pt x="442" y="608"/>
                </a:lnTo>
                <a:lnTo>
                  <a:pt x="410" y="628"/>
                </a:lnTo>
                <a:lnTo>
                  <a:pt x="382" y="618"/>
                </a:lnTo>
                <a:lnTo>
                  <a:pt x="328" y="618"/>
                </a:lnTo>
                <a:lnTo>
                  <a:pt x="300" y="630"/>
                </a:lnTo>
                <a:lnTo>
                  <a:pt x="284" y="626"/>
                </a:lnTo>
                <a:lnTo>
                  <a:pt x="280" y="616"/>
                </a:lnTo>
                <a:lnTo>
                  <a:pt x="296" y="602"/>
                </a:lnTo>
                <a:lnTo>
                  <a:pt x="292" y="592"/>
                </a:lnTo>
                <a:lnTo>
                  <a:pt x="278" y="592"/>
                </a:lnTo>
                <a:lnTo>
                  <a:pt x="262" y="580"/>
                </a:lnTo>
                <a:lnTo>
                  <a:pt x="260" y="576"/>
                </a:lnTo>
                <a:lnTo>
                  <a:pt x="242" y="570"/>
                </a:lnTo>
                <a:lnTo>
                  <a:pt x="234" y="556"/>
                </a:lnTo>
                <a:lnTo>
                  <a:pt x="242" y="544"/>
                </a:lnTo>
                <a:lnTo>
                  <a:pt x="258" y="544"/>
                </a:lnTo>
                <a:lnTo>
                  <a:pt x="262" y="536"/>
                </a:lnTo>
                <a:lnTo>
                  <a:pt x="240" y="528"/>
                </a:lnTo>
                <a:lnTo>
                  <a:pt x="228" y="524"/>
                </a:lnTo>
                <a:lnTo>
                  <a:pt x="218" y="528"/>
                </a:lnTo>
                <a:lnTo>
                  <a:pt x="210" y="542"/>
                </a:lnTo>
                <a:lnTo>
                  <a:pt x="208" y="554"/>
                </a:lnTo>
                <a:lnTo>
                  <a:pt x="198" y="556"/>
                </a:lnTo>
                <a:lnTo>
                  <a:pt x="188" y="540"/>
                </a:lnTo>
                <a:lnTo>
                  <a:pt x="156" y="538"/>
                </a:lnTo>
                <a:lnTo>
                  <a:pt x="148" y="530"/>
                </a:lnTo>
                <a:lnTo>
                  <a:pt x="132" y="532"/>
                </a:lnTo>
                <a:lnTo>
                  <a:pt x="120" y="528"/>
                </a:lnTo>
                <a:lnTo>
                  <a:pt x="134" y="518"/>
                </a:lnTo>
                <a:lnTo>
                  <a:pt x="140" y="510"/>
                </a:lnTo>
                <a:lnTo>
                  <a:pt x="128" y="504"/>
                </a:lnTo>
                <a:lnTo>
                  <a:pt x="130" y="496"/>
                </a:lnTo>
                <a:lnTo>
                  <a:pt x="132" y="484"/>
                </a:lnTo>
                <a:lnTo>
                  <a:pt x="122" y="472"/>
                </a:lnTo>
                <a:lnTo>
                  <a:pt x="108" y="474"/>
                </a:lnTo>
                <a:lnTo>
                  <a:pt x="100" y="466"/>
                </a:lnTo>
                <a:lnTo>
                  <a:pt x="82" y="466"/>
                </a:lnTo>
                <a:lnTo>
                  <a:pt x="66" y="452"/>
                </a:lnTo>
                <a:lnTo>
                  <a:pt x="58" y="438"/>
                </a:lnTo>
                <a:lnTo>
                  <a:pt x="56" y="418"/>
                </a:lnTo>
                <a:lnTo>
                  <a:pt x="44" y="414"/>
                </a:lnTo>
                <a:lnTo>
                  <a:pt x="30" y="398"/>
                </a:lnTo>
                <a:lnTo>
                  <a:pt x="14" y="386"/>
                </a:lnTo>
                <a:lnTo>
                  <a:pt x="0" y="372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16" name="Freeform 13" descr="90%"/>
          <p:cNvSpPr>
            <a:spLocks/>
          </p:cNvSpPr>
          <p:nvPr/>
        </p:nvSpPr>
        <p:spPr bwMode="auto">
          <a:xfrm>
            <a:off x="5592763" y="4500563"/>
            <a:ext cx="355600" cy="263525"/>
          </a:xfrm>
          <a:custGeom>
            <a:avLst/>
            <a:gdLst>
              <a:gd name="T0" fmla="*/ 2147483647 w 274"/>
              <a:gd name="T1" fmla="*/ 2147483647 h 204"/>
              <a:gd name="T2" fmla="*/ 2147483647 w 274"/>
              <a:gd name="T3" fmla="*/ 2147483647 h 204"/>
              <a:gd name="T4" fmla="*/ 2147483647 w 274"/>
              <a:gd name="T5" fmla="*/ 2147483647 h 204"/>
              <a:gd name="T6" fmla="*/ 2147483647 w 274"/>
              <a:gd name="T7" fmla="*/ 2147483647 h 204"/>
              <a:gd name="T8" fmla="*/ 2147483647 w 274"/>
              <a:gd name="T9" fmla="*/ 2147483647 h 204"/>
              <a:gd name="T10" fmla="*/ 2147483647 w 274"/>
              <a:gd name="T11" fmla="*/ 2147483647 h 204"/>
              <a:gd name="T12" fmla="*/ 2147483647 w 274"/>
              <a:gd name="T13" fmla="*/ 2147483647 h 204"/>
              <a:gd name="T14" fmla="*/ 2147483647 w 274"/>
              <a:gd name="T15" fmla="*/ 2147483647 h 204"/>
              <a:gd name="T16" fmla="*/ 2147483647 w 274"/>
              <a:gd name="T17" fmla="*/ 2147483647 h 204"/>
              <a:gd name="T18" fmla="*/ 0 w 274"/>
              <a:gd name="T19" fmla="*/ 2147483647 h 204"/>
              <a:gd name="T20" fmla="*/ 2147483647 w 274"/>
              <a:gd name="T21" fmla="*/ 2147483647 h 204"/>
              <a:gd name="T22" fmla="*/ 2147483647 w 274"/>
              <a:gd name="T23" fmla="*/ 2147483647 h 204"/>
              <a:gd name="T24" fmla="*/ 2147483647 w 274"/>
              <a:gd name="T25" fmla="*/ 2147483647 h 204"/>
              <a:gd name="T26" fmla="*/ 2147483647 w 274"/>
              <a:gd name="T27" fmla="*/ 2147483647 h 204"/>
              <a:gd name="T28" fmla="*/ 2147483647 w 274"/>
              <a:gd name="T29" fmla="*/ 2147483647 h 204"/>
              <a:gd name="T30" fmla="*/ 2147483647 w 274"/>
              <a:gd name="T31" fmla="*/ 2147483647 h 204"/>
              <a:gd name="T32" fmla="*/ 2147483647 w 274"/>
              <a:gd name="T33" fmla="*/ 2147483647 h 204"/>
              <a:gd name="T34" fmla="*/ 2147483647 w 274"/>
              <a:gd name="T35" fmla="*/ 2147483647 h 204"/>
              <a:gd name="T36" fmla="*/ 2147483647 w 274"/>
              <a:gd name="T37" fmla="*/ 2147483647 h 204"/>
              <a:gd name="T38" fmla="*/ 2147483647 w 274"/>
              <a:gd name="T39" fmla="*/ 2147483647 h 204"/>
              <a:gd name="T40" fmla="*/ 2147483647 w 274"/>
              <a:gd name="T41" fmla="*/ 2147483647 h 204"/>
              <a:gd name="T42" fmla="*/ 2147483647 w 274"/>
              <a:gd name="T43" fmla="*/ 0 h 204"/>
              <a:gd name="T44" fmla="*/ 2147483647 w 274"/>
              <a:gd name="T45" fmla="*/ 2147483647 h 204"/>
              <a:gd name="T46" fmla="*/ 2147483647 w 274"/>
              <a:gd name="T47" fmla="*/ 2147483647 h 204"/>
              <a:gd name="T48" fmla="*/ 2147483647 w 274"/>
              <a:gd name="T49" fmla="*/ 2147483647 h 204"/>
              <a:gd name="T50" fmla="*/ 2147483647 w 274"/>
              <a:gd name="T51" fmla="*/ 2147483647 h 204"/>
              <a:gd name="T52" fmla="*/ 2147483647 w 274"/>
              <a:gd name="T53" fmla="*/ 2147483647 h 204"/>
              <a:gd name="T54" fmla="*/ 2147483647 w 274"/>
              <a:gd name="T55" fmla="*/ 2147483647 h 204"/>
              <a:gd name="T56" fmla="*/ 2147483647 w 274"/>
              <a:gd name="T57" fmla="*/ 2147483647 h 204"/>
              <a:gd name="T58" fmla="*/ 2147483647 w 274"/>
              <a:gd name="T59" fmla="*/ 2147483647 h 204"/>
              <a:gd name="T60" fmla="*/ 2147483647 w 274"/>
              <a:gd name="T61" fmla="*/ 2147483647 h 204"/>
              <a:gd name="T62" fmla="*/ 2147483647 w 274"/>
              <a:gd name="T63" fmla="*/ 2147483647 h 204"/>
              <a:gd name="T64" fmla="*/ 2147483647 w 274"/>
              <a:gd name="T65" fmla="*/ 2147483647 h 204"/>
              <a:gd name="T66" fmla="*/ 2147483647 w 274"/>
              <a:gd name="T67" fmla="*/ 2147483647 h 204"/>
              <a:gd name="T68" fmla="*/ 2147483647 w 274"/>
              <a:gd name="T69" fmla="*/ 2147483647 h 204"/>
              <a:gd name="T70" fmla="*/ 2147483647 w 274"/>
              <a:gd name="T71" fmla="*/ 2147483647 h 204"/>
              <a:gd name="T72" fmla="*/ 2147483647 w 274"/>
              <a:gd name="T73" fmla="*/ 2147483647 h 204"/>
              <a:gd name="T74" fmla="*/ 2147483647 w 274"/>
              <a:gd name="T75" fmla="*/ 2147483647 h 204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0" t="0" r="r" b="b"/>
            <a:pathLst>
              <a:path w="274" h="204">
                <a:moveTo>
                  <a:pt x="18" y="202"/>
                </a:moveTo>
                <a:lnTo>
                  <a:pt x="18" y="196"/>
                </a:lnTo>
                <a:lnTo>
                  <a:pt x="38" y="184"/>
                </a:lnTo>
                <a:lnTo>
                  <a:pt x="34" y="170"/>
                </a:lnTo>
                <a:lnTo>
                  <a:pt x="20" y="154"/>
                </a:lnTo>
                <a:lnTo>
                  <a:pt x="26" y="140"/>
                </a:lnTo>
                <a:lnTo>
                  <a:pt x="10" y="138"/>
                </a:lnTo>
                <a:lnTo>
                  <a:pt x="8" y="128"/>
                </a:lnTo>
                <a:lnTo>
                  <a:pt x="22" y="112"/>
                </a:lnTo>
                <a:lnTo>
                  <a:pt x="0" y="104"/>
                </a:lnTo>
                <a:lnTo>
                  <a:pt x="2" y="88"/>
                </a:lnTo>
                <a:lnTo>
                  <a:pt x="28" y="66"/>
                </a:lnTo>
                <a:lnTo>
                  <a:pt x="60" y="70"/>
                </a:lnTo>
                <a:lnTo>
                  <a:pt x="68" y="74"/>
                </a:lnTo>
                <a:lnTo>
                  <a:pt x="102" y="78"/>
                </a:lnTo>
                <a:lnTo>
                  <a:pt x="132" y="48"/>
                </a:lnTo>
                <a:lnTo>
                  <a:pt x="188" y="40"/>
                </a:lnTo>
                <a:lnTo>
                  <a:pt x="196" y="30"/>
                </a:lnTo>
                <a:lnTo>
                  <a:pt x="212" y="26"/>
                </a:lnTo>
                <a:lnTo>
                  <a:pt x="226" y="30"/>
                </a:lnTo>
                <a:lnTo>
                  <a:pt x="228" y="10"/>
                </a:lnTo>
                <a:lnTo>
                  <a:pt x="238" y="0"/>
                </a:lnTo>
                <a:lnTo>
                  <a:pt x="254" y="6"/>
                </a:lnTo>
                <a:lnTo>
                  <a:pt x="258" y="22"/>
                </a:lnTo>
                <a:lnTo>
                  <a:pt x="274" y="44"/>
                </a:lnTo>
                <a:lnTo>
                  <a:pt x="274" y="52"/>
                </a:lnTo>
                <a:lnTo>
                  <a:pt x="254" y="46"/>
                </a:lnTo>
                <a:lnTo>
                  <a:pt x="254" y="68"/>
                </a:lnTo>
                <a:lnTo>
                  <a:pt x="226" y="82"/>
                </a:lnTo>
                <a:lnTo>
                  <a:pt x="210" y="110"/>
                </a:lnTo>
                <a:lnTo>
                  <a:pt x="194" y="140"/>
                </a:lnTo>
                <a:lnTo>
                  <a:pt x="170" y="164"/>
                </a:lnTo>
                <a:lnTo>
                  <a:pt x="176" y="198"/>
                </a:lnTo>
                <a:lnTo>
                  <a:pt x="130" y="194"/>
                </a:lnTo>
                <a:lnTo>
                  <a:pt x="106" y="170"/>
                </a:lnTo>
                <a:lnTo>
                  <a:pt x="80" y="198"/>
                </a:lnTo>
                <a:lnTo>
                  <a:pt x="44" y="204"/>
                </a:lnTo>
                <a:lnTo>
                  <a:pt x="18" y="202"/>
                </a:lnTo>
                <a:close/>
              </a:path>
            </a:pathLst>
          </a:custGeom>
          <a:pattFill prst="pct90">
            <a:fgClr>
              <a:srgbClr val="FF6600"/>
            </a:fgClr>
            <a:bgClr>
              <a:schemeClr val="tx1"/>
            </a:bgClr>
          </a:patt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17" name="Freeform 14"/>
          <p:cNvSpPr>
            <a:spLocks/>
          </p:cNvSpPr>
          <p:nvPr/>
        </p:nvSpPr>
        <p:spPr bwMode="auto">
          <a:xfrm>
            <a:off x="5900738" y="4149725"/>
            <a:ext cx="741362" cy="519113"/>
          </a:xfrm>
          <a:custGeom>
            <a:avLst/>
            <a:gdLst>
              <a:gd name="T0" fmla="*/ 2147483647 w 572"/>
              <a:gd name="T1" fmla="*/ 2147483647 h 400"/>
              <a:gd name="T2" fmla="*/ 2147483647 w 572"/>
              <a:gd name="T3" fmla="*/ 2147483647 h 400"/>
              <a:gd name="T4" fmla="*/ 2147483647 w 572"/>
              <a:gd name="T5" fmla="*/ 2147483647 h 400"/>
              <a:gd name="T6" fmla="*/ 2147483647 w 572"/>
              <a:gd name="T7" fmla="*/ 2147483647 h 400"/>
              <a:gd name="T8" fmla="*/ 2147483647 w 572"/>
              <a:gd name="T9" fmla="*/ 2147483647 h 400"/>
              <a:gd name="T10" fmla="*/ 2147483647 w 572"/>
              <a:gd name="T11" fmla="*/ 2147483647 h 400"/>
              <a:gd name="T12" fmla="*/ 2147483647 w 572"/>
              <a:gd name="T13" fmla="*/ 2147483647 h 400"/>
              <a:gd name="T14" fmla="*/ 2147483647 w 572"/>
              <a:gd name="T15" fmla="*/ 2147483647 h 400"/>
              <a:gd name="T16" fmla="*/ 2147483647 w 572"/>
              <a:gd name="T17" fmla="*/ 2147483647 h 400"/>
              <a:gd name="T18" fmla="*/ 2147483647 w 572"/>
              <a:gd name="T19" fmla="*/ 2147483647 h 400"/>
              <a:gd name="T20" fmla="*/ 2147483647 w 572"/>
              <a:gd name="T21" fmla="*/ 2147483647 h 400"/>
              <a:gd name="T22" fmla="*/ 2147483647 w 572"/>
              <a:gd name="T23" fmla="*/ 2147483647 h 400"/>
              <a:gd name="T24" fmla="*/ 2147483647 w 572"/>
              <a:gd name="T25" fmla="*/ 2147483647 h 400"/>
              <a:gd name="T26" fmla="*/ 2147483647 w 572"/>
              <a:gd name="T27" fmla="*/ 2147483647 h 400"/>
              <a:gd name="T28" fmla="*/ 2147483647 w 572"/>
              <a:gd name="T29" fmla="*/ 2147483647 h 400"/>
              <a:gd name="T30" fmla="*/ 2147483647 w 572"/>
              <a:gd name="T31" fmla="*/ 2147483647 h 400"/>
              <a:gd name="T32" fmla="*/ 2147483647 w 572"/>
              <a:gd name="T33" fmla="*/ 0 h 400"/>
              <a:gd name="T34" fmla="*/ 2147483647 w 572"/>
              <a:gd name="T35" fmla="*/ 2147483647 h 400"/>
              <a:gd name="T36" fmla="*/ 2147483647 w 572"/>
              <a:gd name="T37" fmla="*/ 2147483647 h 400"/>
              <a:gd name="T38" fmla="*/ 2147483647 w 572"/>
              <a:gd name="T39" fmla="*/ 2147483647 h 400"/>
              <a:gd name="T40" fmla="*/ 2147483647 w 572"/>
              <a:gd name="T41" fmla="*/ 2147483647 h 400"/>
              <a:gd name="T42" fmla="*/ 2147483647 w 572"/>
              <a:gd name="T43" fmla="*/ 2147483647 h 400"/>
              <a:gd name="T44" fmla="*/ 2147483647 w 572"/>
              <a:gd name="T45" fmla="*/ 2147483647 h 400"/>
              <a:gd name="T46" fmla="*/ 2147483647 w 572"/>
              <a:gd name="T47" fmla="*/ 2147483647 h 400"/>
              <a:gd name="T48" fmla="*/ 2147483647 w 572"/>
              <a:gd name="T49" fmla="*/ 2147483647 h 400"/>
              <a:gd name="T50" fmla="*/ 2147483647 w 572"/>
              <a:gd name="T51" fmla="*/ 2147483647 h 400"/>
              <a:gd name="T52" fmla="*/ 2147483647 w 572"/>
              <a:gd name="T53" fmla="*/ 2147483647 h 400"/>
              <a:gd name="T54" fmla="*/ 2147483647 w 572"/>
              <a:gd name="T55" fmla="*/ 2147483647 h 400"/>
              <a:gd name="T56" fmla="*/ 2147483647 w 572"/>
              <a:gd name="T57" fmla="*/ 2147483647 h 400"/>
              <a:gd name="T58" fmla="*/ 2147483647 w 572"/>
              <a:gd name="T59" fmla="*/ 2147483647 h 400"/>
              <a:gd name="T60" fmla="*/ 2147483647 w 572"/>
              <a:gd name="T61" fmla="*/ 2147483647 h 400"/>
              <a:gd name="T62" fmla="*/ 2147483647 w 572"/>
              <a:gd name="T63" fmla="*/ 2147483647 h 400"/>
              <a:gd name="T64" fmla="*/ 2147483647 w 572"/>
              <a:gd name="T65" fmla="*/ 2147483647 h 400"/>
              <a:gd name="T66" fmla="*/ 2147483647 w 572"/>
              <a:gd name="T67" fmla="*/ 2147483647 h 400"/>
              <a:gd name="T68" fmla="*/ 2147483647 w 572"/>
              <a:gd name="T69" fmla="*/ 2147483647 h 400"/>
              <a:gd name="T70" fmla="*/ 2147483647 w 572"/>
              <a:gd name="T71" fmla="*/ 2147483647 h 400"/>
              <a:gd name="T72" fmla="*/ 2147483647 w 572"/>
              <a:gd name="T73" fmla="*/ 2147483647 h 400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0" t="0" r="r" b="b"/>
            <a:pathLst>
              <a:path w="572" h="400">
                <a:moveTo>
                  <a:pt x="0" y="270"/>
                </a:moveTo>
                <a:lnTo>
                  <a:pt x="14" y="256"/>
                </a:lnTo>
                <a:lnTo>
                  <a:pt x="26" y="254"/>
                </a:lnTo>
                <a:lnTo>
                  <a:pt x="32" y="238"/>
                </a:lnTo>
                <a:lnTo>
                  <a:pt x="24" y="232"/>
                </a:lnTo>
                <a:lnTo>
                  <a:pt x="24" y="202"/>
                </a:lnTo>
                <a:lnTo>
                  <a:pt x="36" y="198"/>
                </a:lnTo>
                <a:lnTo>
                  <a:pt x="40" y="184"/>
                </a:lnTo>
                <a:lnTo>
                  <a:pt x="34" y="174"/>
                </a:lnTo>
                <a:lnTo>
                  <a:pt x="16" y="170"/>
                </a:lnTo>
                <a:lnTo>
                  <a:pt x="26" y="158"/>
                </a:lnTo>
                <a:lnTo>
                  <a:pt x="40" y="158"/>
                </a:lnTo>
                <a:lnTo>
                  <a:pt x="48" y="164"/>
                </a:lnTo>
                <a:lnTo>
                  <a:pt x="68" y="158"/>
                </a:lnTo>
                <a:lnTo>
                  <a:pt x="70" y="108"/>
                </a:lnTo>
                <a:lnTo>
                  <a:pt x="98" y="124"/>
                </a:lnTo>
                <a:lnTo>
                  <a:pt x="130" y="148"/>
                </a:lnTo>
                <a:lnTo>
                  <a:pt x="184" y="142"/>
                </a:lnTo>
                <a:lnTo>
                  <a:pt x="210" y="138"/>
                </a:lnTo>
                <a:lnTo>
                  <a:pt x="224" y="126"/>
                </a:lnTo>
                <a:lnTo>
                  <a:pt x="214" y="118"/>
                </a:lnTo>
                <a:lnTo>
                  <a:pt x="216" y="104"/>
                </a:lnTo>
                <a:lnTo>
                  <a:pt x="224" y="98"/>
                </a:lnTo>
                <a:lnTo>
                  <a:pt x="270" y="88"/>
                </a:lnTo>
                <a:lnTo>
                  <a:pt x="278" y="70"/>
                </a:lnTo>
                <a:lnTo>
                  <a:pt x="294" y="70"/>
                </a:lnTo>
                <a:lnTo>
                  <a:pt x="314" y="78"/>
                </a:lnTo>
                <a:lnTo>
                  <a:pt x="336" y="54"/>
                </a:lnTo>
                <a:lnTo>
                  <a:pt x="346" y="54"/>
                </a:lnTo>
                <a:lnTo>
                  <a:pt x="348" y="34"/>
                </a:lnTo>
                <a:lnTo>
                  <a:pt x="360" y="14"/>
                </a:lnTo>
                <a:lnTo>
                  <a:pt x="382" y="8"/>
                </a:lnTo>
                <a:lnTo>
                  <a:pt x="406" y="14"/>
                </a:lnTo>
                <a:lnTo>
                  <a:pt x="434" y="0"/>
                </a:lnTo>
                <a:lnTo>
                  <a:pt x="450" y="14"/>
                </a:lnTo>
                <a:lnTo>
                  <a:pt x="462" y="28"/>
                </a:lnTo>
                <a:lnTo>
                  <a:pt x="498" y="12"/>
                </a:lnTo>
                <a:lnTo>
                  <a:pt x="516" y="24"/>
                </a:lnTo>
                <a:lnTo>
                  <a:pt x="518" y="32"/>
                </a:lnTo>
                <a:lnTo>
                  <a:pt x="534" y="30"/>
                </a:lnTo>
                <a:lnTo>
                  <a:pt x="544" y="46"/>
                </a:lnTo>
                <a:lnTo>
                  <a:pt x="562" y="42"/>
                </a:lnTo>
                <a:lnTo>
                  <a:pt x="572" y="56"/>
                </a:lnTo>
                <a:lnTo>
                  <a:pt x="550" y="86"/>
                </a:lnTo>
                <a:lnTo>
                  <a:pt x="536" y="88"/>
                </a:lnTo>
                <a:lnTo>
                  <a:pt x="518" y="100"/>
                </a:lnTo>
                <a:lnTo>
                  <a:pt x="518" y="112"/>
                </a:lnTo>
                <a:lnTo>
                  <a:pt x="502" y="126"/>
                </a:lnTo>
                <a:lnTo>
                  <a:pt x="510" y="144"/>
                </a:lnTo>
                <a:lnTo>
                  <a:pt x="500" y="156"/>
                </a:lnTo>
                <a:lnTo>
                  <a:pt x="478" y="222"/>
                </a:lnTo>
                <a:lnTo>
                  <a:pt x="476" y="244"/>
                </a:lnTo>
                <a:lnTo>
                  <a:pt x="462" y="250"/>
                </a:lnTo>
                <a:lnTo>
                  <a:pt x="464" y="274"/>
                </a:lnTo>
                <a:lnTo>
                  <a:pt x="448" y="302"/>
                </a:lnTo>
                <a:lnTo>
                  <a:pt x="422" y="306"/>
                </a:lnTo>
                <a:lnTo>
                  <a:pt x="414" y="322"/>
                </a:lnTo>
                <a:lnTo>
                  <a:pt x="376" y="328"/>
                </a:lnTo>
                <a:lnTo>
                  <a:pt x="348" y="330"/>
                </a:lnTo>
                <a:lnTo>
                  <a:pt x="316" y="330"/>
                </a:lnTo>
                <a:lnTo>
                  <a:pt x="294" y="358"/>
                </a:lnTo>
                <a:lnTo>
                  <a:pt x="276" y="358"/>
                </a:lnTo>
                <a:lnTo>
                  <a:pt x="264" y="368"/>
                </a:lnTo>
                <a:lnTo>
                  <a:pt x="248" y="370"/>
                </a:lnTo>
                <a:lnTo>
                  <a:pt x="220" y="394"/>
                </a:lnTo>
                <a:lnTo>
                  <a:pt x="178" y="400"/>
                </a:lnTo>
                <a:lnTo>
                  <a:pt x="148" y="388"/>
                </a:lnTo>
                <a:lnTo>
                  <a:pt x="116" y="380"/>
                </a:lnTo>
                <a:lnTo>
                  <a:pt x="92" y="356"/>
                </a:lnTo>
                <a:lnTo>
                  <a:pt x="64" y="340"/>
                </a:lnTo>
                <a:lnTo>
                  <a:pt x="36" y="322"/>
                </a:lnTo>
                <a:lnTo>
                  <a:pt x="36" y="314"/>
                </a:lnTo>
                <a:lnTo>
                  <a:pt x="20" y="292"/>
                </a:lnTo>
                <a:lnTo>
                  <a:pt x="16" y="276"/>
                </a:lnTo>
                <a:lnTo>
                  <a:pt x="0" y="270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18" name="Freeform 15"/>
          <p:cNvSpPr>
            <a:spLocks/>
          </p:cNvSpPr>
          <p:nvPr/>
        </p:nvSpPr>
        <p:spPr bwMode="auto">
          <a:xfrm>
            <a:off x="5957888" y="4005263"/>
            <a:ext cx="609600" cy="336550"/>
          </a:xfrm>
          <a:custGeom>
            <a:avLst/>
            <a:gdLst>
              <a:gd name="T0" fmla="*/ 2147483647 w 470"/>
              <a:gd name="T1" fmla="*/ 2147483647 h 260"/>
              <a:gd name="T2" fmla="*/ 2147483647 w 470"/>
              <a:gd name="T3" fmla="*/ 2147483647 h 260"/>
              <a:gd name="T4" fmla="*/ 0 w 470"/>
              <a:gd name="T5" fmla="*/ 2147483647 h 260"/>
              <a:gd name="T6" fmla="*/ 0 w 470"/>
              <a:gd name="T7" fmla="*/ 2147483647 h 260"/>
              <a:gd name="T8" fmla="*/ 2147483647 w 470"/>
              <a:gd name="T9" fmla="*/ 2147483647 h 260"/>
              <a:gd name="T10" fmla="*/ 2147483647 w 470"/>
              <a:gd name="T11" fmla="*/ 2147483647 h 260"/>
              <a:gd name="T12" fmla="*/ 2147483647 w 470"/>
              <a:gd name="T13" fmla="*/ 2147483647 h 260"/>
              <a:gd name="T14" fmla="*/ 2147483647 w 470"/>
              <a:gd name="T15" fmla="*/ 2147483647 h 260"/>
              <a:gd name="T16" fmla="*/ 2147483647 w 470"/>
              <a:gd name="T17" fmla="*/ 2147483647 h 260"/>
              <a:gd name="T18" fmla="*/ 2147483647 w 470"/>
              <a:gd name="T19" fmla="*/ 2147483647 h 260"/>
              <a:gd name="T20" fmla="*/ 2147483647 w 470"/>
              <a:gd name="T21" fmla="*/ 2147483647 h 260"/>
              <a:gd name="T22" fmla="*/ 2147483647 w 470"/>
              <a:gd name="T23" fmla="*/ 2147483647 h 260"/>
              <a:gd name="T24" fmla="*/ 2147483647 w 470"/>
              <a:gd name="T25" fmla="*/ 2147483647 h 260"/>
              <a:gd name="T26" fmla="*/ 2147483647 w 470"/>
              <a:gd name="T27" fmla="*/ 2147483647 h 260"/>
              <a:gd name="T28" fmla="*/ 2147483647 w 470"/>
              <a:gd name="T29" fmla="*/ 2147483647 h 260"/>
              <a:gd name="T30" fmla="*/ 2147483647 w 470"/>
              <a:gd name="T31" fmla="*/ 2147483647 h 260"/>
              <a:gd name="T32" fmla="*/ 2147483647 w 470"/>
              <a:gd name="T33" fmla="*/ 2147483647 h 260"/>
              <a:gd name="T34" fmla="*/ 2147483647 w 470"/>
              <a:gd name="T35" fmla="*/ 2147483647 h 260"/>
              <a:gd name="T36" fmla="*/ 2147483647 w 470"/>
              <a:gd name="T37" fmla="*/ 2147483647 h 260"/>
              <a:gd name="T38" fmla="*/ 2147483647 w 470"/>
              <a:gd name="T39" fmla="*/ 2147483647 h 260"/>
              <a:gd name="T40" fmla="*/ 2147483647 w 470"/>
              <a:gd name="T41" fmla="*/ 2147483647 h 260"/>
              <a:gd name="T42" fmla="*/ 2147483647 w 470"/>
              <a:gd name="T43" fmla="*/ 2147483647 h 260"/>
              <a:gd name="T44" fmla="*/ 2147483647 w 470"/>
              <a:gd name="T45" fmla="*/ 2147483647 h 260"/>
              <a:gd name="T46" fmla="*/ 2147483647 w 470"/>
              <a:gd name="T47" fmla="*/ 2147483647 h 260"/>
              <a:gd name="T48" fmla="*/ 2147483647 w 470"/>
              <a:gd name="T49" fmla="*/ 2147483647 h 260"/>
              <a:gd name="T50" fmla="*/ 2147483647 w 470"/>
              <a:gd name="T51" fmla="*/ 2147483647 h 260"/>
              <a:gd name="T52" fmla="*/ 2147483647 w 470"/>
              <a:gd name="T53" fmla="*/ 2147483647 h 260"/>
              <a:gd name="T54" fmla="*/ 2147483647 w 470"/>
              <a:gd name="T55" fmla="*/ 2147483647 h 260"/>
              <a:gd name="T56" fmla="*/ 2147483647 w 470"/>
              <a:gd name="T57" fmla="*/ 2147483647 h 260"/>
              <a:gd name="T58" fmla="*/ 2147483647 w 470"/>
              <a:gd name="T59" fmla="*/ 2147483647 h 260"/>
              <a:gd name="T60" fmla="*/ 2147483647 w 470"/>
              <a:gd name="T61" fmla="*/ 2147483647 h 260"/>
              <a:gd name="T62" fmla="*/ 2147483647 w 470"/>
              <a:gd name="T63" fmla="*/ 0 h 260"/>
              <a:gd name="T64" fmla="*/ 2147483647 w 470"/>
              <a:gd name="T65" fmla="*/ 2147483647 h 260"/>
              <a:gd name="T66" fmla="*/ 2147483647 w 470"/>
              <a:gd name="T67" fmla="*/ 2147483647 h 260"/>
              <a:gd name="T68" fmla="*/ 2147483647 w 470"/>
              <a:gd name="T69" fmla="*/ 2147483647 h 260"/>
              <a:gd name="T70" fmla="*/ 2147483647 w 470"/>
              <a:gd name="T71" fmla="*/ 2147483647 h 260"/>
              <a:gd name="T72" fmla="*/ 2147483647 w 470"/>
              <a:gd name="T73" fmla="*/ 2147483647 h 260"/>
              <a:gd name="T74" fmla="*/ 2147483647 w 470"/>
              <a:gd name="T75" fmla="*/ 2147483647 h 260"/>
              <a:gd name="T76" fmla="*/ 2147483647 w 470"/>
              <a:gd name="T77" fmla="*/ 2147483647 h 260"/>
              <a:gd name="T78" fmla="*/ 2147483647 w 470"/>
              <a:gd name="T79" fmla="*/ 2147483647 h 260"/>
              <a:gd name="T80" fmla="*/ 2147483647 w 470"/>
              <a:gd name="T81" fmla="*/ 2147483647 h 260"/>
              <a:gd name="T82" fmla="*/ 2147483647 w 470"/>
              <a:gd name="T83" fmla="*/ 2147483647 h 260"/>
              <a:gd name="T84" fmla="*/ 2147483647 w 470"/>
              <a:gd name="T85" fmla="*/ 2147483647 h 260"/>
              <a:gd name="T86" fmla="*/ 2147483647 w 470"/>
              <a:gd name="T87" fmla="*/ 2147483647 h 260"/>
              <a:gd name="T88" fmla="*/ 2147483647 w 470"/>
              <a:gd name="T89" fmla="*/ 2147483647 h 260"/>
              <a:gd name="T90" fmla="*/ 2147483647 w 470"/>
              <a:gd name="T91" fmla="*/ 2147483647 h 260"/>
              <a:gd name="T92" fmla="*/ 2147483647 w 470"/>
              <a:gd name="T93" fmla="*/ 2147483647 h 260"/>
              <a:gd name="T94" fmla="*/ 2147483647 w 470"/>
              <a:gd name="T95" fmla="*/ 2147483647 h 260"/>
              <a:gd name="T96" fmla="*/ 2147483647 w 470"/>
              <a:gd name="T97" fmla="*/ 2147483647 h 260"/>
              <a:gd name="T98" fmla="*/ 2147483647 w 470"/>
              <a:gd name="T99" fmla="*/ 2147483647 h 260"/>
              <a:gd name="T100" fmla="*/ 2147483647 w 470"/>
              <a:gd name="T101" fmla="*/ 2147483647 h 260"/>
              <a:gd name="T102" fmla="*/ 2147483647 w 470"/>
              <a:gd name="T103" fmla="*/ 2147483647 h 260"/>
              <a:gd name="T104" fmla="*/ 2147483647 w 470"/>
              <a:gd name="T105" fmla="*/ 2147483647 h 260"/>
              <a:gd name="T106" fmla="*/ 2147483647 w 470"/>
              <a:gd name="T107" fmla="*/ 2147483647 h 260"/>
              <a:gd name="T108" fmla="*/ 2147483647 w 470"/>
              <a:gd name="T109" fmla="*/ 2147483647 h 260"/>
              <a:gd name="T110" fmla="*/ 2147483647 w 470"/>
              <a:gd name="T111" fmla="*/ 2147483647 h 260"/>
              <a:gd name="T112" fmla="*/ 2147483647 w 470"/>
              <a:gd name="T113" fmla="*/ 2147483647 h 260"/>
              <a:gd name="T114" fmla="*/ 2147483647 w 470"/>
              <a:gd name="T115" fmla="*/ 2147483647 h 260"/>
              <a:gd name="T116" fmla="*/ 2147483647 w 470"/>
              <a:gd name="T117" fmla="*/ 2147483647 h 260"/>
              <a:gd name="T118" fmla="*/ 2147483647 w 470"/>
              <a:gd name="T119" fmla="*/ 2147483647 h 260"/>
              <a:gd name="T120" fmla="*/ 2147483647 w 470"/>
              <a:gd name="T121" fmla="*/ 2147483647 h 260"/>
              <a:gd name="T122" fmla="*/ 2147483647 w 470"/>
              <a:gd name="T123" fmla="*/ 2147483647 h 260"/>
              <a:gd name="T124" fmla="*/ 2147483647 w 470"/>
              <a:gd name="T125" fmla="*/ 2147483647 h 260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470" h="260">
                <a:moveTo>
                  <a:pt x="26" y="220"/>
                </a:moveTo>
                <a:lnTo>
                  <a:pt x="14" y="208"/>
                </a:lnTo>
                <a:lnTo>
                  <a:pt x="0" y="188"/>
                </a:lnTo>
                <a:lnTo>
                  <a:pt x="0" y="170"/>
                </a:lnTo>
                <a:lnTo>
                  <a:pt x="8" y="148"/>
                </a:lnTo>
                <a:lnTo>
                  <a:pt x="24" y="124"/>
                </a:lnTo>
                <a:lnTo>
                  <a:pt x="54" y="126"/>
                </a:lnTo>
                <a:lnTo>
                  <a:pt x="82" y="108"/>
                </a:lnTo>
                <a:lnTo>
                  <a:pt x="86" y="92"/>
                </a:lnTo>
                <a:lnTo>
                  <a:pt x="98" y="90"/>
                </a:lnTo>
                <a:lnTo>
                  <a:pt x="100" y="62"/>
                </a:lnTo>
                <a:lnTo>
                  <a:pt x="118" y="54"/>
                </a:lnTo>
                <a:lnTo>
                  <a:pt x="118" y="40"/>
                </a:lnTo>
                <a:lnTo>
                  <a:pt x="138" y="28"/>
                </a:lnTo>
                <a:lnTo>
                  <a:pt x="152" y="24"/>
                </a:lnTo>
                <a:lnTo>
                  <a:pt x="166" y="24"/>
                </a:lnTo>
                <a:lnTo>
                  <a:pt x="168" y="36"/>
                </a:lnTo>
                <a:lnTo>
                  <a:pt x="180" y="36"/>
                </a:lnTo>
                <a:lnTo>
                  <a:pt x="186" y="20"/>
                </a:lnTo>
                <a:lnTo>
                  <a:pt x="204" y="6"/>
                </a:lnTo>
                <a:lnTo>
                  <a:pt x="216" y="24"/>
                </a:lnTo>
                <a:lnTo>
                  <a:pt x="238" y="32"/>
                </a:lnTo>
                <a:lnTo>
                  <a:pt x="238" y="56"/>
                </a:lnTo>
                <a:lnTo>
                  <a:pt x="264" y="50"/>
                </a:lnTo>
                <a:lnTo>
                  <a:pt x="264" y="36"/>
                </a:lnTo>
                <a:lnTo>
                  <a:pt x="284" y="22"/>
                </a:lnTo>
                <a:lnTo>
                  <a:pt x="310" y="16"/>
                </a:lnTo>
                <a:lnTo>
                  <a:pt x="324" y="28"/>
                </a:lnTo>
                <a:lnTo>
                  <a:pt x="342" y="22"/>
                </a:lnTo>
                <a:lnTo>
                  <a:pt x="342" y="8"/>
                </a:lnTo>
                <a:lnTo>
                  <a:pt x="374" y="8"/>
                </a:lnTo>
                <a:lnTo>
                  <a:pt x="388" y="0"/>
                </a:lnTo>
                <a:lnTo>
                  <a:pt x="414" y="8"/>
                </a:lnTo>
                <a:lnTo>
                  <a:pt x="434" y="28"/>
                </a:lnTo>
                <a:lnTo>
                  <a:pt x="456" y="28"/>
                </a:lnTo>
                <a:lnTo>
                  <a:pt x="470" y="36"/>
                </a:lnTo>
                <a:lnTo>
                  <a:pt x="464" y="52"/>
                </a:lnTo>
                <a:lnTo>
                  <a:pt x="462" y="82"/>
                </a:lnTo>
                <a:lnTo>
                  <a:pt x="450" y="102"/>
                </a:lnTo>
                <a:lnTo>
                  <a:pt x="454" y="124"/>
                </a:lnTo>
                <a:lnTo>
                  <a:pt x="418" y="140"/>
                </a:lnTo>
                <a:lnTo>
                  <a:pt x="410" y="128"/>
                </a:lnTo>
                <a:lnTo>
                  <a:pt x="404" y="124"/>
                </a:lnTo>
                <a:lnTo>
                  <a:pt x="390" y="112"/>
                </a:lnTo>
                <a:lnTo>
                  <a:pt x="362" y="126"/>
                </a:lnTo>
                <a:lnTo>
                  <a:pt x="338" y="120"/>
                </a:lnTo>
                <a:lnTo>
                  <a:pt x="316" y="126"/>
                </a:lnTo>
                <a:lnTo>
                  <a:pt x="304" y="146"/>
                </a:lnTo>
                <a:lnTo>
                  <a:pt x="302" y="166"/>
                </a:lnTo>
                <a:lnTo>
                  <a:pt x="292" y="166"/>
                </a:lnTo>
                <a:lnTo>
                  <a:pt x="270" y="190"/>
                </a:lnTo>
                <a:lnTo>
                  <a:pt x="250" y="182"/>
                </a:lnTo>
                <a:lnTo>
                  <a:pt x="234" y="182"/>
                </a:lnTo>
                <a:lnTo>
                  <a:pt x="226" y="200"/>
                </a:lnTo>
                <a:lnTo>
                  <a:pt x="180" y="210"/>
                </a:lnTo>
                <a:lnTo>
                  <a:pt x="172" y="216"/>
                </a:lnTo>
                <a:lnTo>
                  <a:pt x="170" y="230"/>
                </a:lnTo>
                <a:lnTo>
                  <a:pt x="180" y="238"/>
                </a:lnTo>
                <a:lnTo>
                  <a:pt x="166" y="250"/>
                </a:lnTo>
                <a:lnTo>
                  <a:pt x="126" y="256"/>
                </a:lnTo>
                <a:lnTo>
                  <a:pt x="86" y="260"/>
                </a:lnTo>
                <a:lnTo>
                  <a:pt x="54" y="236"/>
                </a:lnTo>
                <a:lnTo>
                  <a:pt x="26" y="220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19" name="Freeform 16"/>
          <p:cNvSpPr>
            <a:spLocks/>
          </p:cNvSpPr>
          <p:nvPr/>
        </p:nvSpPr>
        <p:spPr bwMode="auto">
          <a:xfrm>
            <a:off x="5486400" y="5010150"/>
            <a:ext cx="26988" cy="25400"/>
          </a:xfrm>
          <a:custGeom>
            <a:avLst/>
            <a:gdLst>
              <a:gd name="T0" fmla="*/ 2147483647 w 20"/>
              <a:gd name="T1" fmla="*/ 0 h 20"/>
              <a:gd name="T2" fmla="*/ 2147483647 w 20"/>
              <a:gd name="T3" fmla="*/ 2147483647 h 20"/>
              <a:gd name="T4" fmla="*/ 2147483647 w 20"/>
              <a:gd name="T5" fmla="*/ 2147483647 h 20"/>
              <a:gd name="T6" fmla="*/ 2147483647 w 20"/>
              <a:gd name="T7" fmla="*/ 2147483647 h 20"/>
              <a:gd name="T8" fmla="*/ 0 w 20"/>
              <a:gd name="T9" fmla="*/ 2147483647 h 20"/>
              <a:gd name="T10" fmla="*/ 2147483647 w 20"/>
              <a:gd name="T11" fmla="*/ 2147483647 h 20"/>
              <a:gd name="T12" fmla="*/ 2147483647 w 20"/>
              <a:gd name="T13" fmla="*/ 0 h 20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0" t="0" r="r" b="b"/>
            <a:pathLst>
              <a:path w="20" h="20">
                <a:moveTo>
                  <a:pt x="10" y="0"/>
                </a:moveTo>
                <a:lnTo>
                  <a:pt x="20" y="8"/>
                </a:lnTo>
                <a:lnTo>
                  <a:pt x="18" y="18"/>
                </a:lnTo>
                <a:lnTo>
                  <a:pt x="10" y="20"/>
                </a:lnTo>
                <a:lnTo>
                  <a:pt x="0" y="14"/>
                </a:lnTo>
                <a:lnTo>
                  <a:pt x="2" y="2"/>
                </a:lnTo>
                <a:lnTo>
                  <a:pt x="10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20" name="Freeform 17"/>
          <p:cNvSpPr>
            <a:spLocks/>
          </p:cNvSpPr>
          <p:nvPr/>
        </p:nvSpPr>
        <p:spPr bwMode="auto">
          <a:xfrm>
            <a:off x="5014913" y="5187950"/>
            <a:ext cx="125412" cy="274638"/>
          </a:xfrm>
          <a:custGeom>
            <a:avLst/>
            <a:gdLst>
              <a:gd name="T0" fmla="*/ 2147483647 w 97"/>
              <a:gd name="T1" fmla="*/ 2147483647 h 212"/>
              <a:gd name="T2" fmla="*/ 2147483647 w 97"/>
              <a:gd name="T3" fmla="*/ 2147483647 h 212"/>
              <a:gd name="T4" fmla="*/ 2147483647 w 97"/>
              <a:gd name="T5" fmla="*/ 2147483647 h 212"/>
              <a:gd name="T6" fmla="*/ 2147483647 w 97"/>
              <a:gd name="T7" fmla="*/ 2147483647 h 212"/>
              <a:gd name="T8" fmla="*/ 2147483647 w 97"/>
              <a:gd name="T9" fmla="*/ 2147483647 h 212"/>
              <a:gd name="T10" fmla="*/ 2147483647 w 97"/>
              <a:gd name="T11" fmla="*/ 2147483647 h 212"/>
              <a:gd name="T12" fmla="*/ 2147483647 w 97"/>
              <a:gd name="T13" fmla="*/ 2147483647 h 212"/>
              <a:gd name="T14" fmla="*/ 2147483647 w 97"/>
              <a:gd name="T15" fmla="*/ 0 h 212"/>
              <a:gd name="T16" fmla="*/ 2147483647 w 97"/>
              <a:gd name="T17" fmla="*/ 2147483647 h 212"/>
              <a:gd name="T18" fmla="*/ 2147483647 w 97"/>
              <a:gd name="T19" fmla="*/ 2147483647 h 212"/>
              <a:gd name="T20" fmla="*/ 2147483647 w 97"/>
              <a:gd name="T21" fmla="*/ 2147483647 h 212"/>
              <a:gd name="T22" fmla="*/ 2147483647 w 97"/>
              <a:gd name="T23" fmla="*/ 2147483647 h 212"/>
              <a:gd name="T24" fmla="*/ 2147483647 w 97"/>
              <a:gd name="T25" fmla="*/ 2147483647 h 212"/>
              <a:gd name="T26" fmla="*/ 2147483647 w 97"/>
              <a:gd name="T27" fmla="*/ 2147483647 h 212"/>
              <a:gd name="T28" fmla="*/ 2147483647 w 97"/>
              <a:gd name="T29" fmla="*/ 2147483647 h 212"/>
              <a:gd name="T30" fmla="*/ 2147483647 w 97"/>
              <a:gd name="T31" fmla="*/ 2147483647 h 212"/>
              <a:gd name="T32" fmla="*/ 2147483647 w 97"/>
              <a:gd name="T33" fmla="*/ 2147483647 h 212"/>
              <a:gd name="T34" fmla="*/ 2147483647 w 97"/>
              <a:gd name="T35" fmla="*/ 2147483647 h 212"/>
              <a:gd name="T36" fmla="*/ 2147483647 w 97"/>
              <a:gd name="T37" fmla="*/ 2147483647 h 212"/>
              <a:gd name="T38" fmla="*/ 2147483647 w 97"/>
              <a:gd name="T39" fmla="*/ 2147483647 h 212"/>
              <a:gd name="T40" fmla="*/ 2147483647 w 97"/>
              <a:gd name="T41" fmla="*/ 2147483647 h 212"/>
              <a:gd name="T42" fmla="*/ 2147483647 w 97"/>
              <a:gd name="T43" fmla="*/ 2147483647 h 212"/>
              <a:gd name="T44" fmla="*/ 2147483647 w 97"/>
              <a:gd name="T45" fmla="*/ 2147483647 h 212"/>
              <a:gd name="T46" fmla="*/ 2147483647 w 97"/>
              <a:gd name="T47" fmla="*/ 2147483647 h 212"/>
              <a:gd name="T48" fmla="*/ 2147483647 w 97"/>
              <a:gd name="T49" fmla="*/ 2147483647 h 212"/>
              <a:gd name="T50" fmla="*/ 2147483647 w 97"/>
              <a:gd name="T51" fmla="*/ 2147483647 h 212"/>
              <a:gd name="T52" fmla="*/ 2147483647 w 97"/>
              <a:gd name="T53" fmla="*/ 2147483647 h 212"/>
              <a:gd name="T54" fmla="*/ 2147483647 w 97"/>
              <a:gd name="T55" fmla="*/ 2147483647 h 212"/>
              <a:gd name="T56" fmla="*/ 2147483647 w 97"/>
              <a:gd name="T57" fmla="*/ 2147483647 h 212"/>
              <a:gd name="T58" fmla="*/ 2147483647 w 97"/>
              <a:gd name="T59" fmla="*/ 2147483647 h 212"/>
              <a:gd name="T60" fmla="*/ 2147483647 w 97"/>
              <a:gd name="T61" fmla="*/ 2147483647 h 212"/>
              <a:gd name="T62" fmla="*/ 2147483647 w 97"/>
              <a:gd name="T63" fmla="*/ 2147483647 h 212"/>
              <a:gd name="T64" fmla="*/ 2147483647 w 97"/>
              <a:gd name="T65" fmla="*/ 2147483647 h 212"/>
              <a:gd name="T66" fmla="*/ 2147483647 w 97"/>
              <a:gd name="T67" fmla="*/ 2147483647 h 212"/>
              <a:gd name="T68" fmla="*/ 0 w 97"/>
              <a:gd name="T69" fmla="*/ 2147483647 h 212"/>
              <a:gd name="T70" fmla="*/ 2147483647 w 97"/>
              <a:gd name="T71" fmla="*/ 2147483647 h 212"/>
              <a:gd name="T72" fmla="*/ 2147483647 w 97"/>
              <a:gd name="T73" fmla="*/ 2147483647 h 212"/>
              <a:gd name="T74" fmla="*/ 0 w 97"/>
              <a:gd name="T75" fmla="*/ 2147483647 h 212"/>
              <a:gd name="T76" fmla="*/ 2147483647 w 97"/>
              <a:gd name="T77" fmla="*/ 2147483647 h 212"/>
              <a:gd name="T78" fmla="*/ 2147483647 w 97"/>
              <a:gd name="T79" fmla="*/ 2147483647 h 212"/>
              <a:gd name="T80" fmla="*/ 2147483647 w 97"/>
              <a:gd name="T81" fmla="*/ 2147483647 h 212"/>
              <a:gd name="T82" fmla="*/ 2147483647 w 97"/>
              <a:gd name="T83" fmla="*/ 2147483647 h 212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97" h="212">
                <a:moveTo>
                  <a:pt x="16" y="58"/>
                </a:moveTo>
                <a:lnTo>
                  <a:pt x="36" y="52"/>
                </a:lnTo>
                <a:lnTo>
                  <a:pt x="46" y="42"/>
                </a:lnTo>
                <a:lnTo>
                  <a:pt x="60" y="36"/>
                </a:lnTo>
                <a:lnTo>
                  <a:pt x="72" y="42"/>
                </a:lnTo>
                <a:lnTo>
                  <a:pt x="78" y="22"/>
                </a:lnTo>
                <a:lnTo>
                  <a:pt x="78" y="12"/>
                </a:lnTo>
                <a:lnTo>
                  <a:pt x="80" y="0"/>
                </a:lnTo>
                <a:lnTo>
                  <a:pt x="89" y="8"/>
                </a:lnTo>
                <a:lnTo>
                  <a:pt x="91" y="26"/>
                </a:lnTo>
                <a:lnTo>
                  <a:pt x="91" y="48"/>
                </a:lnTo>
                <a:lnTo>
                  <a:pt x="95" y="62"/>
                </a:lnTo>
                <a:lnTo>
                  <a:pt x="97" y="86"/>
                </a:lnTo>
                <a:lnTo>
                  <a:pt x="97" y="118"/>
                </a:lnTo>
                <a:lnTo>
                  <a:pt x="82" y="138"/>
                </a:lnTo>
                <a:lnTo>
                  <a:pt x="80" y="156"/>
                </a:lnTo>
                <a:lnTo>
                  <a:pt x="80" y="174"/>
                </a:lnTo>
                <a:lnTo>
                  <a:pt x="72" y="188"/>
                </a:lnTo>
                <a:lnTo>
                  <a:pt x="64" y="204"/>
                </a:lnTo>
                <a:lnTo>
                  <a:pt x="62" y="212"/>
                </a:lnTo>
                <a:lnTo>
                  <a:pt x="50" y="212"/>
                </a:lnTo>
                <a:lnTo>
                  <a:pt x="50" y="200"/>
                </a:lnTo>
                <a:lnTo>
                  <a:pt x="38" y="200"/>
                </a:lnTo>
                <a:lnTo>
                  <a:pt x="30" y="194"/>
                </a:lnTo>
                <a:lnTo>
                  <a:pt x="22" y="184"/>
                </a:lnTo>
                <a:lnTo>
                  <a:pt x="34" y="174"/>
                </a:lnTo>
                <a:lnTo>
                  <a:pt x="32" y="168"/>
                </a:lnTo>
                <a:lnTo>
                  <a:pt x="10" y="164"/>
                </a:lnTo>
                <a:lnTo>
                  <a:pt x="14" y="154"/>
                </a:lnTo>
                <a:lnTo>
                  <a:pt x="20" y="144"/>
                </a:lnTo>
                <a:lnTo>
                  <a:pt x="6" y="142"/>
                </a:lnTo>
                <a:lnTo>
                  <a:pt x="10" y="134"/>
                </a:lnTo>
                <a:lnTo>
                  <a:pt x="16" y="122"/>
                </a:lnTo>
                <a:lnTo>
                  <a:pt x="8" y="114"/>
                </a:lnTo>
                <a:lnTo>
                  <a:pt x="0" y="108"/>
                </a:lnTo>
                <a:lnTo>
                  <a:pt x="6" y="100"/>
                </a:lnTo>
                <a:lnTo>
                  <a:pt x="10" y="94"/>
                </a:lnTo>
                <a:lnTo>
                  <a:pt x="0" y="84"/>
                </a:lnTo>
                <a:lnTo>
                  <a:pt x="6" y="78"/>
                </a:lnTo>
                <a:lnTo>
                  <a:pt x="12" y="74"/>
                </a:lnTo>
                <a:lnTo>
                  <a:pt x="12" y="62"/>
                </a:lnTo>
                <a:lnTo>
                  <a:pt x="16" y="5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21" name="Freeform 18"/>
          <p:cNvSpPr>
            <a:spLocks/>
          </p:cNvSpPr>
          <p:nvPr/>
        </p:nvSpPr>
        <p:spPr bwMode="auto">
          <a:xfrm>
            <a:off x="4957763" y="5486400"/>
            <a:ext cx="212725" cy="401638"/>
          </a:xfrm>
          <a:custGeom>
            <a:avLst/>
            <a:gdLst>
              <a:gd name="T0" fmla="*/ 2147483647 w 165"/>
              <a:gd name="T1" fmla="*/ 2147483647 h 310"/>
              <a:gd name="T2" fmla="*/ 2147483647 w 165"/>
              <a:gd name="T3" fmla="*/ 2147483647 h 310"/>
              <a:gd name="T4" fmla="*/ 2147483647 w 165"/>
              <a:gd name="T5" fmla="*/ 2147483647 h 310"/>
              <a:gd name="T6" fmla="*/ 2147483647 w 165"/>
              <a:gd name="T7" fmla="*/ 2147483647 h 310"/>
              <a:gd name="T8" fmla="*/ 2147483647 w 165"/>
              <a:gd name="T9" fmla="*/ 2147483647 h 310"/>
              <a:gd name="T10" fmla="*/ 2147483647 w 165"/>
              <a:gd name="T11" fmla="*/ 2147483647 h 310"/>
              <a:gd name="T12" fmla="*/ 2147483647 w 165"/>
              <a:gd name="T13" fmla="*/ 0 h 310"/>
              <a:gd name="T14" fmla="*/ 2147483647 w 165"/>
              <a:gd name="T15" fmla="*/ 2147483647 h 310"/>
              <a:gd name="T16" fmla="*/ 2147483647 w 165"/>
              <a:gd name="T17" fmla="*/ 2147483647 h 310"/>
              <a:gd name="T18" fmla="*/ 2147483647 w 165"/>
              <a:gd name="T19" fmla="*/ 2147483647 h 310"/>
              <a:gd name="T20" fmla="*/ 2147483647 w 165"/>
              <a:gd name="T21" fmla="*/ 2147483647 h 310"/>
              <a:gd name="T22" fmla="*/ 2147483647 w 165"/>
              <a:gd name="T23" fmla="*/ 2147483647 h 310"/>
              <a:gd name="T24" fmla="*/ 2147483647 w 165"/>
              <a:gd name="T25" fmla="*/ 2147483647 h 310"/>
              <a:gd name="T26" fmla="*/ 2147483647 w 165"/>
              <a:gd name="T27" fmla="*/ 2147483647 h 310"/>
              <a:gd name="T28" fmla="*/ 2147483647 w 165"/>
              <a:gd name="T29" fmla="*/ 2147483647 h 310"/>
              <a:gd name="T30" fmla="*/ 2147483647 w 165"/>
              <a:gd name="T31" fmla="*/ 2147483647 h 310"/>
              <a:gd name="T32" fmla="*/ 2147483647 w 165"/>
              <a:gd name="T33" fmla="*/ 2147483647 h 310"/>
              <a:gd name="T34" fmla="*/ 2147483647 w 165"/>
              <a:gd name="T35" fmla="*/ 2147483647 h 310"/>
              <a:gd name="T36" fmla="*/ 2147483647 w 165"/>
              <a:gd name="T37" fmla="*/ 2147483647 h 310"/>
              <a:gd name="T38" fmla="*/ 2147483647 w 165"/>
              <a:gd name="T39" fmla="*/ 2147483647 h 310"/>
              <a:gd name="T40" fmla="*/ 2147483647 w 165"/>
              <a:gd name="T41" fmla="*/ 2147483647 h 310"/>
              <a:gd name="T42" fmla="*/ 2147483647 w 165"/>
              <a:gd name="T43" fmla="*/ 2147483647 h 310"/>
              <a:gd name="T44" fmla="*/ 2147483647 w 165"/>
              <a:gd name="T45" fmla="*/ 2147483647 h 310"/>
              <a:gd name="T46" fmla="*/ 2147483647 w 165"/>
              <a:gd name="T47" fmla="*/ 2147483647 h 310"/>
              <a:gd name="T48" fmla="*/ 2147483647 w 165"/>
              <a:gd name="T49" fmla="*/ 2147483647 h 310"/>
              <a:gd name="T50" fmla="*/ 2147483647 w 165"/>
              <a:gd name="T51" fmla="*/ 2147483647 h 310"/>
              <a:gd name="T52" fmla="*/ 2147483647 w 165"/>
              <a:gd name="T53" fmla="*/ 2147483647 h 310"/>
              <a:gd name="T54" fmla="*/ 2147483647 w 165"/>
              <a:gd name="T55" fmla="*/ 2147483647 h 310"/>
              <a:gd name="T56" fmla="*/ 2147483647 w 165"/>
              <a:gd name="T57" fmla="*/ 2147483647 h 310"/>
              <a:gd name="T58" fmla="*/ 2147483647 w 165"/>
              <a:gd name="T59" fmla="*/ 2147483647 h 310"/>
              <a:gd name="T60" fmla="*/ 2147483647 w 165"/>
              <a:gd name="T61" fmla="*/ 2147483647 h 310"/>
              <a:gd name="T62" fmla="*/ 2147483647 w 165"/>
              <a:gd name="T63" fmla="*/ 2147483647 h 310"/>
              <a:gd name="T64" fmla="*/ 2147483647 w 165"/>
              <a:gd name="T65" fmla="*/ 2147483647 h 310"/>
              <a:gd name="T66" fmla="*/ 2147483647 w 165"/>
              <a:gd name="T67" fmla="*/ 2147483647 h 310"/>
              <a:gd name="T68" fmla="*/ 2147483647 w 165"/>
              <a:gd name="T69" fmla="*/ 2147483647 h 310"/>
              <a:gd name="T70" fmla="*/ 2147483647 w 165"/>
              <a:gd name="T71" fmla="*/ 2147483647 h 310"/>
              <a:gd name="T72" fmla="*/ 2147483647 w 165"/>
              <a:gd name="T73" fmla="*/ 2147483647 h 310"/>
              <a:gd name="T74" fmla="*/ 2147483647 w 165"/>
              <a:gd name="T75" fmla="*/ 2147483647 h 310"/>
              <a:gd name="T76" fmla="*/ 2147483647 w 165"/>
              <a:gd name="T77" fmla="*/ 2147483647 h 310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</a:gdLst>
            <a:ahLst/>
            <a:cxnLst>
              <a:cxn ang="T78">
                <a:pos x="T0" y="T1"/>
              </a:cxn>
              <a:cxn ang="T79">
                <a:pos x="T2" y="T3"/>
              </a:cxn>
              <a:cxn ang="T80">
                <a:pos x="T4" y="T5"/>
              </a:cxn>
              <a:cxn ang="T81">
                <a:pos x="T6" y="T7"/>
              </a:cxn>
              <a:cxn ang="T82">
                <a:pos x="T8" y="T9"/>
              </a:cxn>
              <a:cxn ang="T83">
                <a:pos x="T10" y="T11"/>
              </a:cxn>
              <a:cxn ang="T84">
                <a:pos x="T12" y="T13"/>
              </a:cxn>
              <a:cxn ang="T85">
                <a:pos x="T14" y="T15"/>
              </a:cxn>
              <a:cxn ang="T86">
                <a:pos x="T16" y="T17"/>
              </a:cxn>
              <a:cxn ang="T87">
                <a:pos x="T18" y="T19"/>
              </a:cxn>
              <a:cxn ang="T88">
                <a:pos x="T20" y="T21"/>
              </a:cxn>
              <a:cxn ang="T89">
                <a:pos x="T22" y="T23"/>
              </a:cxn>
              <a:cxn ang="T90">
                <a:pos x="T24" y="T25"/>
              </a:cxn>
              <a:cxn ang="T91">
                <a:pos x="T26" y="T27"/>
              </a:cxn>
              <a:cxn ang="T92">
                <a:pos x="T28" y="T29"/>
              </a:cxn>
              <a:cxn ang="T93">
                <a:pos x="T30" y="T31"/>
              </a:cxn>
              <a:cxn ang="T94">
                <a:pos x="T32" y="T33"/>
              </a:cxn>
              <a:cxn ang="T95">
                <a:pos x="T34" y="T35"/>
              </a:cxn>
              <a:cxn ang="T96">
                <a:pos x="T36" y="T37"/>
              </a:cxn>
              <a:cxn ang="T97">
                <a:pos x="T38" y="T39"/>
              </a:cxn>
              <a:cxn ang="T98">
                <a:pos x="T40" y="T41"/>
              </a:cxn>
              <a:cxn ang="T99">
                <a:pos x="T42" y="T43"/>
              </a:cxn>
              <a:cxn ang="T100">
                <a:pos x="T44" y="T45"/>
              </a:cxn>
              <a:cxn ang="T101">
                <a:pos x="T46" y="T47"/>
              </a:cxn>
              <a:cxn ang="T102">
                <a:pos x="T48" y="T49"/>
              </a:cxn>
              <a:cxn ang="T103">
                <a:pos x="T50" y="T51"/>
              </a:cxn>
              <a:cxn ang="T104">
                <a:pos x="T52" y="T53"/>
              </a:cxn>
              <a:cxn ang="T105">
                <a:pos x="T54" y="T55"/>
              </a:cxn>
              <a:cxn ang="T106">
                <a:pos x="T56" y="T57"/>
              </a:cxn>
              <a:cxn ang="T107">
                <a:pos x="T58" y="T59"/>
              </a:cxn>
              <a:cxn ang="T108">
                <a:pos x="T60" y="T61"/>
              </a:cxn>
              <a:cxn ang="T109">
                <a:pos x="T62" y="T63"/>
              </a:cxn>
              <a:cxn ang="T110">
                <a:pos x="T64" y="T65"/>
              </a:cxn>
              <a:cxn ang="T111">
                <a:pos x="T66" y="T67"/>
              </a:cxn>
              <a:cxn ang="T112">
                <a:pos x="T68" y="T69"/>
              </a:cxn>
              <a:cxn ang="T113">
                <a:pos x="T70" y="T71"/>
              </a:cxn>
              <a:cxn ang="T114">
                <a:pos x="T72" y="T73"/>
              </a:cxn>
              <a:cxn ang="T115">
                <a:pos x="T74" y="T75"/>
              </a:cxn>
              <a:cxn ang="T116">
                <a:pos x="T76" y="T77"/>
              </a:cxn>
            </a:cxnLst>
            <a:rect l="0" t="0" r="r" b="b"/>
            <a:pathLst>
              <a:path w="165" h="310">
                <a:moveTo>
                  <a:pt x="18" y="18"/>
                </a:moveTo>
                <a:lnTo>
                  <a:pt x="16" y="26"/>
                </a:lnTo>
                <a:lnTo>
                  <a:pt x="12" y="34"/>
                </a:lnTo>
                <a:lnTo>
                  <a:pt x="10" y="44"/>
                </a:lnTo>
                <a:lnTo>
                  <a:pt x="20" y="52"/>
                </a:lnTo>
                <a:lnTo>
                  <a:pt x="36" y="54"/>
                </a:lnTo>
                <a:lnTo>
                  <a:pt x="48" y="46"/>
                </a:lnTo>
                <a:lnTo>
                  <a:pt x="52" y="44"/>
                </a:lnTo>
                <a:lnTo>
                  <a:pt x="62" y="44"/>
                </a:lnTo>
                <a:lnTo>
                  <a:pt x="88" y="18"/>
                </a:lnTo>
                <a:lnTo>
                  <a:pt x="94" y="16"/>
                </a:lnTo>
                <a:lnTo>
                  <a:pt x="100" y="12"/>
                </a:lnTo>
                <a:lnTo>
                  <a:pt x="102" y="2"/>
                </a:lnTo>
                <a:lnTo>
                  <a:pt x="114" y="0"/>
                </a:lnTo>
                <a:lnTo>
                  <a:pt x="116" y="8"/>
                </a:lnTo>
                <a:lnTo>
                  <a:pt x="124" y="12"/>
                </a:lnTo>
                <a:lnTo>
                  <a:pt x="141" y="18"/>
                </a:lnTo>
                <a:lnTo>
                  <a:pt x="139" y="26"/>
                </a:lnTo>
                <a:lnTo>
                  <a:pt x="149" y="32"/>
                </a:lnTo>
                <a:lnTo>
                  <a:pt x="143" y="42"/>
                </a:lnTo>
                <a:lnTo>
                  <a:pt x="155" y="56"/>
                </a:lnTo>
                <a:lnTo>
                  <a:pt x="155" y="68"/>
                </a:lnTo>
                <a:lnTo>
                  <a:pt x="161" y="78"/>
                </a:lnTo>
                <a:lnTo>
                  <a:pt x="165" y="90"/>
                </a:lnTo>
                <a:lnTo>
                  <a:pt x="165" y="110"/>
                </a:lnTo>
                <a:lnTo>
                  <a:pt x="155" y="116"/>
                </a:lnTo>
                <a:lnTo>
                  <a:pt x="145" y="128"/>
                </a:lnTo>
                <a:lnTo>
                  <a:pt x="151" y="138"/>
                </a:lnTo>
                <a:lnTo>
                  <a:pt x="157" y="152"/>
                </a:lnTo>
                <a:lnTo>
                  <a:pt x="153" y="164"/>
                </a:lnTo>
                <a:lnTo>
                  <a:pt x="153" y="196"/>
                </a:lnTo>
                <a:lnTo>
                  <a:pt x="151" y="208"/>
                </a:lnTo>
                <a:lnTo>
                  <a:pt x="149" y="236"/>
                </a:lnTo>
                <a:lnTo>
                  <a:pt x="147" y="252"/>
                </a:lnTo>
                <a:lnTo>
                  <a:pt x="141" y="260"/>
                </a:lnTo>
                <a:lnTo>
                  <a:pt x="141" y="272"/>
                </a:lnTo>
                <a:lnTo>
                  <a:pt x="137" y="280"/>
                </a:lnTo>
                <a:lnTo>
                  <a:pt x="126" y="276"/>
                </a:lnTo>
                <a:lnTo>
                  <a:pt x="112" y="266"/>
                </a:lnTo>
                <a:lnTo>
                  <a:pt x="102" y="266"/>
                </a:lnTo>
                <a:lnTo>
                  <a:pt x="92" y="262"/>
                </a:lnTo>
                <a:lnTo>
                  <a:pt x="88" y="268"/>
                </a:lnTo>
                <a:lnTo>
                  <a:pt x="86" y="280"/>
                </a:lnTo>
                <a:lnTo>
                  <a:pt x="88" y="288"/>
                </a:lnTo>
                <a:lnTo>
                  <a:pt x="80" y="296"/>
                </a:lnTo>
                <a:lnTo>
                  <a:pt x="70" y="308"/>
                </a:lnTo>
                <a:lnTo>
                  <a:pt x="60" y="306"/>
                </a:lnTo>
                <a:lnTo>
                  <a:pt x="52" y="304"/>
                </a:lnTo>
                <a:lnTo>
                  <a:pt x="48" y="310"/>
                </a:lnTo>
                <a:lnTo>
                  <a:pt x="42" y="306"/>
                </a:lnTo>
                <a:lnTo>
                  <a:pt x="40" y="292"/>
                </a:lnTo>
                <a:lnTo>
                  <a:pt x="32" y="282"/>
                </a:lnTo>
                <a:lnTo>
                  <a:pt x="26" y="288"/>
                </a:lnTo>
                <a:lnTo>
                  <a:pt x="20" y="282"/>
                </a:lnTo>
                <a:lnTo>
                  <a:pt x="24" y="274"/>
                </a:lnTo>
                <a:lnTo>
                  <a:pt x="18" y="262"/>
                </a:lnTo>
                <a:lnTo>
                  <a:pt x="24" y="248"/>
                </a:lnTo>
                <a:lnTo>
                  <a:pt x="20" y="238"/>
                </a:lnTo>
                <a:lnTo>
                  <a:pt x="24" y="224"/>
                </a:lnTo>
                <a:lnTo>
                  <a:pt x="30" y="212"/>
                </a:lnTo>
                <a:lnTo>
                  <a:pt x="26" y="196"/>
                </a:lnTo>
                <a:lnTo>
                  <a:pt x="38" y="190"/>
                </a:lnTo>
                <a:lnTo>
                  <a:pt x="36" y="178"/>
                </a:lnTo>
                <a:lnTo>
                  <a:pt x="22" y="170"/>
                </a:lnTo>
                <a:lnTo>
                  <a:pt x="22" y="158"/>
                </a:lnTo>
                <a:lnTo>
                  <a:pt x="30" y="150"/>
                </a:lnTo>
                <a:lnTo>
                  <a:pt x="30" y="122"/>
                </a:lnTo>
                <a:lnTo>
                  <a:pt x="22" y="114"/>
                </a:lnTo>
                <a:lnTo>
                  <a:pt x="20" y="100"/>
                </a:lnTo>
                <a:lnTo>
                  <a:pt x="12" y="86"/>
                </a:lnTo>
                <a:lnTo>
                  <a:pt x="0" y="84"/>
                </a:lnTo>
                <a:lnTo>
                  <a:pt x="2" y="72"/>
                </a:lnTo>
                <a:lnTo>
                  <a:pt x="0" y="60"/>
                </a:lnTo>
                <a:lnTo>
                  <a:pt x="6" y="50"/>
                </a:lnTo>
                <a:lnTo>
                  <a:pt x="6" y="38"/>
                </a:lnTo>
                <a:lnTo>
                  <a:pt x="8" y="28"/>
                </a:lnTo>
                <a:lnTo>
                  <a:pt x="14" y="18"/>
                </a:lnTo>
                <a:lnTo>
                  <a:pt x="18" y="1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22" name="Freeform 19"/>
          <p:cNvSpPr>
            <a:spLocks/>
          </p:cNvSpPr>
          <p:nvPr/>
        </p:nvSpPr>
        <p:spPr bwMode="auto">
          <a:xfrm>
            <a:off x="5530850" y="5957888"/>
            <a:ext cx="425450" cy="282575"/>
          </a:xfrm>
          <a:custGeom>
            <a:avLst/>
            <a:gdLst>
              <a:gd name="T0" fmla="*/ 2147483647 w 328"/>
              <a:gd name="T1" fmla="*/ 2147483647 h 218"/>
              <a:gd name="T2" fmla="*/ 2147483647 w 328"/>
              <a:gd name="T3" fmla="*/ 2147483647 h 218"/>
              <a:gd name="T4" fmla="*/ 2147483647 w 328"/>
              <a:gd name="T5" fmla="*/ 2147483647 h 218"/>
              <a:gd name="T6" fmla="*/ 2147483647 w 328"/>
              <a:gd name="T7" fmla="*/ 2147483647 h 218"/>
              <a:gd name="T8" fmla="*/ 2147483647 w 328"/>
              <a:gd name="T9" fmla="*/ 2147483647 h 218"/>
              <a:gd name="T10" fmla="*/ 2147483647 w 328"/>
              <a:gd name="T11" fmla="*/ 2147483647 h 218"/>
              <a:gd name="T12" fmla="*/ 2147483647 w 328"/>
              <a:gd name="T13" fmla="*/ 2147483647 h 218"/>
              <a:gd name="T14" fmla="*/ 2147483647 w 328"/>
              <a:gd name="T15" fmla="*/ 2147483647 h 218"/>
              <a:gd name="T16" fmla="*/ 2147483647 w 328"/>
              <a:gd name="T17" fmla="*/ 2147483647 h 218"/>
              <a:gd name="T18" fmla="*/ 2147483647 w 328"/>
              <a:gd name="T19" fmla="*/ 2147483647 h 218"/>
              <a:gd name="T20" fmla="*/ 2147483647 w 328"/>
              <a:gd name="T21" fmla="*/ 2147483647 h 218"/>
              <a:gd name="T22" fmla="*/ 2147483647 w 328"/>
              <a:gd name="T23" fmla="*/ 2147483647 h 218"/>
              <a:gd name="T24" fmla="*/ 2147483647 w 328"/>
              <a:gd name="T25" fmla="*/ 2147483647 h 218"/>
              <a:gd name="T26" fmla="*/ 2147483647 w 328"/>
              <a:gd name="T27" fmla="*/ 2147483647 h 218"/>
              <a:gd name="T28" fmla="*/ 2147483647 w 328"/>
              <a:gd name="T29" fmla="*/ 2147483647 h 218"/>
              <a:gd name="T30" fmla="*/ 2147483647 w 328"/>
              <a:gd name="T31" fmla="*/ 2147483647 h 218"/>
              <a:gd name="T32" fmla="*/ 2147483647 w 328"/>
              <a:gd name="T33" fmla="*/ 2147483647 h 218"/>
              <a:gd name="T34" fmla="*/ 2147483647 w 328"/>
              <a:gd name="T35" fmla="*/ 2147483647 h 218"/>
              <a:gd name="T36" fmla="*/ 2147483647 w 328"/>
              <a:gd name="T37" fmla="*/ 2147483647 h 218"/>
              <a:gd name="T38" fmla="*/ 2147483647 w 328"/>
              <a:gd name="T39" fmla="*/ 2147483647 h 218"/>
              <a:gd name="T40" fmla="*/ 2147483647 w 328"/>
              <a:gd name="T41" fmla="*/ 2147483647 h 218"/>
              <a:gd name="T42" fmla="*/ 2147483647 w 328"/>
              <a:gd name="T43" fmla="*/ 2147483647 h 218"/>
              <a:gd name="T44" fmla="*/ 2147483647 w 328"/>
              <a:gd name="T45" fmla="*/ 2147483647 h 218"/>
              <a:gd name="T46" fmla="*/ 2147483647 w 328"/>
              <a:gd name="T47" fmla="*/ 2147483647 h 218"/>
              <a:gd name="T48" fmla="*/ 2147483647 w 328"/>
              <a:gd name="T49" fmla="*/ 2147483647 h 218"/>
              <a:gd name="T50" fmla="*/ 2147483647 w 328"/>
              <a:gd name="T51" fmla="*/ 2147483647 h 218"/>
              <a:gd name="T52" fmla="*/ 2147483647 w 328"/>
              <a:gd name="T53" fmla="*/ 2147483647 h 218"/>
              <a:gd name="T54" fmla="*/ 2147483647 w 328"/>
              <a:gd name="T55" fmla="*/ 2147483647 h 218"/>
              <a:gd name="T56" fmla="*/ 2147483647 w 328"/>
              <a:gd name="T57" fmla="*/ 2147483647 h 218"/>
              <a:gd name="T58" fmla="*/ 2147483647 w 328"/>
              <a:gd name="T59" fmla="*/ 2147483647 h 218"/>
              <a:gd name="T60" fmla="*/ 2147483647 w 328"/>
              <a:gd name="T61" fmla="*/ 2147483647 h 218"/>
              <a:gd name="T62" fmla="*/ 2147483647 w 328"/>
              <a:gd name="T63" fmla="*/ 2147483647 h 218"/>
              <a:gd name="T64" fmla="*/ 2147483647 w 328"/>
              <a:gd name="T65" fmla="*/ 2147483647 h 218"/>
              <a:gd name="T66" fmla="*/ 2147483647 w 328"/>
              <a:gd name="T67" fmla="*/ 2147483647 h 218"/>
              <a:gd name="T68" fmla="*/ 2147483647 w 328"/>
              <a:gd name="T69" fmla="*/ 2147483647 h 218"/>
              <a:gd name="T70" fmla="*/ 2147483647 w 328"/>
              <a:gd name="T71" fmla="*/ 2147483647 h 218"/>
              <a:gd name="T72" fmla="*/ 2147483647 w 328"/>
              <a:gd name="T73" fmla="*/ 2147483647 h 218"/>
              <a:gd name="T74" fmla="*/ 2147483647 w 328"/>
              <a:gd name="T75" fmla="*/ 2147483647 h 218"/>
              <a:gd name="T76" fmla="*/ 2147483647 w 328"/>
              <a:gd name="T77" fmla="*/ 2147483647 h 218"/>
              <a:gd name="T78" fmla="*/ 2147483647 w 328"/>
              <a:gd name="T79" fmla="*/ 2147483647 h 218"/>
              <a:gd name="T80" fmla="*/ 0 w 328"/>
              <a:gd name="T81" fmla="*/ 2147483647 h 218"/>
              <a:gd name="T82" fmla="*/ 2147483647 w 328"/>
              <a:gd name="T83" fmla="*/ 2147483647 h 218"/>
              <a:gd name="T84" fmla="*/ 2147483647 w 328"/>
              <a:gd name="T85" fmla="*/ 2147483647 h 218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328" h="218">
                <a:moveTo>
                  <a:pt x="32" y="36"/>
                </a:moveTo>
                <a:lnTo>
                  <a:pt x="36" y="46"/>
                </a:lnTo>
                <a:lnTo>
                  <a:pt x="44" y="52"/>
                </a:lnTo>
                <a:lnTo>
                  <a:pt x="56" y="50"/>
                </a:lnTo>
                <a:lnTo>
                  <a:pt x="62" y="42"/>
                </a:lnTo>
                <a:lnTo>
                  <a:pt x="66" y="32"/>
                </a:lnTo>
                <a:lnTo>
                  <a:pt x="74" y="32"/>
                </a:lnTo>
                <a:lnTo>
                  <a:pt x="88" y="24"/>
                </a:lnTo>
                <a:lnTo>
                  <a:pt x="96" y="28"/>
                </a:lnTo>
                <a:lnTo>
                  <a:pt x="102" y="38"/>
                </a:lnTo>
                <a:lnTo>
                  <a:pt x="112" y="40"/>
                </a:lnTo>
                <a:lnTo>
                  <a:pt x="120" y="50"/>
                </a:lnTo>
                <a:lnTo>
                  <a:pt x="130" y="52"/>
                </a:lnTo>
                <a:lnTo>
                  <a:pt x="144" y="56"/>
                </a:lnTo>
                <a:lnTo>
                  <a:pt x="158" y="46"/>
                </a:lnTo>
                <a:lnTo>
                  <a:pt x="168" y="46"/>
                </a:lnTo>
                <a:lnTo>
                  <a:pt x="180" y="46"/>
                </a:lnTo>
                <a:lnTo>
                  <a:pt x="196" y="46"/>
                </a:lnTo>
                <a:lnTo>
                  <a:pt x="214" y="42"/>
                </a:lnTo>
                <a:lnTo>
                  <a:pt x="226" y="36"/>
                </a:lnTo>
                <a:lnTo>
                  <a:pt x="234" y="30"/>
                </a:lnTo>
                <a:lnTo>
                  <a:pt x="236" y="26"/>
                </a:lnTo>
                <a:lnTo>
                  <a:pt x="240" y="24"/>
                </a:lnTo>
                <a:lnTo>
                  <a:pt x="252" y="22"/>
                </a:lnTo>
                <a:lnTo>
                  <a:pt x="266" y="22"/>
                </a:lnTo>
                <a:lnTo>
                  <a:pt x="276" y="24"/>
                </a:lnTo>
                <a:lnTo>
                  <a:pt x="286" y="14"/>
                </a:lnTo>
                <a:lnTo>
                  <a:pt x="300" y="14"/>
                </a:lnTo>
                <a:lnTo>
                  <a:pt x="308" y="6"/>
                </a:lnTo>
                <a:lnTo>
                  <a:pt x="316" y="2"/>
                </a:lnTo>
                <a:lnTo>
                  <a:pt x="324" y="0"/>
                </a:lnTo>
                <a:lnTo>
                  <a:pt x="328" y="4"/>
                </a:lnTo>
                <a:lnTo>
                  <a:pt x="322" y="10"/>
                </a:lnTo>
                <a:lnTo>
                  <a:pt x="322" y="18"/>
                </a:lnTo>
                <a:lnTo>
                  <a:pt x="318" y="26"/>
                </a:lnTo>
                <a:lnTo>
                  <a:pt x="312" y="38"/>
                </a:lnTo>
                <a:lnTo>
                  <a:pt x="308" y="48"/>
                </a:lnTo>
                <a:lnTo>
                  <a:pt x="302" y="58"/>
                </a:lnTo>
                <a:lnTo>
                  <a:pt x="292" y="72"/>
                </a:lnTo>
                <a:lnTo>
                  <a:pt x="292" y="84"/>
                </a:lnTo>
                <a:lnTo>
                  <a:pt x="290" y="98"/>
                </a:lnTo>
                <a:lnTo>
                  <a:pt x="282" y="108"/>
                </a:lnTo>
                <a:lnTo>
                  <a:pt x="282" y="128"/>
                </a:lnTo>
                <a:lnTo>
                  <a:pt x="286" y="134"/>
                </a:lnTo>
                <a:lnTo>
                  <a:pt x="298" y="136"/>
                </a:lnTo>
                <a:lnTo>
                  <a:pt x="298" y="148"/>
                </a:lnTo>
                <a:lnTo>
                  <a:pt x="304" y="160"/>
                </a:lnTo>
                <a:lnTo>
                  <a:pt x="306" y="168"/>
                </a:lnTo>
                <a:lnTo>
                  <a:pt x="308" y="176"/>
                </a:lnTo>
                <a:lnTo>
                  <a:pt x="296" y="182"/>
                </a:lnTo>
                <a:lnTo>
                  <a:pt x="290" y="188"/>
                </a:lnTo>
                <a:lnTo>
                  <a:pt x="290" y="196"/>
                </a:lnTo>
                <a:lnTo>
                  <a:pt x="290" y="210"/>
                </a:lnTo>
                <a:lnTo>
                  <a:pt x="290" y="218"/>
                </a:lnTo>
                <a:lnTo>
                  <a:pt x="274" y="218"/>
                </a:lnTo>
                <a:lnTo>
                  <a:pt x="266" y="212"/>
                </a:lnTo>
                <a:lnTo>
                  <a:pt x="256" y="216"/>
                </a:lnTo>
                <a:lnTo>
                  <a:pt x="246" y="218"/>
                </a:lnTo>
                <a:lnTo>
                  <a:pt x="236" y="210"/>
                </a:lnTo>
                <a:lnTo>
                  <a:pt x="222" y="210"/>
                </a:lnTo>
                <a:lnTo>
                  <a:pt x="218" y="200"/>
                </a:lnTo>
                <a:lnTo>
                  <a:pt x="216" y="190"/>
                </a:lnTo>
                <a:lnTo>
                  <a:pt x="202" y="182"/>
                </a:lnTo>
                <a:lnTo>
                  <a:pt x="194" y="172"/>
                </a:lnTo>
                <a:lnTo>
                  <a:pt x="184" y="168"/>
                </a:lnTo>
                <a:lnTo>
                  <a:pt x="170" y="168"/>
                </a:lnTo>
                <a:lnTo>
                  <a:pt x="156" y="170"/>
                </a:lnTo>
                <a:lnTo>
                  <a:pt x="146" y="164"/>
                </a:lnTo>
                <a:lnTo>
                  <a:pt x="138" y="162"/>
                </a:lnTo>
                <a:lnTo>
                  <a:pt x="130" y="156"/>
                </a:lnTo>
                <a:lnTo>
                  <a:pt x="122" y="148"/>
                </a:lnTo>
                <a:lnTo>
                  <a:pt x="110" y="146"/>
                </a:lnTo>
                <a:lnTo>
                  <a:pt x="98" y="138"/>
                </a:lnTo>
                <a:lnTo>
                  <a:pt x="88" y="132"/>
                </a:lnTo>
                <a:lnTo>
                  <a:pt x="74" y="120"/>
                </a:lnTo>
                <a:lnTo>
                  <a:pt x="60" y="120"/>
                </a:lnTo>
                <a:lnTo>
                  <a:pt x="54" y="116"/>
                </a:lnTo>
                <a:lnTo>
                  <a:pt x="36" y="114"/>
                </a:lnTo>
                <a:lnTo>
                  <a:pt x="24" y="114"/>
                </a:lnTo>
                <a:lnTo>
                  <a:pt x="14" y="104"/>
                </a:lnTo>
                <a:lnTo>
                  <a:pt x="2" y="96"/>
                </a:lnTo>
                <a:lnTo>
                  <a:pt x="0" y="82"/>
                </a:lnTo>
                <a:lnTo>
                  <a:pt x="2" y="60"/>
                </a:lnTo>
                <a:lnTo>
                  <a:pt x="12" y="50"/>
                </a:lnTo>
                <a:lnTo>
                  <a:pt x="20" y="42"/>
                </a:lnTo>
                <a:lnTo>
                  <a:pt x="32" y="3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23" name="Freeform 20"/>
          <p:cNvSpPr>
            <a:spLocks/>
          </p:cNvSpPr>
          <p:nvPr/>
        </p:nvSpPr>
        <p:spPr bwMode="auto">
          <a:xfrm>
            <a:off x="4733925" y="3976688"/>
            <a:ext cx="84138" cy="122237"/>
          </a:xfrm>
          <a:custGeom>
            <a:avLst/>
            <a:gdLst>
              <a:gd name="T0" fmla="*/ 2147483647 w 64"/>
              <a:gd name="T1" fmla="*/ 2147483647 h 94"/>
              <a:gd name="T2" fmla="*/ 2147483647 w 64"/>
              <a:gd name="T3" fmla="*/ 2147483647 h 94"/>
              <a:gd name="T4" fmla="*/ 2147483647 w 64"/>
              <a:gd name="T5" fmla="*/ 2147483647 h 94"/>
              <a:gd name="T6" fmla="*/ 2147483647 w 64"/>
              <a:gd name="T7" fmla="*/ 2147483647 h 94"/>
              <a:gd name="T8" fmla="*/ 0 w 64"/>
              <a:gd name="T9" fmla="*/ 2147483647 h 94"/>
              <a:gd name="T10" fmla="*/ 2147483647 w 64"/>
              <a:gd name="T11" fmla="*/ 2147483647 h 94"/>
              <a:gd name="T12" fmla="*/ 2147483647 w 64"/>
              <a:gd name="T13" fmla="*/ 2147483647 h 94"/>
              <a:gd name="T14" fmla="*/ 2147483647 w 64"/>
              <a:gd name="T15" fmla="*/ 0 h 94"/>
              <a:gd name="T16" fmla="*/ 2147483647 w 64"/>
              <a:gd name="T17" fmla="*/ 2147483647 h 94"/>
              <a:gd name="T18" fmla="*/ 2147483647 w 64"/>
              <a:gd name="T19" fmla="*/ 2147483647 h 94"/>
              <a:gd name="T20" fmla="*/ 2147483647 w 64"/>
              <a:gd name="T21" fmla="*/ 2147483647 h 94"/>
              <a:gd name="T22" fmla="*/ 2147483647 w 64"/>
              <a:gd name="T23" fmla="*/ 2147483647 h 94"/>
              <a:gd name="T24" fmla="*/ 2147483647 w 64"/>
              <a:gd name="T25" fmla="*/ 2147483647 h 94"/>
              <a:gd name="T26" fmla="*/ 2147483647 w 64"/>
              <a:gd name="T27" fmla="*/ 2147483647 h 94"/>
              <a:gd name="T28" fmla="*/ 2147483647 w 64"/>
              <a:gd name="T29" fmla="*/ 2147483647 h 94"/>
              <a:gd name="T30" fmla="*/ 2147483647 w 64"/>
              <a:gd name="T31" fmla="*/ 2147483647 h 94"/>
              <a:gd name="T32" fmla="*/ 2147483647 w 64"/>
              <a:gd name="T33" fmla="*/ 2147483647 h 94"/>
              <a:gd name="T34" fmla="*/ 2147483647 w 64"/>
              <a:gd name="T35" fmla="*/ 2147483647 h 94"/>
              <a:gd name="T36" fmla="*/ 2147483647 w 64"/>
              <a:gd name="T37" fmla="*/ 2147483647 h 94"/>
              <a:gd name="T38" fmla="*/ 2147483647 w 64"/>
              <a:gd name="T39" fmla="*/ 2147483647 h 94"/>
              <a:gd name="T40" fmla="*/ 2147483647 w 64"/>
              <a:gd name="T41" fmla="*/ 2147483647 h 94"/>
              <a:gd name="T42" fmla="*/ 2147483647 w 64"/>
              <a:gd name="T43" fmla="*/ 2147483647 h 94"/>
              <a:gd name="T44" fmla="*/ 2147483647 w 64"/>
              <a:gd name="T45" fmla="*/ 2147483647 h 94"/>
              <a:gd name="T46" fmla="*/ 2147483647 w 64"/>
              <a:gd name="T47" fmla="*/ 2147483647 h 94"/>
              <a:gd name="T48" fmla="*/ 2147483647 w 64"/>
              <a:gd name="T49" fmla="*/ 2147483647 h 94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0" t="0" r="r" b="b"/>
            <a:pathLst>
              <a:path w="64" h="94">
                <a:moveTo>
                  <a:pt x="4" y="82"/>
                </a:moveTo>
                <a:lnTo>
                  <a:pt x="6" y="72"/>
                </a:lnTo>
                <a:lnTo>
                  <a:pt x="10" y="64"/>
                </a:lnTo>
                <a:lnTo>
                  <a:pt x="2" y="52"/>
                </a:lnTo>
                <a:lnTo>
                  <a:pt x="0" y="40"/>
                </a:lnTo>
                <a:lnTo>
                  <a:pt x="2" y="24"/>
                </a:lnTo>
                <a:lnTo>
                  <a:pt x="10" y="12"/>
                </a:lnTo>
                <a:lnTo>
                  <a:pt x="16" y="0"/>
                </a:lnTo>
                <a:lnTo>
                  <a:pt x="28" y="2"/>
                </a:lnTo>
                <a:lnTo>
                  <a:pt x="34" y="2"/>
                </a:lnTo>
                <a:lnTo>
                  <a:pt x="34" y="14"/>
                </a:lnTo>
                <a:lnTo>
                  <a:pt x="32" y="26"/>
                </a:lnTo>
                <a:lnTo>
                  <a:pt x="42" y="38"/>
                </a:lnTo>
                <a:lnTo>
                  <a:pt x="52" y="46"/>
                </a:lnTo>
                <a:lnTo>
                  <a:pt x="62" y="50"/>
                </a:lnTo>
                <a:lnTo>
                  <a:pt x="64" y="58"/>
                </a:lnTo>
                <a:lnTo>
                  <a:pt x="54" y="68"/>
                </a:lnTo>
                <a:lnTo>
                  <a:pt x="48" y="76"/>
                </a:lnTo>
                <a:lnTo>
                  <a:pt x="48" y="88"/>
                </a:lnTo>
                <a:lnTo>
                  <a:pt x="38" y="86"/>
                </a:lnTo>
                <a:lnTo>
                  <a:pt x="30" y="84"/>
                </a:lnTo>
                <a:lnTo>
                  <a:pt x="24" y="90"/>
                </a:lnTo>
                <a:lnTo>
                  <a:pt x="18" y="94"/>
                </a:lnTo>
                <a:lnTo>
                  <a:pt x="10" y="86"/>
                </a:lnTo>
                <a:lnTo>
                  <a:pt x="4" y="82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24" name="Freeform 21"/>
          <p:cNvSpPr>
            <a:spLocks/>
          </p:cNvSpPr>
          <p:nvPr/>
        </p:nvSpPr>
        <p:spPr bwMode="auto">
          <a:xfrm>
            <a:off x="5140325" y="4465638"/>
            <a:ext cx="22225" cy="41275"/>
          </a:xfrm>
          <a:custGeom>
            <a:avLst/>
            <a:gdLst>
              <a:gd name="T0" fmla="*/ 2147483647 w 18"/>
              <a:gd name="T1" fmla="*/ 0 h 32"/>
              <a:gd name="T2" fmla="*/ 2147483647 w 18"/>
              <a:gd name="T3" fmla="*/ 2147483647 h 32"/>
              <a:gd name="T4" fmla="*/ 2147483647 w 18"/>
              <a:gd name="T5" fmla="*/ 2147483647 h 32"/>
              <a:gd name="T6" fmla="*/ 2147483647 w 18"/>
              <a:gd name="T7" fmla="*/ 2147483647 h 32"/>
              <a:gd name="T8" fmla="*/ 2147483647 w 18"/>
              <a:gd name="T9" fmla="*/ 2147483647 h 32"/>
              <a:gd name="T10" fmla="*/ 0 w 18"/>
              <a:gd name="T11" fmla="*/ 2147483647 h 32"/>
              <a:gd name="T12" fmla="*/ 0 w 18"/>
              <a:gd name="T13" fmla="*/ 2147483647 h 32"/>
              <a:gd name="T14" fmla="*/ 2147483647 w 18"/>
              <a:gd name="T15" fmla="*/ 2147483647 h 32"/>
              <a:gd name="T16" fmla="*/ 2147483647 w 18"/>
              <a:gd name="T17" fmla="*/ 0 h 3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18" h="32">
                <a:moveTo>
                  <a:pt x="4" y="0"/>
                </a:moveTo>
                <a:lnTo>
                  <a:pt x="14" y="2"/>
                </a:lnTo>
                <a:lnTo>
                  <a:pt x="18" y="16"/>
                </a:lnTo>
                <a:lnTo>
                  <a:pt x="16" y="26"/>
                </a:lnTo>
                <a:lnTo>
                  <a:pt x="14" y="32"/>
                </a:lnTo>
                <a:lnTo>
                  <a:pt x="0" y="30"/>
                </a:lnTo>
                <a:lnTo>
                  <a:pt x="0" y="18"/>
                </a:lnTo>
                <a:lnTo>
                  <a:pt x="2" y="4"/>
                </a:lnTo>
                <a:lnTo>
                  <a:pt x="4" y="0"/>
                </a:lnTo>
                <a:close/>
              </a:path>
            </a:pathLst>
          </a:custGeom>
          <a:solidFill>
            <a:srgbClr val="5DBACA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25" name="Freeform 22"/>
          <p:cNvSpPr>
            <a:spLocks/>
          </p:cNvSpPr>
          <p:nvPr/>
        </p:nvSpPr>
        <p:spPr bwMode="auto">
          <a:xfrm>
            <a:off x="4727575" y="4381500"/>
            <a:ext cx="523875" cy="330200"/>
          </a:xfrm>
          <a:custGeom>
            <a:avLst/>
            <a:gdLst>
              <a:gd name="T0" fmla="*/ 2147483647 w 405"/>
              <a:gd name="T1" fmla="*/ 2147483647 h 256"/>
              <a:gd name="T2" fmla="*/ 2147483647 w 405"/>
              <a:gd name="T3" fmla="*/ 2147483647 h 256"/>
              <a:gd name="T4" fmla="*/ 2147483647 w 405"/>
              <a:gd name="T5" fmla="*/ 2147483647 h 256"/>
              <a:gd name="T6" fmla="*/ 2147483647 w 405"/>
              <a:gd name="T7" fmla="*/ 2147483647 h 256"/>
              <a:gd name="T8" fmla="*/ 2147483647 w 405"/>
              <a:gd name="T9" fmla="*/ 2147483647 h 256"/>
              <a:gd name="T10" fmla="*/ 2147483647 w 405"/>
              <a:gd name="T11" fmla="*/ 2147483647 h 256"/>
              <a:gd name="T12" fmla="*/ 2147483647 w 405"/>
              <a:gd name="T13" fmla="*/ 2147483647 h 256"/>
              <a:gd name="T14" fmla="*/ 2147483647 w 405"/>
              <a:gd name="T15" fmla="*/ 2147483647 h 256"/>
              <a:gd name="T16" fmla="*/ 2147483647 w 405"/>
              <a:gd name="T17" fmla="*/ 2147483647 h 256"/>
              <a:gd name="T18" fmla="*/ 2147483647 w 405"/>
              <a:gd name="T19" fmla="*/ 2147483647 h 256"/>
              <a:gd name="T20" fmla="*/ 2147483647 w 405"/>
              <a:gd name="T21" fmla="*/ 2147483647 h 256"/>
              <a:gd name="T22" fmla="*/ 2147483647 w 405"/>
              <a:gd name="T23" fmla="*/ 2147483647 h 256"/>
              <a:gd name="T24" fmla="*/ 2147483647 w 405"/>
              <a:gd name="T25" fmla="*/ 2147483647 h 256"/>
              <a:gd name="T26" fmla="*/ 2147483647 w 405"/>
              <a:gd name="T27" fmla="*/ 2147483647 h 256"/>
              <a:gd name="T28" fmla="*/ 2147483647 w 405"/>
              <a:gd name="T29" fmla="*/ 2147483647 h 256"/>
              <a:gd name="T30" fmla="*/ 2147483647 w 405"/>
              <a:gd name="T31" fmla="*/ 2147483647 h 256"/>
              <a:gd name="T32" fmla="*/ 2147483647 w 405"/>
              <a:gd name="T33" fmla="*/ 2147483647 h 256"/>
              <a:gd name="T34" fmla="*/ 2147483647 w 405"/>
              <a:gd name="T35" fmla="*/ 2147483647 h 256"/>
              <a:gd name="T36" fmla="*/ 2147483647 w 405"/>
              <a:gd name="T37" fmla="*/ 2147483647 h 256"/>
              <a:gd name="T38" fmla="*/ 2147483647 w 405"/>
              <a:gd name="T39" fmla="*/ 2147483647 h 256"/>
              <a:gd name="T40" fmla="*/ 2147483647 w 405"/>
              <a:gd name="T41" fmla="*/ 2147483647 h 256"/>
              <a:gd name="T42" fmla="*/ 2147483647 w 405"/>
              <a:gd name="T43" fmla="*/ 2147483647 h 256"/>
              <a:gd name="T44" fmla="*/ 2147483647 w 405"/>
              <a:gd name="T45" fmla="*/ 2147483647 h 256"/>
              <a:gd name="T46" fmla="*/ 2147483647 w 405"/>
              <a:gd name="T47" fmla="*/ 2147483647 h 256"/>
              <a:gd name="T48" fmla="*/ 2147483647 w 405"/>
              <a:gd name="T49" fmla="*/ 2147483647 h 256"/>
              <a:gd name="T50" fmla="*/ 0 w 405"/>
              <a:gd name="T51" fmla="*/ 2147483647 h 256"/>
              <a:gd name="T52" fmla="*/ 2147483647 w 405"/>
              <a:gd name="T53" fmla="*/ 2147483647 h 256"/>
              <a:gd name="T54" fmla="*/ 2147483647 w 405"/>
              <a:gd name="T55" fmla="*/ 2147483647 h 256"/>
              <a:gd name="T56" fmla="*/ 2147483647 w 405"/>
              <a:gd name="T57" fmla="*/ 2147483647 h 256"/>
              <a:gd name="T58" fmla="*/ 2147483647 w 405"/>
              <a:gd name="T59" fmla="*/ 2147483647 h 256"/>
              <a:gd name="T60" fmla="*/ 2147483647 w 405"/>
              <a:gd name="T61" fmla="*/ 2147483647 h 256"/>
              <a:gd name="T62" fmla="*/ 2147483647 w 405"/>
              <a:gd name="T63" fmla="*/ 2147483647 h 256"/>
              <a:gd name="T64" fmla="*/ 2147483647 w 405"/>
              <a:gd name="T65" fmla="*/ 2147483647 h 256"/>
              <a:gd name="T66" fmla="*/ 2147483647 w 405"/>
              <a:gd name="T67" fmla="*/ 2147483647 h 256"/>
              <a:gd name="T68" fmla="*/ 2147483647 w 405"/>
              <a:gd name="T69" fmla="*/ 2147483647 h 256"/>
              <a:gd name="T70" fmla="*/ 2147483647 w 405"/>
              <a:gd name="T71" fmla="*/ 2147483647 h 256"/>
              <a:gd name="T72" fmla="*/ 2147483647 w 405"/>
              <a:gd name="T73" fmla="*/ 2147483647 h 256"/>
              <a:gd name="T74" fmla="*/ 2147483647 w 405"/>
              <a:gd name="T75" fmla="*/ 0 h 256"/>
              <a:gd name="T76" fmla="*/ 2147483647 w 405"/>
              <a:gd name="T77" fmla="*/ 2147483647 h 256"/>
              <a:gd name="T78" fmla="*/ 2147483647 w 405"/>
              <a:gd name="T79" fmla="*/ 2147483647 h 256"/>
              <a:gd name="T80" fmla="*/ 2147483647 w 405"/>
              <a:gd name="T81" fmla="*/ 2147483647 h 256"/>
              <a:gd name="T82" fmla="*/ 2147483647 w 405"/>
              <a:gd name="T83" fmla="*/ 2147483647 h 256"/>
              <a:gd name="T84" fmla="*/ 2147483647 w 405"/>
              <a:gd name="T85" fmla="*/ 2147483647 h 256"/>
              <a:gd name="T86" fmla="*/ 2147483647 w 405"/>
              <a:gd name="T87" fmla="*/ 2147483647 h 25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0" t="0" r="r" b="b"/>
            <a:pathLst>
              <a:path w="405" h="256">
                <a:moveTo>
                  <a:pt x="351" y="106"/>
                </a:moveTo>
                <a:lnTo>
                  <a:pt x="361" y="122"/>
                </a:lnTo>
                <a:lnTo>
                  <a:pt x="377" y="126"/>
                </a:lnTo>
                <a:lnTo>
                  <a:pt x="395" y="104"/>
                </a:lnTo>
                <a:lnTo>
                  <a:pt x="405" y="110"/>
                </a:lnTo>
                <a:lnTo>
                  <a:pt x="405" y="124"/>
                </a:lnTo>
                <a:lnTo>
                  <a:pt x="399" y="140"/>
                </a:lnTo>
                <a:lnTo>
                  <a:pt x="399" y="148"/>
                </a:lnTo>
                <a:lnTo>
                  <a:pt x="405" y="154"/>
                </a:lnTo>
                <a:lnTo>
                  <a:pt x="405" y="164"/>
                </a:lnTo>
                <a:lnTo>
                  <a:pt x="389" y="164"/>
                </a:lnTo>
                <a:lnTo>
                  <a:pt x="379" y="154"/>
                </a:lnTo>
                <a:lnTo>
                  <a:pt x="365" y="168"/>
                </a:lnTo>
                <a:lnTo>
                  <a:pt x="377" y="182"/>
                </a:lnTo>
                <a:lnTo>
                  <a:pt x="375" y="192"/>
                </a:lnTo>
                <a:lnTo>
                  <a:pt x="379" y="200"/>
                </a:lnTo>
                <a:lnTo>
                  <a:pt x="369" y="204"/>
                </a:lnTo>
                <a:lnTo>
                  <a:pt x="355" y="184"/>
                </a:lnTo>
                <a:lnTo>
                  <a:pt x="331" y="196"/>
                </a:lnTo>
                <a:lnTo>
                  <a:pt x="315" y="188"/>
                </a:lnTo>
                <a:lnTo>
                  <a:pt x="313" y="172"/>
                </a:lnTo>
                <a:lnTo>
                  <a:pt x="296" y="172"/>
                </a:lnTo>
                <a:lnTo>
                  <a:pt x="296" y="204"/>
                </a:lnTo>
                <a:lnTo>
                  <a:pt x="272" y="226"/>
                </a:lnTo>
                <a:lnTo>
                  <a:pt x="272" y="240"/>
                </a:lnTo>
                <a:lnTo>
                  <a:pt x="278" y="254"/>
                </a:lnTo>
                <a:lnTo>
                  <a:pt x="266" y="256"/>
                </a:lnTo>
                <a:lnTo>
                  <a:pt x="262" y="242"/>
                </a:lnTo>
                <a:lnTo>
                  <a:pt x="254" y="234"/>
                </a:lnTo>
                <a:lnTo>
                  <a:pt x="258" y="222"/>
                </a:lnTo>
                <a:lnTo>
                  <a:pt x="242" y="220"/>
                </a:lnTo>
                <a:lnTo>
                  <a:pt x="224" y="204"/>
                </a:lnTo>
                <a:lnTo>
                  <a:pt x="224" y="174"/>
                </a:lnTo>
                <a:lnTo>
                  <a:pt x="212" y="176"/>
                </a:lnTo>
                <a:lnTo>
                  <a:pt x="200" y="194"/>
                </a:lnTo>
                <a:lnTo>
                  <a:pt x="190" y="196"/>
                </a:lnTo>
                <a:lnTo>
                  <a:pt x="194" y="210"/>
                </a:lnTo>
                <a:lnTo>
                  <a:pt x="182" y="232"/>
                </a:lnTo>
                <a:lnTo>
                  <a:pt x="166" y="242"/>
                </a:lnTo>
                <a:lnTo>
                  <a:pt x="148" y="234"/>
                </a:lnTo>
                <a:lnTo>
                  <a:pt x="128" y="240"/>
                </a:lnTo>
                <a:lnTo>
                  <a:pt x="100" y="246"/>
                </a:lnTo>
                <a:lnTo>
                  <a:pt x="92" y="240"/>
                </a:lnTo>
                <a:lnTo>
                  <a:pt x="88" y="224"/>
                </a:lnTo>
                <a:lnTo>
                  <a:pt x="74" y="210"/>
                </a:lnTo>
                <a:lnTo>
                  <a:pt x="76" y="188"/>
                </a:lnTo>
                <a:lnTo>
                  <a:pt x="60" y="178"/>
                </a:lnTo>
                <a:lnTo>
                  <a:pt x="44" y="174"/>
                </a:lnTo>
                <a:lnTo>
                  <a:pt x="32" y="182"/>
                </a:lnTo>
                <a:lnTo>
                  <a:pt x="30" y="194"/>
                </a:lnTo>
                <a:lnTo>
                  <a:pt x="12" y="206"/>
                </a:lnTo>
                <a:lnTo>
                  <a:pt x="0" y="204"/>
                </a:lnTo>
                <a:lnTo>
                  <a:pt x="0" y="196"/>
                </a:lnTo>
                <a:lnTo>
                  <a:pt x="10" y="190"/>
                </a:lnTo>
                <a:lnTo>
                  <a:pt x="18" y="176"/>
                </a:lnTo>
                <a:lnTo>
                  <a:pt x="12" y="164"/>
                </a:lnTo>
                <a:lnTo>
                  <a:pt x="18" y="148"/>
                </a:lnTo>
                <a:lnTo>
                  <a:pt x="44" y="130"/>
                </a:lnTo>
                <a:lnTo>
                  <a:pt x="50" y="106"/>
                </a:lnTo>
                <a:lnTo>
                  <a:pt x="70" y="92"/>
                </a:lnTo>
                <a:lnTo>
                  <a:pt x="78" y="68"/>
                </a:lnTo>
                <a:lnTo>
                  <a:pt x="96" y="58"/>
                </a:lnTo>
                <a:lnTo>
                  <a:pt x="98" y="38"/>
                </a:lnTo>
                <a:lnTo>
                  <a:pt x="110" y="38"/>
                </a:lnTo>
                <a:lnTo>
                  <a:pt x="114" y="44"/>
                </a:lnTo>
                <a:lnTo>
                  <a:pt x="132" y="44"/>
                </a:lnTo>
                <a:lnTo>
                  <a:pt x="142" y="28"/>
                </a:lnTo>
                <a:lnTo>
                  <a:pt x="148" y="20"/>
                </a:lnTo>
                <a:lnTo>
                  <a:pt x="162" y="32"/>
                </a:lnTo>
                <a:lnTo>
                  <a:pt x="172" y="20"/>
                </a:lnTo>
                <a:lnTo>
                  <a:pt x="190" y="34"/>
                </a:lnTo>
                <a:lnTo>
                  <a:pt x="208" y="20"/>
                </a:lnTo>
                <a:lnTo>
                  <a:pt x="224" y="30"/>
                </a:lnTo>
                <a:lnTo>
                  <a:pt x="238" y="24"/>
                </a:lnTo>
                <a:lnTo>
                  <a:pt x="224" y="10"/>
                </a:lnTo>
                <a:lnTo>
                  <a:pt x="238" y="0"/>
                </a:lnTo>
                <a:lnTo>
                  <a:pt x="254" y="8"/>
                </a:lnTo>
                <a:lnTo>
                  <a:pt x="266" y="20"/>
                </a:lnTo>
                <a:lnTo>
                  <a:pt x="284" y="14"/>
                </a:lnTo>
                <a:lnTo>
                  <a:pt x="300" y="24"/>
                </a:lnTo>
                <a:lnTo>
                  <a:pt x="315" y="38"/>
                </a:lnTo>
                <a:lnTo>
                  <a:pt x="335" y="44"/>
                </a:lnTo>
                <a:lnTo>
                  <a:pt x="329" y="54"/>
                </a:lnTo>
                <a:lnTo>
                  <a:pt x="323" y="66"/>
                </a:lnTo>
                <a:lnTo>
                  <a:pt x="321" y="70"/>
                </a:lnTo>
                <a:lnTo>
                  <a:pt x="319" y="96"/>
                </a:lnTo>
                <a:lnTo>
                  <a:pt x="333" y="98"/>
                </a:lnTo>
                <a:lnTo>
                  <a:pt x="351" y="106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26" name="Freeform 23"/>
          <p:cNvSpPr>
            <a:spLocks/>
          </p:cNvSpPr>
          <p:nvPr/>
        </p:nvSpPr>
        <p:spPr bwMode="auto">
          <a:xfrm>
            <a:off x="5145088" y="4160838"/>
            <a:ext cx="846137" cy="439737"/>
          </a:xfrm>
          <a:custGeom>
            <a:avLst/>
            <a:gdLst>
              <a:gd name="T0" fmla="*/ 2147483647 w 654"/>
              <a:gd name="T1" fmla="*/ 2147483647 h 340"/>
              <a:gd name="T2" fmla="*/ 2147483647 w 654"/>
              <a:gd name="T3" fmla="*/ 2147483647 h 340"/>
              <a:gd name="T4" fmla="*/ 2147483647 w 654"/>
              <a:gd name="T5" fmla="*/ 2147483647 h 340"/>
              <a:gd name="T6" fmla="*/ 2147483647 w 654"/>
              <a:gd name="T7" fmla="*/ 2147483647 h 340"/>
              <a:gd name="T8" fmla="*/ 2147483647 w 654"/>
              <a:gd name="T9" fmla="*/ 2147483647 h 340"/>
              <a:gd name="T10" fmla="*/ 2147483647 w 654"/>
              <a:gd name="T11" fmla="*/ 2147483647 h 340"/>
              <a:gd name="T12" fmla="*/ 2147483647 w 654"/>
              <a:gd name="T13" fmla="*/ 2147483647 h 340"/>
              <a:gd name="T14" fmla="*/ 2147483647 w 654"/>
              <a:gd name="T15" fmla="*/ 2147483647 h 340"/>
              <a:gd name="T16" fmla="*/ 2147483647 w 654"/>
              <a:gd name="T17" fmla="*/ 2147483647 h 340"/>
              <a:gd name="T18" fmla="*/ 2147483647 w 654"/>
              <a:gd name="T19" fmla="*/ 2147483647 h 340"/>
              <a:gd name="T20" fmla="*/ 2147483647 w 654"/>
              <a:gd name="T21" fmla="*/ 2147483647 h 340"/>
              <a:gd name="T22" fmla="*/ 2147483647 w 654"/>
              <a:gd name="T23" fmla="*/ 2147483647 h 340"/>
              <a:gd name="T24" fmla="*/ 2147483647 w 654"/>
              <a:gd name="T25" fmla="*/ 2147483647 h 340"/>
              <a:gd name="T26" fmla="*/ 2147483647 w 654"/>
              <a:gd name="T27" fmla="*/ 2147483647 h 340"/>
              <a:gd name="T28" fmla="*/ 2147483647 w 654"/>
              <a:gd name="T29" fmla="*/ 2147483647 h 340"/>
              <a:gd name="T30" fmla="*/ 2147483647 w 654"/>
              <a:gd name="T31" fmla="*/ 2147483647 h 340"/>
              <a:gd name="T32" fmla="*/ 2147483647 w 654"/>
              <a:gd name="T33" fmla="*/ 2147483647 h 340"/>
              <a:gd name="T34" fmla="*/ 2147483647 w 654"/>
              <a:gd name="T35" fmla="*/ 2147483647 h 340"/>
              <a:gd name="T36" fmla="*/ 2147483647 w 654"/>
              <a:gd name="T37" fmla="*/ 2147483647 h 340"/>
              <a:gd name="T38" fmla="*/ 2147483647 w 654"/>
              <a:gd name="T39" fmla="*/ 2147483647 h 340"/>
              <a:gd name="T40" fmla="*/ 2147483647 w 654"/>
              <a:gd name="T41" fmla="*/ 2147483647 h 340"/>
              <a:gd name="T42" fmla="*/ 2147483647 w 654"/>
              <a:gd name="T43" fmla="*/ 2147483647 h 340"/>
              <a:gd name="T44" fmla="*/ 2147483647 w 654"/>
              <a:gd name="T45" fmla="*/ 2147483647 h 340"/>
              <a:gd name="T46" fmla="*/ 2147483647 w 654"/>
              <a:gd name="T47" fmla="*/ 2147483647 h 340"/>
              <a:gd name="T48" fmla="*/ 2147483647 w 654"/>
              <a:gd name="T49" fmla="*/ 2147483647 h 340"/>
              <a:gd name="T50" fmla="*/ 2147483647 w 654"/>
              <a:gd name="T51" fmla="*/ 2147483647 h 340"/>
              <a:gd name="T52" fmla="*/ 2147483647 w 654"/>
              <a:gd name="T53" fmla="*/ 2147483647 h 340"/>
              <a:gd name="T54" fmla="*/ 2147483647 w 654"/>
              <a:gd name="T55" fmla="*/ 2147483647 h 340"/>
              <a:gd name="T56" fmla="*/ 2147483647 w 654"/>
              <a:gd name="T57" fmla="*/ 0 h 340"/>
              <a:gd name="T58" fmla="*/ 2147483647 w 654"/>
              <a:gd name="T59" fmla="*/ 2147483647 h 340"/>
              <a:gd name="T60" fmla="*/ 2147483647 w 654"/>
              <a:gd name="T61" fmla="*/ 2147483647 h 340"/>
              <a:gd name="T62" fmla="*/ 2147483647 w 654"/>
              <a:gd name="T63" fmla="*/ 2147483647 h 340"/>
              <a:gd name="T64" fmla="*/ 2147483647 w 654"/>
              <a:gd name="T65" fmla="*/ 2147483647 h 340"/>
              <a:gd name="T66" fmla="*/ 2147483647 w 654"/>
              <a:gd name="T67" fmla="*/ 2147483647 h 340"/>
              <a:gd name="T68" fmla="*/ 2147483647 w 654"/>
              <a:gd name="T69" fmla="*/ 2147483647 h 340"/>
              <a:gd name="T70" fmla="*/ 2147483647 w 654"/>
              <a:gd name="T71" fmla="*/ 2147483647 h 340"/>
              <a:gd name="T72" fmla="*/ 2147483647 w 654"/>
              <a:gd name="T73" fmla="*/ 2147483647 h 340"/>
              <a:gd name="T74" fmla="*/ 2147483647 w 654"/>
              <a:gd name="T75" fmla="*/ 2147483647 h 340"/>
              <a:gd name="T76" fmla="*/ 2147483647 w 654"/>
              <a:gd name="T77" fmla="*/ 2147483647 h 340"/>
              <a:gd name="T78" fmla="*/ 2147483647 w 654"/>
              <a:gd name="T79" fmla="*/ 2147483647 h 340"/>
              <a:gd name="T80" fmla="*/ 2147483647 w 654"/>
              <a:gd name="T81" fmla="*/ 2147483647 h 340"/>
              <a:gd name="T82" fmla="*/ 2147483647 w 654"/>
              <a:gd name="T83" fmla="*/ 2147483647 h 340"/>
              <a:gd name="T84" fmla="*/ 2147483647 w 654"/>
              <a:gd name="T85" fmla="*/ 2147483647 h 340"/>
              <a:gd name="T86" fmla="*/ 2147483647 w 654"/>
              <a:gd name="T87" fmla="*/ 2147483647 h 340"/>
              <a:gd name="T88" fmla="*/ 2147483647 w 654"/>
              <a:gd name="T89" fmla="*/ 2147483647 h 340"/>
              <a:gd name="T90" fmla="*/ 2147483647 w 654"/>
              <a:gd name="T91" fmla="*/ 2147483647 h 340"/>
              <a:gd name="T92" fmla="*/ 2147483647 w 654"/>
              <a:gd name="T93" fmla="*/ 2147483647 h 340"/>
              <a:gd name="T94" fmla="*/ 2147483647 w 654"/>
              <a:gd name="T95" fmla="*/ 2147483647 h 340"/>
              <a:gd name="T96" fmla="*/ 2147483647 w 654"/>
              <a:gd name="T97" fmla="*/ 2147483647 h 340"/>
              <a:gd name="T98" fmla="*/ 2147483647 w 654"/>
              <a:gd name="T99" fmla="*/ 2147483647 h 340"/>
              <a:gd name="T100" fmla="*/ 0 w 654"/>
              <a:gd name="T101" fmla="*/ 2147483647 h 340"/>
              <a:gd name="T102" fmla="*/ 2147483647 w 654"/>
              <a:gd name="T103" fmla="*/ 2147483647 h 340"/>
              <a:gd name="T104" fmla="*/ 2147483647 w 654"/>
              <a:gd name="T105" fmla="*/ 2147483647 h 340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0" t="0" r="r" b="b"/>
            <a:pathLst>
              <a:path w="654" h="340">
                <a:moveTo>
                  <a:pt x="28" y="276"/>
                </a:moveTo>
                <a:lnTo>
                  <a:pt x="38" y="292"/>
                </a:lnTo>
                <a:lnTo>
                  <a:pt x="54" y="296"/>
                </a:lnTo>
                <a:lnTo>
                  <a:pt x="72" y="274"/>
                </a:lnTo>
                <a:lnTo>
                  <a:pt x="82" y="280"/>
                </a:lnTo>
                <a:lnTo>
                  <a:pt x="82" y="294"/>
                </a:lnTo>
                <a:lnTo>
                  <a:pt x="98" y="290"/>
                </a:lnTo>
                <a:lnTo>
                  <a:pt x="112" y="304"/>
                </a:lnTo>
                <a:lnTo>
                  <a:pt x="136" y="302"/>
                </a:lnTo>
                <a:lnTo>
                  <a:pt x="136" y="284"/>
                </a:lnTo>
                <a:lnTo>
                  <a:pt x="148" y="276"/>
                </a:lnTo>
                <a:lnTo>
                  <a:pt x="200" y="272"/>
                </a:lnTo>
                <a:lnTo>
                  <a:pt x="234" y="258"/>
                </a:lnTo>
                <a:lnTo>
                  <a:pt x="238" y="266"/>
                </a:lnTo>
                <a:lnTo>
                  <a:pt x="226" y="270"/>
                </a:lnTo>
                <a:lnTo>
                  <a:pt x="228" y="282"/>
                </a:lnTo>
                <a:lnTo>
                  <a:pt x="244" y="286"/>
                </a:lnTo>
                <a:lnTo>
                  <a:pt x="244" y="300"/>
                </a:lnTo>
                <a:lnTo>
                  <a:pt x="262" y="314"/>
                </a:lnTo>
                <a:lnTo>
                  <a:pt x="284" y="320"/>
                </a:lnTo>
                <a:lnTo>
                  <a:pt x="332" y="324"/>
                </a:lnTo>
                <a:lnTo>
                  <a:pt x="374" y="328"/>
                </a:lnTo>
                <a:lnTo>
                  <a:pt x="406" y="332"/>
                </a:lnTo>
                <a:lnTo>
                  <a:pt x="414" y="336"/>
                </a:lnTo>
                <a:lnTo>
                  <a:pt x="448" y="340"/>
                </a:lnTo>
                <a:lnTo>
                  <a:pt x="478" y="310"/>
                </a:lnTo>
                <a:lnTo>
                  <a:pt x="534" y="302"/>
                </a:lnTo>
                <a:lnTo>
                  <a:pt x="542" y="292"/>
                </a:lnTo>
                <a:lnTo>
                  <a:pt x="558" y="288"/>
                </a:lnTo>
                <a:lnTo>
                  <a:pt x="572" y="292"/>
                </a:lnTo>
                <a:lnTo>
                  <a:pt x="574" y="272"/>
                </a:lnTo>
                <a:lnTo>
                  <a:pt x="584" y="262"/>
                </a:lnTo>
                <a:lnTo>
                  <a:pt x="598" y="248"/>
                </a:lnTo>
                <a:lnTo>
                  <a:pt x="610" y="246"/>
                </a:lnTo>
                <a:lnTo>
                  <a:pt x="616" y="230"/>
                </a:lnTo>
                <a:lnTo>
                  <a:pt x="608" y="224"/>
                </a:lnTo>
                <a:lnTo>
                  <a:pt x="608" y="194"/>
                </a:lnTo>
                <a:lnTo>
                  <a:pt x="620" y="190"/>
                </a:lnTo>
                <a:lnTo>
                  <a:pt x="624" y="176"/>
                </a:lnTo>
                <a:lnTo>
                  <a:pt x="618" y="166"/>
                </a:lnTo>
                <a:lnTo>
                  <a:pt x="600" y="162"/>
                </a:lnTo>
                <a:lnTo>
                  <a:pt x="610" y="150"/>
                </a:lnTo>
                <a:lnTo>
                  <a:pt x="624" y="150"/>
                </a:lnTo>
                <a:lnTo>
                  <a:pt x="632" y="156"/>
                </a:lnTo>
                <a:lnTo>
                  <a:pt x="652" y="150"/>
                </a:lnTo>
                <a:lnTo>
                  <a:pt x="654" y="100"/>
                </a:lnTo>
                <a:lnTo>
                  <a:pt x="642" y="88"/>
                </a:lnTo>
                <a:lnTo>
                  <a:pt x="628" y="68"/>
                </a:lnTo>
                <a:lnTo>
                  <a:pt x="628" y="50"/>
                </a:lnTo>
                <a:lnTo>
                  <a:pt x="636" y="28"/>
                </a:lnTo>
                <a:lnTo>
                  <a:pt x="616" y="24"/>
                </a:lnTo>
                <a:lnTo>
                  <a:pt x="596" y="14"/>
                </a:lnTo>
                <a:lnTo>
                  <a:pt x="582" y="26"/>
                </a:lnTo>
                <a:lnTo>
                  <a:pt x="556" y="26"/>
                </a:lnTo>
                <a:lnTo>
                  <a:pt x="542" y="14"/>
                </a:lnTo>
                <a:lnTo>
                  <a:pt x="522" y="16"/>
                </a:lnTo>
                <a:lnTo>
                  <a:pt x="506" y="6"/>
                </a:lnTo>
                <a:lnTo>
                  <a:pt x="476" y="0"/>
                </a:lnTo>
                <a:lnTo>
                  <a:pt x="464" y="0"/>
                </a:lnTo>
                <a:lnTo>
                  <a:pt x="462" y="30"/>
                </a:lnTo>
                <a:lnTo>
                  <a:pt x="450" y="30"/>
                </a:lnTo>
                <a:lnTo>
                  <a:pt x="444" y="42"/>
                </a:lnTo>
                <a:lnTo>
                  <a:pt x="440" y="58"/>
                </a:lnTo>
                <a:lnTo>
                  <a:pt x="422" y="50"/>
                </a:lnTo>
                <a:lnTo>
                  <a:pt x="410" y="60"/>
                </a:lnTo>
                <a:lnTo>
                  <a:pt x="386" y="56"/>
                </a:lnTo>
                <a:lnTo>
                  <a:pt x="384" y="44"/>
                </a:lnTo>
                <a:lnTo>
                  <a:pt x="366" y="36"/>
                </a:lnTo>
                <a:lnTo>
                  <a:pt x="364" y="62"/>
                </a:lnTo>
                <a:lnTo>
                  <a:pt x="334" y="62"/>
                </a:lnTo>
                <a:lnTo>
                  <a:pt x="336" y="86"/>
                </a:lnTo>
                <a:lnTo>
                  <a:pt x="328" y="98"/>
                </a:lnTo>
                <a:lnTo>
                  <a:pt x="308" y="100"/>
                </a:lnTo>
                <a:lnTo>
                  <a:pt x="278" y="124"/>
                </a:lnTo>
                <a:lnTo>
                  <a:pt x="302" y="158"/>
                </a:lnTo>
                <a:lnTo>
                  <a:pt x="298" y="176"/>
                </a:lnTo>
                <a:lnTo>
                  <a:pt x="306" y="176"/>
                </a:lnTo>
                <a:lnTo>
                  <a:pt x="312" y="184"/>
                </a:lnTo>
                <a:lnTo>
                  <a:pt x="310" y="194"/>
                </a:lnTo>
                <a:lnTo>
                  <a:pt x="300" y="208"/>
                </a:lnTo>
                <a:lnTo>
                  <a:pt x="286" y="198"/>
                </a:lnTo>
                <a:lnTo>
                  <a:pt x="286" y="188"/>
                </a:lnTo>
                <a:lnTo>
                  <a:pt x="276" y="180"/>
                </a:lnTo>
                <a:lnTo>
                  <a:pt x="258" y="190"/>
                </a:lnTo>
                <a:lnTo>
                  <a:pt x="256" y="182"/>
                </a:lnTo>
                <a:lnTo>
                  <a:pt x="232" y="180"/>
                </a:lnTo>
                <a:lnTo>
                  <a:pt x="230" y="194"/>
                </a:lnTo>
                <a:lnTo>
                  <a:pt x="184" y="196"/>
                </a:lnTo>
                <a:lnTo>
                  <a:pt x="164" y="210"/>
                </a:lnTo>
                <a:lnTo>
                  <a:pt x="136" y="224"/>
                </a:lnTo>
                <a:lnTo>
                  <a:pt x="116" y="204"/>
                </a:lnTo>
                <a:lnTo>
                  <a:pt x="80" y="202"/>
                </a:lnTo>
                <a:lnTo>
                  <a:pt x="78" y="224"/>
                </a:lnTo>
                <a:lnTo>
                  <a:pt x="60" y="238"/>
                </a:lnTo>
                <a:lnTo>
                  <a:pt x="56" y="230"/>
                </a:lnTo>
                <a:lnTo>
                  <a:pt x="48" y="226"/>
                </a:lnTo>
                <a:lnTo>
                  <a:pt x="46" y="214"/>
                </a:lnTo>
                <a:lnTo>
                  <a:pt x="22" y="200"/>
                </a:lnTo>
                <a:lnTo>
                  <a:pt x="12" y="214"/>
                </a:lnTo>
                <a:lnTo>
                  <a:pt x="10" y="216"/>
                </a:lnTo>
                <a:lnTo>
                  <a:pt x="4" y="228"/>
                </a:lnTo>
                <a:lnTo>
                  <a:pt x="0" y="236"/>
                </a:lnTo>
                <a:lnTo>
                  <a:pt x="10" y="238"/>
                </a:lnTo>
                <a:lnTo>
                  <a:pt x="14" y="252"/>
                </a:lnTo>
                <a:lnTo>
                  <a:pt x="10" y="268"/>
                </a:lnTo>
                <a:lnTo>
                  <a:pt x="28" y="276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27" name="Freeform 24"/>
          <p:cNvSpPr>
            <a:spLocks/>
          </p:cNvSpPr>
          <p:nvPr/>
        </p:nvSpPr>
        <p:spPr bwMode="auto">
          <a:xfrm>
            <a:off x="5422900" y="3827463"/>
            <a:ext cx="731838" cy="411162"/>
          </a:xfrm>
          <a:custGeom>
            <a:avLst/>
            <a:gdLst>
              <a:gd name="T0" fmla="*/ 2147483647 w 566"/>
              <a:gd name="T1" fmla="*/ 0 h 318"/>
              <a:gd name="T2" fmla="*/ 2147483647 w 566"/>
              <a:gd name="T3" fmla="*/ 2147483647 h 318"/>
              <a:gd name="T4" fmla="*/ 2147483647 w 566"/>
              <a:gd name="T5" fmla="*/ 2147483647 h 318"/>
              <a:gd name="T6" fmla="*/ 2147483647 w 566"/>
              <a:gd name="T7" fmla="*/ 2147483647 h 318"/>
              <a:gd name="T8" fmla="*/ 2147483647 w 566"/>
              <a:gd name="T9" fmla="*/ 2147483647 h 318"/>
              <a:gd name="T10" fmla="*/ 2147483647 w 566"/>
              <a:gd name="T11" fmla="*/ 2147483647 h 318"/>
              <a:gd name="T12" fmla="*/ 2147483647 w 566"/>
              <a:gd name="T13" fmla="*/ 2147483647 h 318"/>
              <a:gd name="T14" fmla="*/ 2147483647 w 566"/>
              <a:gd name="T15" fmla="*/ 2147483647 h 318"/>
              <a:gd name="T16" fmla="*/ 2147483647 w 566"/>
              <a:gd name="T17" fmla="*/ 2147483647 h 318"/>
              <a:gd name="T18" fmla="*/ 2147483647 w 566"/>
              <a:gd name="T19" fmla="*/ 2147483647 h 318"/>
              <a:gd name="T20" fmla="*/ 2147483647 w 566"/>
              <a:gd name="T21" fmla="*/ 2147483647 h 318"/>
              <a:gd name="T22" fmla="*/ 2147483647 w 566"/>
              <a:gd name="T23" fmla="*/ 2147483647 h 318"/>
              <a:gd name="T24" fmla="*/ 2147483647 w 566"/>
              <a:gd name="T25" fmla="*/ 2147483647 h 318"/>
              <a:gd name="T26" fmla="*/ 2147483647 w 566"/>
              <a:gd name="T27" fmla="*/ 2147483647 h 318"/>
              <a:gd name="T28" fmla="*/ 2147483647 w 566"/>
              <a:gd name="T29" fmla="*/ 2147483647 h 318"/>
              <a:gd name="T30" fmla="*/ 2147483647 w 566"/>
              <a:gd name="T31" fmla="*/ 2147483647 h 318"/>
              <a:gd name="T32" fmla="*/ 2147483647 w 566"/>
              <a:gd name="T33" fmla="*/ 2147483647 h 318"/>
              <a:gd name="T34" fmla="*/ 2147483647 w 566"/>
              <a:gd name="T35" fmla="*/ 2147483647 h 318"/>
              <a:gd name="T36" fmla="*/ 2147483647 w 566"/>
              <a:gd name="T37" fmla="*/ 2147483647 h 318"/>
              <a:gd name="T38" fmla="*/ 2147483647 w 566"/>
              <a:gd name="T39" fmla="*/ 2147483647 h 318"/>
              <a:gd name="T40" fmla="*/ 2147483647 w 566"/>
              <a:gd name="T41" fmla="*/ 2147483647 h 318"/>
              <a:gd name="T42" fmla="*/ 2147483647 w 566"/>
              <a:gd name="T43" fmla="*/ 2147483647 h 318"/>
              <a:gd name="T44" fmla="*/ 2147483647 w 566"/>
              <a:gd name="T45" fmla="*/ 2147483647 h 318"/>
              <a:gd name="T46" fmla="*/ 2147483647 w 566"/>
              <a:gd name="T47" fmla="*/ 2147483647 h 318"/>
              <a:gd name="T48" fmla="*/ 2147483647 w 566"/>
              <a:gd name="T49" fmla="*/ 2147483647 h 318"/>
              <a:gd name="T50" fmla="*/ 2147483647 w 566"/>
              <a:gd name="T51" fmla="*/ 2147483647 h 318"/>
              <a:gd name="T52" fmla="*/ 2147483647 w 566"/>
              <a:gd name="T53" fmla="*/ 2147483647 h 318"/>
              <a:gd name="T54" fmla="*/ 2147483647 w 566"/>
              <a:gd name="T55" fmla="*/ 2147483647 h 318"/>
              <a:gd name="T56" fmla="*/ 2147483647 w 566"/>
              <a:gd name="T57" fmla="*/ 2147483647 h 318"/>
              <a:gd name="T58" fmla="*/ 2147483647 w 566"/>
              <a:gd name="T59" fmla="*/ 2147483647 h 318"/>
              <a:gd name="T60" fmla="*/ 2147483647 w 566"/>
              <a:gd name="T61" fmla="*/ 2147483647 h 318"/>
              <a:gd name="T62" fmla="*/ 2147483647 w 566"/>
              <a:gd name="T63" fmla="*/ 2147483647 h 318"/>
              <a:gd name="T64" fmla="*/ 2147483647 w 566"/>
              <a:gd name="T65" fmla="*/ 2147483647 h 318"/>
              <a:gd name="T66" fmla="*/ 2147483647 w 566"/>
              <a:gd name="T67" fmla="*/ 2147483647 h 318"/>
              <a:gd name="T68" fmla="*/ 2147483647 w 566"/>
              <a:gd name="T69" fmla="*/ 2147483647 h 318"/>
              <a:gd name="T70" fmla="*/ 2147483647 w 566"/>
              <a:gd name="T71" fmla="*/ 2147483647 h 318"/>
              <a:gd name="T72" fmla="*/ 2147483647 w 566"/>
              <a:gd name="T73" fmla="*/ 2147483647 h 318"/>
              <a:gd name="T74" fmla="*/ 2147483647 w 566"/>
              <a:gd name="T75" fmla="*/ 2147483647 h 318"/>
              <a:gd name="T76" fmla="*/ 2147483647 w 566"/>
              <a:gd name="T77" fmla="*/ 2147483647 h 318"/>
              <a:gd name="T78" fmla="*/ 2147483647 w 566"/>
              <a:gd name="T79" fmla="*/ 2147483647 h 318"/>
              <a:gd name="T80" fmla="*/ 2147483647 w 566"/>
              <a:gd name="T81" fmla="*/ 2147483647 h 318"/>
              <a:gd name="T82" fmla="*/ 0 w 566"/>
              <a:gd name="T83" fmla="*/ 2147483647 h 318"/>
              <a:gd name="T84" fmla="*/ 2147483647 w 566"/>
              <a:gd name="T85" fmla="*/ 2147483647 h 318"/>
              <a:gd name="T86" fmla="*/ 2147483647 w 566"/>
              <a:gd name="T87" fmla="*/ 2147483647 h 318"/>
              <a:gd name="T88" fmla="*/ 2147483647 w 566"/>
              <a:gd name="T89" fmla="*/ 2147483647 h 318"/>
              <a:gd name="T90" fmla="*/ 2147483647 w 566"/>
              <a:gd name="T91" fmla="*/ 2147483647 h 318"/>
              <a:gd name="T92" fmla="*/ 2147483647 w 566"/>
              <a:gd name="T93" fmla="*/ 2147483647 h 318"/>
              <a:gd name="T94" fmla="*/ 2147483647 w 566"/>
              <a:gd name="T95" fmla="*/ 2147483647 h 318"/>
              <a:gd name="T96" fmla="*/ 2147483647 w 566"/>
              <a:gd name="T97" fmla="*/ 2147483647 h 318"/>
              <a:gd name="T98" fmla="*/ 2147483647 w 566"/>
              <a:gd name="T99" fmla="*/ 0 h 318"/>
              <a:gd name="T100" fmla="*/ 2147483647 w 566"/>
              <a:gd name="T101" fmla="*/ 2147483647 h 318"/>
              <a:gd name="T102" fmla="*/ 2147483647 w 566"/>
              <a:gd name="T103" fmla="*/ 2147483647 h 318"/>
              <a:gd name="T104" fmla="*/ 2147483647 w 566"/>
              <a:gd name="T105" fmla="*/ 0 h 318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0" t="0" r="r" b="b"/>
            <a:pathLst>
              <a:path w="566" h="318">
                <a:moveTo>
                  <a:pt x="226" y="0"/>
                </a:moveTo>
                <a:lnTo>
                  <a:pt x="248" y="0"/>
                </a:lnTo>
                <a:lnTo>
                  <a:pt x="256" y="6"/>
                </a:lnTo>
                <a:lnTo>
                  <a:pt x="256" y="16"/>
                </a:lnTo>
                <a:lnTo>
                  <a:pt x="270" y="26"/>
                </a:lnTo>
                <a:lnTo>
                  <a:pt x="302" y="32"/>
                </a:lnTo>
                <a:lnTo>
                  <a:pt x="316" y="38"/>
                </a:lnTo>
                <a:lnTo>
                  <a:pt x="320" y="42"/>
                </a:lnTo>
                <a:lnTo>
                  <a:pt x="334" y="38"/>
                </a:lnTo>
                <a:lnTo>
                  <a:pt x="346" y="36"/>
                </a:lnTo>
                <a:lnTo>
                  <a:pt x="354" y="46"/>
                </a:lnTo>
                <a:lnTo>
                  <a:pt x="336" y="68"/>
                </a:lnTo>
                <a:lnTo>
                  <a:pt x="352" y="78"/>
                </a:lnTo>
                <a:lnTo>
                  <a:pt x="364" y="88"/>
                </a:lnTo>
                <a:lnTo>
                  <a:pt x="366" y="96"/>
                </a:lnTo>
                <a:lnTo>
                  <a:pt x="376" y="106"/>
                </a:lnTo>
                <a:lnTo>
                  <a:pt x="406" y="82"/>
                </a:lnTo>
                <a:lnTo>
                  <a:pt x="396" y="72"/>
                </a:lnTo>
                <a:lnTo>
                  <a:pt x="396" y="62"/>
                </a:lnTo>
                <a:lnTo>
                  <a:pt x="406" y="60"/>
                </a:lnTo>
                <a:lnTo>
                  <a:pt x="426" y="72"/>
                </a:lnTo>
                <a:lnTo>
                  <a:pt x="436" y="78"/>
                </a:lnTo>
                <a:lnTo>
                  <a:pt x="456" y="78"/>
                </a:lnTo>
                <a:lnTo>
                  <a:pt x="466" y="70"/>
                </a:lnTo>
                <a:lnTo>
                  <a:pt x="466" y="86"/>
                </a:lnTo>
                <a:lnTo>
                  <a:pt x="458" y="90"/>
                </a:lnTo>
                <a:lnTo>
                  <a:pt x="458" y="96"/>
                </a:lnTo>
                <a:lnTo>
                  <a:pt x="466" y="98"/>
                </a:lnTo>
                <a:lnTo>
                  <a:pt x="474" y="112"/>
                </a:lnTo>
                <a:lnTo>
                  <a:pt x="492" y="102"/>
                </a:lnTo>
                <a:lnTo>
                  <a:pt x="512" y="108"/>
                </a:lnTo>
                <a:lnTo>
                  <a:pt x="530" y="112"/>
                </a:lnTo>
                <a:lnTo>
                  <a:pt x="542" y="120"/>
                </a:lnTo>
                <a:lnTo>
                  <a:pt x="542" y="128"/>
                </a:lnTo>
                <a:lnTo>
                  <a:pt x="552" y="142"/>
                </a:lnTo>
                <a:lnTo>
                  <a:pt x="564" y="144"/>
                </a:lnTo>
                <a:lnTo>
                  <a:pt x="566" y="162"/>
                </a:lnTo>
                <a:lnTo>
                  <a:pt x="552" y="166"/>
                </a:lnTo>
                <a:lnTo>
                  <a:pt x="532" y="178"/>
                </a:lnTo>
                <a:lnTo>
                  <a:pt x="532" y="192"/>
                </a:lnTo>
                <a:lnTo>
                  <a:pt x="514" y="200"/>
                </a:lnTo>
                <a:lnTo>
                  <a:pt x="512" y="228"/>
                </a:lnTo>
                <a:lnTo>
                  <a:pt x="500" y="230"/>
                </a:lnTo>
                <a:lnTo>
                  <a:pt x="496" y="246"/>
                </a:lnTo>
                <a:lnTo>
                  <a:pt x="468" y="264"/>
                </a:lnTo>
                <a:lnTo>
                  <a:pt x="438" y="262"/>
                </a:lnTo>
                <a:lnTo>
                  <a:pt x="422" y="286"/>
                </a:lnTo>
                <a:lnTo>
                  <a:pt x="402" y="282"/>
                </a:lnTo>
                <a:lnTo>
                  <a:pt x="382" y="272"/>
                </a:lnTo>
                <a:lnTo>
                  <a:pt x="368" y="284"/>
                </a:lnTo>
                <a:lnTo>
                  <a:pt x="342" y="284"/>
                </a:lnTo>
                <a:lnTo>
                  <a:pt x="328" y="272"/>
                </a:lnTo>
                <a:lnTo>
                  <a:pt x="308" y="274"/>
                </a:lnTo>
                <a:lnTo>
                  <a:pt x="292" y="262"/>
                </a:lnTo>
                <a:lnTo>
                  <a:pt x="262" y="258"/>
                </a:lnTo>
                <a:lnTo>
                  <a:pt x="250" y="258"/>
                </a:lnTo>
                <a:lnTo>
                  <a:pt x="248" y="288"/>
                </a:lnTo>
                <a:lnTo>
                  <a:pt x="236" y="288"/>
                </a:lnTo>
                <a:lnTo>
                  <a:pt x="230" y="300"/>
                </a:lnTo>
                <a:lnTo>
                  <a:pt x="226" y="316"/>
                </a:lnTo>
                <a:lnTo>
                  <a:pt x="208" y="308"/>
                </a:lnTo>
                <a:lnTo>
                  <a:pt x="196" y="318"/>
                </a:lnTo>
                <a:lnTo>
                  <a:pt x="172" y="314"/>
                </a:lnTo>
                <a:lnTo>
                  <a:pt x="170" y="302"/>
                </a:lnTo>
                <a:lnTo>
                  <a:pt x="152" y="294"/>
                </a:lnTo>
                <a:lnTo>
                  <a:pt x="146" y="282"/>
                </a:lnTo>
                <a:lnTo>
                  <a:pt x="132" y="272"/>
                </a:lnTo>
                <a:lnTo>
                  <a:pt x="112" y="270"/>
                </a:lnTo>
                <a:lnTo>
                  <a:pt x="114" y="262"/>
                </a:lnTo>
                <a:lnTo>
                  <a:pt x="104" y="256"/>
                </a:lnTo>
                <a:lnTo>
                  <a:pt x="98" y="254"/>
                </a:lnTo>
                <a:lnTo>
                  <a:pt x="92" y="244"/>
                </a:lnTo>
                <a:lnTo>
                  <a:pt x="76" y="228"/>
                </a:lnTo>
                <a:lnTo>
                  <a:pt x="62" y="228"/>
                </a:lnTo>
                <a:lnTo>
                  <a:pt x="42" y="202"/>
                </a:lnTo>
                <a:lnTo>
                  <a:pt x="38" y="186"/>
                </a:lnTo>
                <a:lnTo>
                  <a:pt x="28" y="176"/>
                </a:lnTo>
                <a:lnTo>
                  <a:pt x="34" y="164"/>
                </a:lnTo>
                <a:lnTo>
                  <a:pt x="32" y="148"/>
                </a:lnTo>
                <a:lnTo>
                  <a:pt x="20" y="142"/>
                </a:lnTo>
                <a:lnTo>
                  <a:pt x="16" y="140"/>
                </a:lnTo>
                <a:lnTo>
                  <a:pt x="6" y="128"/>
                </a:lnTo>
                <a:lnTo>
                  <a:pt x="4" y="116"/>
                </a:lnTo>
                <a:lnTo>
                  <a:pt x="0" y="104"/>
                </a:lnTo>
                <a:lnTo>
                  <a:pt x="10" y="104"/>
                </a:lnTo>
                <a:lnTo>
                  <a:pt x="18" y="118"/>
                </a:lnTo>
                <a:lnTo>
                  <a:pt x="26" y="100"/>
                </a:lnTo>
                <a:lnTo>
                  <a:pt x="36" y="90"/>
                </a:lnTo>
                <a:lnTo>
                  <a:pt x="50" y="84"/>
                </a:lnTo>
                <a:lnTo>
                  <a:pt x="70" y="86"/>
                </a:lnTo>
                <a:lnTo>
                  <a:pt x="94" y="60"/>
                </a:lnTo>
                <a:lnTo>
                  <a:pt x="110" y="60"/>
                </a:lnTo>
                <a:lnTo>
                  <a:pt x="122" y="44"/>
                </a:lnTo>
                <a:lnTo>
                  <a:pt x="140" y="44"/>
                </a:lnTo>
                <a:lnTo>
                  <a:pt x="146" y="34"/>
                </a:lnTo>
                <a:lnTo>
                  <a:pt x="162" y="32"/>
                </a:lnTo>
                <a:lnTo>
                  <a:pt x="176" y="22"/>
                </a:lnTo>
                <a:lnTo>
                  <a:pt x="182" y="16"/>
                </a:lnTo>
                <a:lnTo>
                  <a:pt x="172" y="4"/>
                </a:lnTo>
                <a:lnTo>
                  <a:pt x="190" y="0"/>
                </a:lnTo>
                <a:lnTo>
                  <a:pt x="196" y="6"/>
                </a:lnTo>
                <a:lnTo>
                  <a:pt x="202" y="20"/>
                </a:lnTo>
                <a:lnTo>
                  <a:pt x="208" y="28"/>
                </a:lnTo>
                <a:lnTo>
                  <a:pt x="216" y="26"/>
                </a:lnTo>
                <a:lnTo>
                  <a:pt x="224" y="12"/>
                </a:lnTo>
                <a:lnTo>
                  <a:pt x="226" y="0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28" name="Freeform 25"/>
          <p:cNvSpPr>
            <a:spLocks/>
          </p:cNvSpPr>
          <p:nvPr/>
        </p:nvSpPr>
        <p:spPr bwMode="auto">
          <a:xfrm>
            <a:off x="6540500" y="3224213"/>
            <a:ext cx="1225550" cy="1301750"/>
          </a:xfrm>
          <a:custGeom>
            <a:avLst/>
            <a:gdLst>
              <a:gd name="T0" fmla="*/ 2147483647 w 946"/>
              <a:gd name="T1" fmla="*/ 2147483647 h 1005"/>
              <a:gd name="T2" fmla="*/ 2147483647 w 946"/>
              <a:gd name="T3" fmla="*/ 2147483647 h 1005"/>
              <a:gd name="T4" fmla="*/ 2147483647 w 946"/>
              <a:gd name="T5" fmla="*/ 2147483647 h 1005"/>
              <a:gd name="T6" fmla="*/ 2147483647 w 946"/>
              <a:gd name="T7" fmla="*/ 2147483647 h 1005"/>
              <a:gd name="T8" fmla="*/ 2147483647 w 946"/>
              <a:gd name="T9" fmla="*/ 2147483647 h 1005"/>
              <a:gd name="T10" fmla="*/ 2147483647 w 946"/>
              <a:gd name="T11" fmla="*/ 2147483647 h 1005"/>
              <a:gd name="T12" fmla="*/ 2147483647 w 946"/>
              <a:gd name="T13" fmla="*/ 2147483647 h 1005"/>
              <a:gd name="T14" fmla="*/ 2147483647 w 946"/>
              <a:gd name="T15" fmla="*/ 2147483647 h 1005"/>
              <a:gd name="T16" fmla="*/ 2147483647 w 946"/>
              <a:gd name="T17" fmla="*/ 2147483647 h 1005"/>
              <a:gd name="T18" fmla="*/ 2147483647 w 946"/>
              <a:gd name="T19" fmla="*/ 2147483647 h 1005"/>
              <a:gd name="T20" fmla="*/ 2147483647 w 946"/>
              <a:gd name="T21" fmla="*/ 2147483647 h 1005"/>
              <a:gd name="T22" fmla="*/ 2147483647 w 946"/>
              <a:gd name="T23" fmla="*/ 2147483647 h 1005"/>
              <a:gd name="T24" fmla="*/ 2147483647 w 946"/>
              <a:gd name="T25" fmla="*/ 2147483647 h 1005"/>
              <a:gd name="T26" fmla="*/ 2147483647 w 946"/>
              <a:gd name="T27" fmla="*/ 2147483647 h 1005"/>
              <a:gd name="T28" fmla="*/ 2147483647 w 946"/>
              <a:gd name="T29" fmla="*/ 2147483647 h 1005"/>
              <a:gd name="T30" fmla="*/ 2147483647 w 946"/>
              <a:gd name="T31" fmla="*/ 2147483647 h 1005"/>
              <a:gd name="T32" fmla="*/ 2147483647 w 946"/>
              <a:gd name="T33" fmla="*/ 2147483647 h 1005"/>
              <a:gd name="T34" fmla="*/ 2147483647 w 946"/>
              <a:gd name="T35" fmla="*/ 2147483647 h 1005"/>
              <a:gd name="T36" fmla="*/ 2147483647 w 946"/>
              <a:gd name="T37" fmla="*/ 2147483647 h 1005"/>
              <a:gd name="T38" fmla="*/ 2147483647 w 946"/>
              <a:gd name="T39" fmla="*/ 2147483647 h 1005"/>
              <a:gd name="T40" fmla="*/ 2147483647 w 946"/>
              <a:gd name="T41" fmla="*/ 2147483647 h 1005"/>
              <a:gd name="T42" fmla="*/ 2147483647 w 946"/>
              <a:gd name="T43" fmla="*/ 2147483647 h 1005"/>
              <a:gd name="T44" fmla="*/ 2147483647 w 946"/>
              <a:gd name="T45" fmla="*/ 2147483647 h 1005"/>
              <a:gd name="T46" fmla="*/ 2147483647 w 946"/>
              <a:gd name="T47" fmla="*/ 2147483647 h 1005"/>
              <a:gd name="T48" fmla="*/ 2147483647 w 946"/>
              <a:gd name="T49" fmla="*/ 2147483647 h 1005"/>
              <a:gd name="T50" fmla="*/ 2147483647 w 946"/>
              <a:gd name="T51" fmla="*/ 2147483647 h 1005"/>
              <a:gd name="T52" fmla="*/ 2147483647 w 946"/>
              <a:gd name="T53" fmla="*/ 2147483647 h 1005"/>
              <a:gd name="T54" fmla="*/ 2147483647 w 946"/>
              <a:gd name="T55" fmla="*/ 2147483647 h 1005"/>
              <a:gd name="T56" fmla="*/ 2147483647 w 946"/>
              <a:gd name="T57" fmla="*/ 2147483647 h 1005"/>
              <a:gd name="T58" fmla="*/ 2147483647 w 946"/>
              <a:gd name="T59" fmla="*/ 2147483647 h 1005"/>
              <a:gd name="T60" fmla="*/ 2147483647 w 946"/>
              <a:gd name="T61" fmla="*/ 2147483647 h 1005"/>
              <a:gd name="T62" fmla="*/ 2147483647 w 946"/>
              <a:gd name="T63" fmla="*/ 2147483647 h 1005"/>
              <a:gd name="T64" fmla="*/ 2147483647 w 946"/>
              <a:gd name="T65" fmla="*/ 2147483647 h 1005"/>
              <a:gd name="T66" fmla="*/ 2147483647 w 946"/>
              <a:gd name="T67" fmla="*/ 2147483647 h 1005"/>
              <a:gd name="T68" fmla="*/ 2147483647 w 946"/>
              <a:gd name="T69" fmla="*/ 2147483647 h 1005"/>
              <a:gd name="T70" fmla="*/ 2147483647 w 946"/>
              <a:gd name="T71" fmla="*/ 2147483647 h 1005"/>
              <a:gd name="T72" fmla="*/ 2147483647 w 946"/>
              <a:gd name="T73" fmla="*/ 2147483647 h 1005"/>
              <a:gd name="T74" fmla="*/ 2147483647 w 946"/>
              <a:gd name="T75" fmla="*/ 2147483647 h 1005"/>
              <a:gd name="T76" fmla="*/ 2147483647 w 946"/>
              <a:gd name="T77" fmla="*/ 2147483647 h 1005"/>
              <a:gd name="T78" fmla="*/ 2147483647 w 946"/>
              <a:gd name="T79" fmla="*/ 2147483647 h 1005"/>
              <a:gd name="T80" fmla="*/ 2147483647 w 946"/>
              <a:gd name="T81" fmla="*/ 2147483647 h 1005"/>
              <a:gd name="T82" fmla="*/ 2147483647 w 946"/>
              <a:gd name="T83" fmla="*/ 2147483647 h 1005"/>
              <a:gd name="T84" fmla="*/ 2147483647 w 946"/>
              <a:gd name="T85" fmla="*/ 2147483647 h 1005"/>
              <a:gd name="T86" fmla="*/ 2147483647 w 946"/>
              <a:gd name="T87" fmla="*/ 2147483647 h 1005"/>
              <a:gd name="T88" fmla="*/ 2147483647 w 946"/>
              <a:gd name="T89" fmla="*/ 2147483647 h 1005"/>
              <a:gd name="T90" fmla="*/ 2147483647 w 946"/>
              <a:gd name="T91" fmla="*/ 2147483647 h 1005"/>
              <a:gd name="T92" fmla="*/ 2147483647 w 946"/>
              <a:gd name="T93" fmla="*/ 2147483647 h 1005"/>
              <a:gd name="T94" fmla="*/ 2147483647 w 946"/>
              <a:gd name="T95" fmla="*/ 2147483647 h 1005"/>
              <a:gd name="T96" fmla="*/ 2147483647 w 946"/>
              <a:gd name="T97" fmla="*/ 2147483647 h 1005"/>
              <a:gd name="T98" fmla="*/ 2147483647 w 946"/>
              <a:gd name="T99" fmla="*/ 2147483647 h 1005"/>
              <a:gd name="T100" fmla="*/ 2147483647 w 946"/>
              <a:gd name="T101" fmla="*/ 2147483647 h 1005"/>
              <a:gd name="T102" fmla="*/ 2147483647 w 946"/>
              <a:gd name="T103" fmla="*/ 2147483647 h 1005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946" h="1005">
                <a:moveTo>
                  <a:pt x="44" y="309"/>
                </a:moveTo>
                <a:lnTo>
                  <a:pt x="56" y="293"/>
                </a:lnTo>
                <a:lnTo>
                  <a:pt x="68" y="291"/>
                </a:lnTo>
                <a:lnTo>
                  <a:pt x="78" y="297"/>
                </a:lnTo>
                <a:lnTo>
                  <a:pt x="98" y="277"/>
                </a:lnTo>
                <a:lnTo>
                  <a:pt x="100" y="257"/>
                </a:lnTo>
                <a:lnTo>
                  <a:pt x="138" y="247"/>
                </a:lnTo>
                <a:lnTo>
                  <a:pt x="160" y="229"/>
                </a:lnTo>
                <a:lnTo>
                  <a:pt x="216" y="223"/>
                </a:lnTo>
                <a:lnTo>
                  <a:pt x="264" y="227"/>
                </a:lnTo>
                <a:lnTo>
                  <a:pt x="320" y="219"/>
                </a:lnTo>
                <a:lnTo>
                  <a:pt x="336" y="235"/>
                </a:lnTo>
                <a:lnTo>
                  <a:pt x="354" y="231"/>
                </a:lnTo>
                <a:lnTo>
                  <a:pt x="368" y="231"/>
                </a:lnTo>
                <a:lnTo>
                  <a:pt x="370" y="245"/>
                </a:lnTo>
                <a:lnTo>
                  <a:pt x="382" y="245"/>
                </a:lnTo>
                <a:lnTo>
                  <a:pt x="382" y="229"/>
                </a:lnTo>
                <a:lnTo>
                  <a:pt x="402" y="227"/>
                </a:lnTo>
                <a:lnTo>
                  <a:pt x="410" y="213"/>
                </a:lnTo>
                <a:lnTo>
                  <a:pt x="424" y="225"/>
                </a:lnTo>
                <a:lnTo>
                  <a:pt x="436" y="215"/>
                </a:lnTo>
                <a:lnTo>
                  <a:pt x="448" y="229"/>
                </a:lnTo>
                <a:lnTo>
                  <a:pt x="458" y="227"/>
                </a:lnTo>
                <a:lnTo>
                  <a:pt x="458" y="217"/>
                </a:lnTo>
                <a:lnTo>
                  <a:pt x="480" y="197"/>
                </a:lnTo>
                <a:lnTo>
                  <a:pt x="494" y="215"/>
                </a:lnTo>
                <a:lnTo>
                  <a:pt x="506" y="227"/>
                </a:lnTo>
                <a:lnTo>
                  <a:pt x="518" y="215"/>
                </a:lnTo>
                <a:lnTo>
                  <a:pt x="526" y="203"/>
                </a:lnTo>
                <a:lnTo>
                  <a:pt x="540" y="209"/>
                </a:lnTo>
                <a:lnTo>
                  <a:pt x="560" y="193"/>
                </a:lnTo>
                <a:lnTo>
                  <a:pt x="572" y="193"/>
                </a:lnTo>
                <a:lnTo>
                  <a:pt x="582" y="205"/>
                </a:lnTo>
                <a:lnTo>
                  <a:pt x="596" y="211"/>
                </a:lnTo>
                <a:lnTo>
                  <a:pt x="608" y="203"/>
                </a:lnTo>
                <a:lnTo>
                  <a:pt x="592" y="181"/>
                </a:lnTo>
                <a:lnTo>
                  <a:pt x="592" y="153"/>
                </a:lnTo>
                <a:lnTo>
                  <a:pt x="598" y="123"/>
                </a:lnTo>
                <a:lnTo>
                  <a:pt x="606" y="100"/>
                </a:lnTo>
                <a:lnTo>
                  <a:pt x="626" y="98"/>
                </a:lnTo>
                <a:lnTo>
                  <a:pt x="642" y="86"/>
                </a:lnTo>
                <a:lnTo>
                  <a:pt x="670" y="78"/>
                </a:lnTo>
                <a:lnTo>
                  <a:pt x="684" y="82"/>
                </a:lnTo>
                <a:lnTo>
                  <a:pt x="704" y="72"/>
                </a:lnTo>
                <a:lnTo>
                  <a:pt x="706" y="38"/>
                </a:lnTo>
                <a:lnTo>
                  <a:pt x="744" y="34"/>
                </a:lnTo>
                <a:lnTo>
                  <a:pt x="764" y="12"/>
                </a:lnTo>
                <a:lnTo>
                  <a:pt x="782" y="6"/>
                </a:lnTo>
                <a:lnTo>
                  <a:pt x="794" y="8"/>
                </a:lnTo>
                <a:lnTo>
                  <a:pt x="808" y="0"/>
                </a:lnTo>
                <a:lnTo>
                  <a:pt x="840" y="16"/>
                </a:lnTo>
                <a:lnTo>
                  <a:pt x="848" y="38"/>
                </a:lnTo>
                <a:lnTo>
                  <a:pt x="866" y="42"/>
                </a:lnTo>
                <a:lnTo>
                  <a:pt x="884" y="60"/>
                </a:lnTo>
                <a:lnTo>
                  <a:pt x="862" y="74"/>
                </a:lnTo>
                <a:lnTo>
                  <a:pt x="878" y="92"/>
                </a:lnTo>
                <a:lnTo>
                  <a:pt x="880" y="106"/>
                </a:lnTo>
                <a:lnTo>
                  <a:pt x="888" y="108"/>
                </a:lnTo>
                <a:lnTo>
                  <a:pt x="888" y="121"/>
                </a:lnTo>
                <a:lnTo>
                  <a:pt x="898" y="123"/>
                </a:lnTo>
                <a:lnTo>
                  <a:pt x="920" y="114"/>
                </a:lnTo>
                <a:lnTo>
                  <a:pt x="926" y="119"/>
                </a:lnTo>
                <a:lnTo>
                  <a:pt x="934" y="119"/>
                </a:lnTo>
                <a:lnTo>
                  <a:pt x="946" y="108"/>
                </a:lnTo>
                <a:lnTo>
                  <a:pt x="946" y="741"/>
                </a:lnTo>
                <a:lnTo>
                  <a:pt x="936" y="743"/>
                </a:lnTo>
                <a:lnTo>
                  <a:pt x="924" y="749"/>
                </a:lnTo>
                <a:lnTo>
                  <a:pt x="910" y="749"/>
                </a:lnTo>
                <a:lnTo>
                  <a:pt x="890" y="743"/>
                </a:lnTo>
                <a:lnTo>
                  <a:pt x="886" y="727"/>
                </a:lnTo>
                <a:lnTo>
                  <a:pt x="884" y="713"/>
                </a:lnTo>
                <a:lnTo>
                  <a:pt x="872" y="705"/>
                </a:lnTo>
                <a:lnTo>
                  <a:pt x="866" y="695"/>
                </a:lnTo>
                <a:lnTo>
                  <a:pt x="854" y="685"/>
                </a:lnTo>
                <a:lnTo>
                  <a:pt x="860" y="695"/>
                </a:lnTo>
                <a:lnTo>
                  <a:pt x="866" y="705"/>
                </a:lnTo>
                <a:lnTo>
                  <a:pt x="876" y="713"/>
                </a:lnTo>
                <a:lnTo>
                  <a:pt x="878" y="723"/>
                </a:lnTo>
                <a:lnTo>
                  <a:pt x="882" y="739"/>
                </a:lnTo>
                <a:lnTo>
                  <a:pt x="886" y="749"/>
                </a:lnTo>
                <a:lnTo>
                  <a:pt x="880" y="753"/>
                </a:lnTo>
                <a:lnTo>
                  <a:pt x="868" y="757"/>
                </a:lnTo>
                <a:lnTo>
                  <a:pt x="854" y="761"/>
                </a:lnTo>
                <a:lnTo>
                  <a:pt x="848" y="753"/>
                </a:lnTo>
                <a:lnTo>
                  <a:pt x="844" y="749"/>
                </a:lnTo>
                <a:lnTo>
                  <a:pt x="844" y="759"/>
                </a:lnTo>
                <a:lnTo>
                  <a:pt x="840" y="771"/>
                </a:lnTo>
                <a:lnTo>
                  <a:pt x="830" y="771"/>
                </a:lnTo>
                <a:lnTo>
                  <a:pt x="814" y="775"/>
                </a:lnTo>
                <a:lnTo>
                  <a:pt x="796" y="787"/>
                </a:lnTo>
                <a:lnTo>
                  <a:pt x="794" y="809"/>
                </a:lnTo>
                <a:lnTo>
                  <a:pt x="792" y="827"/>
                </a:lnTo>
                <a:lnTo>
                  <a:pt x="788" y="847"/>
                </a:lnTo>
                <a:lnTo>
                  <a:pt x="782" y="849"/>
                </a:lnTo>
                <a:lnTo>
                  <a:pt x="772" y="837"/>
                </a:lnTo>
                <a:lnTo>
                  <a:pt x="760" y="827"/>
                </a:lnTo>
                <a:lnTo>
                  <a:pt x="746" y="827"/>
                </a:lnTo>
                <a:lnTo>
                  <a:pt x="742" y="829"/>
                </a:lnTo>
                <a:lnTo>
                  <a:pt x="744" y="835"/>
                </a:lnTo>
                <a:lnTo>
                  <a:pt x="754" y="841"/>
                </a:lnTo>
                <a:lnTo>
                  <a:pt x="768" y="847"/>
                </a:lnTo>
                <a:lnTo>
                  <a:pt x="780" y="857"/>
                </a:lnTo>
                <a:lnTo>
                  <a:pt x="780" y="865"/>
                </a:lnTo>
                <a:lnTo>
                  <a:pt x="774" y="871"/>
                </a:lnTo>
                <a:lnTo>
                  <a:pt x="772" y="889"/>
                </a:lnTo>
                <a:lnTo>
                  <a:pt x="766" y="895"/>
                </a:lnTo>
                <a:lnTo>
                  <a:pt x="758" y="899"/>
                </a:lnTo>
                <a:lnTo>
                  <a:pt x="740" y="919"/>
                </a:lnTo>
                <a:lnTo>
                  <a:pt x="742" y="925"/>
                </a:lnTo>
                <a:lnTo>
                  <a:pt x="732" y="929"/>
                </a:lnTo>
                <a:lnTo>
                  <a:pt x="726" y="917"/>
                </a:lnTo>
                <a:lnTo>
                  <a:pt x="720" y="917"/>
                </a:lnTo>
                <a:lnTo>
                  <a:pt x="722" y="929"/>
                </a:lnTo>
                <a:lnTo>
                  <a:pt x="728" y="941"/>
                </a:lnTo>
                <a:lnTo>
                  <a:pt x="736" y="949"/>
                </a:lnTo>
                <a:lnTo>
                  <a:pt x="742" y="953"/>
                </a:lnTo>
                <a:lnTo>
                  <a:pt x="746" y="963"/>
                </a:lnTo>
                <a:lnTo>
                  <a:pt x="746" y="973"/>
                </a:lnTo>
                <a:lnTo>
                  <a:pt x="742" y="983"/>
                </a:lnTo>
                <a:lnTo>
                  <a:pt x="726" y="965"/>
                </a:lnTo>
                <a:lnTo>
                  <a:pt x="704" y="965"/>
                </a:lnTo>
                <a:lnTo>
                  <a:pt x="688" y="981"/>
                </a:lnTo>
                <a:lnTo>
                  <a:pt x="658" y="1005"/>
                </a:lnTo>
                <a:lnTo>
                  <a:pt x="634" y="1003"/>
                </a:lnTo>
                <a:lnTo>
                  <a:pt x="608" y="985"/>
                </a:lnTo>
                <a:lnTo>
                  <a:pt x="612" y="975"/>
                </a:lnTo>
                <a:lnTo>
                  <a:pt x="632" y="975"/>
                </a:lnTo>
                <a:lnTo>
                  <a:pt x="628" y="949"/>
                </a:lnTo>
                <a:lnTo>
                  <a:pt x="644" y="929"/>
                </a:lnTo>
                <a:lnTo>
                  <a:pt x="640" y="911"/>
                </a:lnTo>
                <a:lnTo>
                  <a:pt x="654" y="901"/>
                </a:lnTo>
                <a:lnTo>
                  <a:pt x="652" y="885"/>
                </a:lnTo>
                <a:lnTo>
                  <a:pt x="654" y="875"/>
                </a:lnTo>
                <a:lnTo>
                  <a:pt x="634" y="849"/>
                </a:lnTo>
                <a:lnTo>
                  <a:pt x="656" y="829"/>
                </a:lnTo>
                <a:lnTo>
                  <a:pt x="666" y="845"/>
                </a:lnTo>
                <a:lnTo>
                  <a:pt x="688" y="831"/>
                </a:lnTo>
                <a:lnTo>
                  <a:pt x="702" y="837"/>
                </a:lnTo>
                <a:lnTo>
                  <a:pt x="708" y="827"/>
                </a:lnTo>
                <a:lnTo>
                  <a:pt x="718" y="839"/>
                </a:lnTo>
                <a:lnTo>
                  <a:pt x="728" y="829"/>
                </a:lnTo>
                <a:lnTo>
                  <a:pt x="740" y="829"/>
                </a:lnTo>
                <a:lnTo>
                  <a:pt x="742" y="825"/>
                </a:lnTo>
                <a:lnTo>
                  <a:pt x="720" y="813"/>
                </a:lnTo>
                <a:lnTo>
                  <a:pt x="722" y="803"/>
                </a:lnTo>
                <a:lnTo>
                  <a:pt x="712" y="779"/>
                </a:lnTo>
                <a:lnTo>
                  <a:pt x="692" y="777"/>
                </a:lnTo>
                <a:lnTo>
                  <a:pt x="666" y="765"/>
                </a:lnTo>
                <a:lnTo>
                  <a:pt x="640" y="749"/>
                </a:lnTo>
                <a:lnTo>
                  <a:pt x="622" y="719"/>
                </a:lnTo>
                <a:lnTo>
                  <a:pt x="616" y="669"/>
                </a:lnTo>
                <a:lnTo>
                  <a:pt x="604" y="651"/>
                </a:lnTo>
                <a:lnTo>
                  <a:pt x="590" y="663"/>
                </a:lnTo>
                <a:lnTo>
                  <a:pt x="574" y="643"/>
                </a:lnTo>
                <a:lnTo>
                  <a:pt x="550" y="643"/>
                </a:lnTo>
                <a:lnTo>
                  <a:pt x="542" y="653"/>
                </a:lnTo>
                <a:lnTo>
                  <a:pt x="532" y="637"/>
                </a:lnTo>
                <a:lnTo>
                  <a:pt x="516" y="645"/>
                </a:lnTo>
                <a:lnTo>
                  <a:pt x="480" y="625"/>
                </a:lnTo>
                <a:lnTo>
                  <a:pt x="454" y="625"/>
                </a:lnTo>
                <a:lnTo>
                  <a:pt x="430" y="645"/>
                </a:lnTo>
                <a:lnTo>
                  <a:pt x="400" y="649"/>
                </a:lnTo>
                <a:lnTo>
                  <a:pt x="402" y="661"/>
                </a:lnTo>
                <a:lnTo>
                  <a:pt x="386" y="661"/>
                </a:lnTo>
                <a:lnTo>
                  <a:pt x="384" y="671"/>
                </a:lnTo>
                <a:lnTo>
                  <a:pt x="362" y="685"/>
                </a:lnTo>
                <a:lnTo>
                  <a:pt x="352" y="713"/>
                </a:lnTo>
                <a:lnTo>
                  <a:pt x="278" y="739"/>
                </a:lnTo>
                <a:lnTo>
                  <a:pt x="268" y="769"/>
                </a:lnTo>
                <a:lnTo>
                  <a:pt x="254" y="773"/>
                </a:lnTo>
                <a:lnTo>
                  <a:pt x="224" y="747"/>
                </a:lnTo>
                <a:lnTo>
                  <a:pt x="200" y="747"/>
                </a:lnTo>
                <a:lnTo>
                  <a:pt x="196" y="759"/>
                </a:lnTo>
                <a:lnTo>
                  <a:pt x="116" y="759"/>
                </a:lnTo>
                <a:lnTo>
                  <a:pt x="104" y="749"/>
                </a:lnTo>
                <a:lnTo>
                  <a:pt x="94" y="751"/>
                </a:lnTo>
                <a:lnTo>
                  <a:pt x="92" y="765"/>
                </a:lnTo>
                <a:lnTo>
                  <a:pt x="78" y="771"/>
                </a:lnTo>
                <a:lnTo>
                  <a:pt x="68" y="757"/>
                </a:lnTo>
                <a:lnTo>
                  <a:pt x="50" y="761"/>
                </a:lnTo>
                <a:lnTo>
                  <a:pt x="40" y="745"/>
                </a:lnTo>
                <a:lnTo>
                  <a:pt x="24" y="747"/>
                </a:lnTo>
                <a:lnTo>
                  <a:pt x="22" y="739"/>
                </a:lnTo>
                <a:lnTo>
                  <a:pt x="4" y="727"/>
                </a:lnTo>
                <a:lnTo>
                  <a:pt x="0" y="705"/>
                </a:lnTo>
                <a:lnTo>
                  <a:pt x="12" y="685"/>
                </a:lnTo>
                <a:lnTo>
                  <a:pt x="14" y="655"/>
                </a:lnTo>
                <a:lnTo>
                  <a:pt x="20" y="639"/>
                </a:lnTo>
                <a:lnTo>
                  <a:pt x="46" y="639"/>
                </a:lnTo>
                <a:lnTo>
                  <a:pt x="48" y="631"/>
                </a:lnTo>
                <a:lnTo>
                  <a:pt x="36" y="623"/>
                </a:lnTo>
                <a:lnTo>
                  <a:pt x="32" y="603"/>
                </a:lnTo>
                <a:lnTo>
                  <a:pt x="24" y="585"/>
                </a:lnTo>
                <a:lnTo>
                  <a:pt x="22" y="571"/>
                </a:lnTo>
                <a:lnTo>
                  <a:pt x="56" y="505"/>
                </a:lnTo>
                <a:lnTo>
                  <a:pt x="78" y="473"/>
                </a:lnTo>
                <a:lnTo>
                  <a:pt x="88" y="455"/>
                </a:lnTo>
                <a:lnTo>
                  <a:pt x="104" y="451"/>
                </a:lnTo>
                <a:lnTo>
                  <a:pt x="114" y="435"/>
                </a:lnTo>
                <a:lnTo>
                  <a:pt x="112" y="415"/>
                </a:lnTo>
                <a:lnTo>
                  <a:pt x="98" y="403"/>
                </a:lnTo>
                <a:lnTo>
                  <a:pt x="98" y="395"/>
                </a:lnTo>
                <a:lnTo>
                  <a:pt x="108" y="393"/>
                </a:lnTo>
                <a:lnTo>
                  <a:pt x="108" y="387"/>
                </a:lnTo>
                <a:lnTo>
                  <a:pt x="80" y="363"/>
                </a:lnTo>
                <a:lnTo>
                  <a:pt x="80" y="355"/>
                </a:lnTo>
                <a:lnTo>
                  <a:pt x="60" y="339"/>
                </a:lnTo>
                <a:lnTo>
                  <a:pt x="60" y="325"/>
                </a:lnTo>
                <a:lnTo>
                  <a:pt x="52" y="309"/>
                </a:lnTo>
                <a:lnTo>
                  <a:pt x="44" y="309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29" name="Freeform 26"/>
          <p:cNvSpPr>
            <a:spLocks/>
          </p:cNvSpPr>
          <p:nvPr/>
        </p:nvSpPr>
        <p:spPr bwMode="auto">
          <a:xfrm>
            <a:off x="6519863" y="2771775"/>
            <a:ext cx="914400" cy="852488"/>
          </a:xfrm>
          <a:custGeom>
            <a:avLst/>
            <a:gdLst>
              <a:gd name="T0" fmla="*/ 2147483647 w 706"/>
              <a:gd name="T1" fmla="*/ 2147483647 h 659"/>
              <a:gd name="T2" fmla="*/ 2147483647 w 706"/>
              <a:gd name="T3" fmla="*/ 2147483647 h 659"/>
              <a:gd name="T4" fmla="*/ 2147483647 w 706"/>
              <a:gd name="T5" fmla="*/ 2147483647 h 659"/>
              <a:gd name="T6" fmla="*/ 2147483647 w 706"/>
              <a:gd name="T7" fmla="*/ 2147483647 h 659"/>
              <a:gd name="T8" fmla="*/ 2147483647 w 706"/>
              <a:gd name="T9" fmla="*/ 2147483647 h 659"/>
              <a:gd name="T10" fmla="*/ 2147483647 w 706"/>
              <a:gd name="T11" fmla="*/ 2147483647 h 659"/>
              <a:gd name="T12" fmla="*/ 2147483647 w 706"/>
              <a:gd name="T13" fmla="*/ 2147483647 h 659"/>
              <a:gd name="T14" fmla="*/ 2147483647 w 706"/>
              <a:gd name="T15" fmla="*/ 2147483647 h 659"/>
              <a:gd name="T16" fmla="*/ 2147483647 w 706"/>
              <a:gd name="T17" fmla="*/ 2147483647 h 659"/>
              <a:gd name="T18" fmla="*/ 2147483647 w 706"/>
              <a:gd name="T19" fmla="*/ 2147483647 h 659"/>
              <a:gd name="T20" fmla="*/ 2147483647 w 706"/>
              <a:gd name="T21" fmla="*/ 2147483647 h 659"/>
              <a:gd name="T22" fmla="*/ 2147483647 w 706"/>
              <a:gd name="T23" fmla="*/ 2147483647 h 659"/>
              <a:gd name="T24" fmla="*/ 2147483647 w 706"/>
              <a:gd name="T25" fmla="*/ 2147483647 h 659"/>
              <a:gd name="T26" fmla="*/ 2147483647 w 706"/>
              <a:gd name="T27" fmla="*/ 2147483647 h 659"/>
              <a:gd name="T28" fmla="*/ 2147483647 w 706"/>
              <a:gd name="T29" fmla="*/ 2147483647 h 659"/>
              <a:gd name="T30" fmla="*/ 2147483647 w 706"/>
              <a:gd name="T31" fmla="*/ 2147483647 h 659"/>
              <a:gd name="T32" fmla="*/ 2147483647 w 706"/>
              <a:gd name="T33" fmla="*/ 2147483647 h 659"/>
              <a:gd name="T34" fmla="*/ 2147483647 w 706"/>
              <a:gd name="T35" fmla="*/ 2147483647 h 659"/>
              <a:gd name="T36" fmla="*/ 2147483647 w 706"/>
              <a:gd name="T37" fmla="*/ 2147483647 h 659"/>
              <a:gd name="T38" fmla="*/ 2147483647 w 706"/>
              <a:gd name="T39" fmla="*/ 2147483647 h 659"/>
              <a:gd name="T40" fmla="*/ 2147483647 w 706"/>
              <a:gd name="T41" fmla="*/ 2147483647 h 659"/>
              <a:gd name="T42" fmla="*/ 2147483647 w 706"/>
              <a:gd name="T43" fmla="*/ 2147483647 h 659"/>
              <a:gd name="T44" fmla="*/ 2147483647 w 706"/>
              <a:gd name="T45" fmla="*/ 2147483647 h 659"/>
              <a:gd name="T46" fmla="*/ 2147483647 w 706"/>
              <a:gd name="T47" fmla="*/ 2147483647 h 659"/>
              <a:gd name="T48" fmla="*/ 2147483647 w 706"/>
              <a:gd name="T49" fmla="*/ 2147483647 h 659"/>
              <a:gd name="T50" fmla="*/ 2147483647 w 706"/>
              <a:gd name="T51" fmla="*/ 2147483647 h 659"/>
              <a:gd name="T52" fmla="*/ 2147483647 w 706"/>
              <a:gd name="T53" fmla="*/ 2147483647 h 659"/>
              <a:gd name="T54" fmla="*/ 2147483647 w 706"/>
              <a:gd name="T55" fmla="*/ 2147483647 h 659"/>
              <a:gd name="T56" fmla="*/ 2147483647 w 706"/>
              <a:gd name="T57" fmla="*/ 2147483647 h 659"/>
              <a:gd name="T58" fmla="*/ 2147483647 w 706"/>
              <a:gd name="T59" fmla="*/ 2147483647 h 659"/>
              <a:gd name="T60" fmla="*/ 2147483647 w 706"/>
              <a:gd name="T61" fmla="*/ 2147483647 h 659"/>
              <a:gd name="T62" fmla="*/ 2147483647 w 706"/>
              <a:gd name="T63" fmla="*/ 2147483647 h 659"/>
              <a:gd name="T64" fmla="*/ 2147483647 w 706"/>
              <a:gd name="T65" fmla="*/ 2147483647 h 659"/>
              <a:gd name="T66" fmla="*/ 2147483647 w 706"/>
              <a:gd name="T67" fmla="*/ 2147483647 h 659"/>
              <a:gd name="T68" fmla="*/ 2147483647 w 706"/>
              <a:gd name="T69" fmla="*/ 2147483647 h 659"/>
              <a:gd name="T70" fmla="*/ 2147483647 w 706"/>
              <a:gd name="T71" fmla="*/ 2147483647 h 659"/>
              <a:gd name="T72" fmla="*/ 2147483647 w 706"/>
              <a:gd name="T73" fmla="*/ 2147483647 h 659"/>
              <a:gd name="T74" fmla="*/ 2147483647 w 706"/>
              <a:gd name="T75" fmla="*/ 2147483647 h 659"/>
              <a:gd name="T76" fmla="*/ 2147483647 w 706"/>
              <a:gd name="T77" fmla="*/ 2147483647 h 659"/>
              <a:gd name="T78" fmla="*/ 2147483647 w 706"/>
              <a:gd name="T79" fmla="*/ 2147483647 h 659"/>
              <a:gd name="T80" fmla="*/ 2147483647 w 706"/>
              <a:gd name="T81" fmla="*/ 2147483647 h 659"/>
              <a:gd name="T82" fmla="*/ 2147483647 w 706"/>
              <a:gd name="T83" fmla="*/ 2147483647 h 659"/>
              <a:gd name="T84" fmla="*/ 2147483647 w 706"/>
              <a:gd name="T85" fmla="*/ 2147483647 h 659"/>
              <a:gd name="T86" fmla="*/ 2147483647 w 706"/>
              <a:gd name="T87" fmla="*/ 2147483647 h 659"/>
              <a:gd name="T88" fmla="*/ 2147483647 w 706"/>
              <a:gd name="T89" fmla="*/ 2147483647 h 659"/>
              <a:gd name="T90" fmla="*/ 2147483647 w 706"/>
              <a:gd name="T91" fmla="*/ 2147483647 h 659"/>
              <a:gd name="T92" fmla="*/ 2147483647 w 706"/>
              <a:gd name="T93" fmla="*/ 2147483647 h 659"/>
              <a:gd name="T94" fmla="*/ 2147483647 w 706"/>
              <a:gd name="T95" fmla="*/ 2147483647 h 659"/>
              <a:gd name="T96" fmla="*/ 2147483647 w 706"/>
              <a:gd name="T97" fmla="*/ 2147483647 h 659"/>
              <a:gd name="T98" fmla="*/ 2147483647 w 706"/>
              <a:gd name="T99" fmla="*/ 2147483647 h 659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0" t="0" r="r" b="b"/>
            <a:pathLst>
              <a:path w="706" h="659">
                <a:moveTo>
                  <a:pt x="0" y="358"/>
                </a:moveTo>
                <a:lnTo>
                  <a:pt x="12" y="358"/>
                </a:lnTo>
                <a:lnTo>
                  <a:pt x="38" y="344"/>
                </a:lnTo>
                <a:lnTo>
                  <a:pt x="52" y="340"/>
                </a:lnTo>
                <a:lnTo>
                  <a:pt x="66" y="350"/>
                </a:lnTo>
                <a:lnTo>
                  <a:pt x="84" y="330"/>
                </a:lnTo>
                <a:lnTo>
                  <a:pt x="98" y="330"/>
                </a:lnTo>
                <a:lnTo>
                  <a:pt x="100" y="322"/>
                </a:lnTo>
                <a:lnTo>
                  <a:pt x="92" y="312"/>
                </a:lnTo>
                <a:lnTo>
                  <a:pt x="100" y="306"/>
                </a:lnTo>
                <a:lnTo>
                  <a:pt x="110" y="306"/>
                </a:lnTo>
                <a:lnTo>
                  <a:pt x="124" y="290"/>
                </a:lnTo>
                <a:lnTo>
                  <a:pt x="132" y="286"/>
                </a:lnTo>
                <a:lnTo>
                  <a:pt x="136" y="280"/>
                </a:lnTo>
                <a:lnTo>
                  <a:pt x="144" y="282"/>
                </a:lnTo>
                <a:lnTo>
                  <a:pt x="146" y="296"/>
                </a:lnTo>
                <a:lnTo>
                  <a:pt x="160" y="292"/>
                </a:lnTo>
                <a:lnTo>
                  <a:pt x="164" y="282"/>
                </a:lnTo>
                <a:lnTo>
                  <a:pt x="160" y="272"/>
                </a:lnTo>
                <a:lnTo>
                  <a:pt x="144" y="270"/>
                </a:lnTo>
                <a:lnTo>
                  <a:pt x="146" y="248"/>
                </a:lnTo>
                <a:lnTo>
                  <a:pt x="152" y="238"/>
                </a:lnTo>
                <a:lnTo>
                  <a:pt x="144" y="224"/>
                </a:lnTo>
                <a:lnTo>
                  <a:pt x="146" y="202"/>
                </a:lnTo>
                <a:lnTo>
                  <a:pt x="154" y="188"/>
                </a:lnTo>
                <a:lnTo>
                  <a:pt x="172" y="180"/>
                </a:lnTo>
                <a:lnTo>
                  <a:pt x="170" y="162"/>
                </a:lnTo>
                <a:lnTo>
                  <a:pt x="182" y="152"/>
                </a:lnTo>
                <a:lnTo>
                  <a:pt x="196" y="156"/>
                </a:lnTo>
                <a:lnTo>
                  <a:pt x="206" y="130"/>
                </a:lnTo>
                <a:lnTo>
                  <a:pt x="178" y="128"/>
                </a:lnTo>
                <a:lnTo>
                  <a:pt x="180" y="86"/>
                </a:lnTo>
                <a:lnTo>
                  <a:pt x="198" y="78"/>
                </a:lnTo>
                <a:lnTo>
                  <a:pt x="198" y="68"/>
                </a:lnTo>
                <a:lnTo>
                  <a:pt x="208" y="58"/>
                </a:lnTo>
                <a:lnTo>
                  <a:pt x="222" y="62"/>
                </a:lnTo>
                <a:lnTo>
                  <a:pt x="248" y="58"/>
                </a:lnTo>
                <a:lnTo>
                  <a:pt x="250" y="30"/>
                </a:lnTo>
                <a:lnTo>
                  <a:pt x="266" y="2"/>
                </a:lnTo>
                <a:lnTo>
                  <a:pt x="276" y="0"/>
                </a:lnTo>
                <a:lnTo>
                  <a:pt x="284" y="6"/>
                </a:lnTo>
                <a:lnTo>
                  <a:pt x="294" y="8"/>
                </a:lnTo>
                <a:lnTo>
                  <a:pt x="296" y="2"/>
                </a:lnTo>
                <a:lnTo>
                  <a:pt x="312" y="2"/>
                </a:lnTo>
                <a:lnTo>
                  <a:pt x="322" y="16"/>
                </a:lnTo>
                <a:lnTo>
                  <a:pt x="342" y="0"/>
                </a:lnTo>
                <a:lnTo>
                  <a:pt x="368" y="0"/>
                </a:lnTo>
                <a:lnTo>
                  <a:pt x="374" y="8"/>
                </a:lnTo>
                <a:lnTo>
                  <a:pt x="370" y="20"/>
                </a:lnTo>
                <a:lnTo>
                  <a:pt x="386" y="34"/>
                </a:lnTo>
                <a:lnTo>
                  <a:pt x="398" y="16"/>
                </a:lnTo>
                <a:lnTo>
                  <a:pt x="414" y="2"/>
                </a:lnTo>
                <a:lnTo>
                  <a:pt x="446" y="0"/>
                </a:lnTo>
                <a:lnTo>
                  <a:pt x="464" y="10"/>
                </a:lnTo>
                <a:lnTo>
                  <a:pt x="476" y="20"/>
                </a:lnTo>
                <a:lnTo>
                  <a:pt x="488" y="16"/>
                </a:lnTo>
                <a:lnTo>
                  <a:pt x="498" y="40"/>
                </a:lnTo>
                <a:lnTo>
                  <a:pt x="492" y="54"/>
                </a:lnTo>
                <a:lnTo>
                  <a:pt x="514" y="76"/>
                </a:lnTo>
                <a:lnTo>
                  <a:pt x="510" y="96"/>
                </a:lnTo>
                <a:lnTo>
                  <a:pt x="508" y="114"/>
                </a:lnTo>
                <a:lnTo>
                  <a:pt x="526" y="124"/>
                </a:lnTo>
                <a:lnTo>
                  <a:pt x="542" y="132"/>
                </a:lnTo>
                <a:lnTo>
                  <a:pt x="540" y="146"/>
                </a:lnTo>
                <a:lnTo>
                  <a:pt x="556" y="156"/>
                </a:lnTo>
                <a:lnTo>
                  <a:pt x="568" y="174"/>
                </a:lnTo>
                <a:lnTo>
                  <a:pt x="590" y="184"/>
                </a:lnTo>
                <a:lnTo>
                  <a:pt x="614" y="186"/>
                </a:lnTo>
                <a:lnTo>
                  <a:pt x="618" y="200"/>
                </a:lnTo>
                <a:lnTo>
                  <a:pt x="618" y="220"/>
                </a:lnTo>
                <a:lnTo>
                  <a:pt x="632" y="216"/>
                </a:lnTo>
                <a:lnTo>
                  <a:pt x="642" y="210"/>
                </a:lnTo>
                <a:lnTo>
                  <a:pt x="662" y="210"/>
                </a:lnTo>
                <a:lnTo>
                  <a:pt x="672" y="216"/>
                </a:lnTo>
                <a:lnTo>
                  <a:pt x="676" y="232"/>
                </a:lnTo>
                <a:lnTo>
                  <a:pt x="706" y="246"/>
                </a:lnTo>
                <a:lnTo>
                  <a:pt x="704" y="258"/>
                </a:lnTo>
                <a:lnTo>
                  <a:pt x="690" y="262"/>
                </a:lnTo>
                <a:lnTo>
                  <a:pt x="690" y="278"/>
                </a:lnTo>
                <a:lnTo>
                  <a:pt x="674" y="300"/>
                </a:lnTo>
                <a:lnTo>
                  <a:pt x="666" y="302"/>
                </a:lnTo>
                <a:lnTo>
                  <a:pt x="658" y="304"/>
                </a:lnTo>
                <a:lnTo>
                  <a:pt x="654" y="302"/>
                </a:lnTo>
                <a:lnTo>
                  <a:pt x="640" y="294"/>
                </a:lnTo>
                <a:lnTo>
                  <a:pt x="626" y="296"/>
                </a:lnTo>
                <a:lnTo>
                  <a:pt x="618" y="298"/>
                </a:lnTo>
                <a:lnTo>
                  <a:pt x="614" y="300"/>
                </a:lnTo>
                <a:lnTo>
                  <a:pt x="612" y="326"/>
                </a:lnTo>
                <a:lnTo>
                  <a:pt x="626" y="342"/>
                </a:lnTo>
                <a:lnTo>
                  <a:pt x="642" y="348"/>
                </a:lnTo>
                <a:lnTo>
                  <a:pt x="642" y="368"/>
                </a:lnTo>
                <a:lnTo>
                  <a:pt x="652" y="376"/>
                </a:lnTo>
                <a:lnTo>
                  <a:pt x="656" y="398"/>
                </a:lnTo>
                <a:lnTo>
                  <a:pt x="666" y="412"/>
                </a:lnTo>
                <a:lnTo>
                  <a:pt x="686" y="428"/>
                </a:lnTo>
                <a:lnTo>
                  <a:pt x="658" y="436"/>
                </a:lnTo>
                <a:lnTo>
                  <a:pt x="642" y="448"/>
                </a:lnTo>
                <a:lnTo>
                  <a:pt x="622" y="450"/>
                </a:lnTo>
                <a:lnTo>
                  <a:pt x="614" y="473"/>
                </a:lnTo>
                <a:lnTo>
                  <a:pt x="608" y="499"/>
                </a:lnTo>
                <a:lnTo>
                  <a:pt x="608" y="531"/>
                </a:lnTo>
                <a:lnTo>
                  <a:pt x="624" y="553"/>
                </a:lnTo>
                <a:lnTo>
                  <a:pt x="612" y="561"/>
                </a:lnTo>
                <a:lnTo>
                  <a:pt x="598" y="555"/>
                </a:lnTo>
                <a:lnTo>
                  <a:pt x="588" y="543"/>
                </a:lnTo>
                <a:lnTo>
                  <a:pt x="576" y="543"/>
                </a:lnTo>
                <a:lnTo>
                  <a:pt x="556" y="559"/>
                </a:lnTo>
                <a:lnTo>
                  <a:pt x="542" y="553"/>
                </a:lnTo>
                <a:lnTo>
                  <a:pt x="534" y="565"/>
                </a:lnTo>
                <a:lnTo>
                  <a:pt x="522" y="577"/>
                </a:lnTo>
                <a:lnTo>
                  <a:pt x="508" y="563"/>
                </a:lnTo>
                <a:lnTo>
                  <a:pt x="496" y="547"/>
                </a:lnTo>
                <a:lnTo>
                  <a:pt x="474" y="567"/>
                </a:lnTo>
                <a:lnTo>
                  <a:pt x="474" y="577"/>
                </a:lnTo>
                <a:lnTo>
                  <a:pt x="464" y="579"/>
                </a:lnTo>
                <a:lnTo>
                  <a:pt x="452" y="565"/>
                </a:lnTo>
                <a:lnTo>
                  <a:pt x="440" y="575"/>
                </a:lnTo>
                <a:lnTo>
                  <a:pt x="426" y="563"/>
                </a:lnTo>
                <a:lnTo>
                  <a:pt x="418" y="577"/>
                </a:lnTo>
                <a:lnTo>
                  <a:pt x="398" y="579"/>
                </a:lnTo>
                <a:lnTo>
                  <a:pt x="398" y="595"/>
                </a:lnTo>
                <a:lnTo>
                  <a:pt x="386" y="595"/>
                </a:lnTo>
                <a:lnTo>
                  <a:pt x="384" y="581"/>
                </a:lnTo>
                <a:lnTo>
                  <a:pt x="368" y="581"/>
                </a:lnTo>
                <a:lnTo>
                  <a:pt x="352" y="585"/>
                </a:lnTo>
                <a:lnTo>
                  <a:pt x="336" y="569"/>
                </a:lnTo>
                <a:lnTo>
                  <a:pt x="284" y="577"/>
                </a:lnTo>
                <a:lnTo>
                  <a:pt x="242" y="573"/>
                </a:lnTo>
                <a:lnTo>
                  <a:pt x="228" y="573"/>
                </a:lnTo>
                <a:lnTo>
                  <a:pt x="176" y="579"/>
                </a:lnTo>
                <a:lnTo>
                  <a:pt x="154" y="597"/>
                </a:lnTo>
                <a:lnTo>
                  <a:pt x="116" y="607"/>
                </a:lnTo>
                <a:lnTo>
                  <a:pt x="114" y="627"/>
                </a:lnTo>
                <a:lnTo>
                  <a:pt x="94" y="647"/>
                </a:lnTo>
                <a:lnTo>
                  <a:pt x="84" y="641"/>
                </a:lnTo>
                <a:lnTo>
                  <a:pt x="72" y="643"/>
                </a:lnTo>
                <a:lnTo>
                  <a:pt x="60" y="659"/>
                </a:lnTo>
                <a:lnTo>
                  <a:pt x="56" y="645"/>
                </a:lnTo>
                <a:lnTo>
                  <a:pt x="56" y="635"/>
                </a:lnTo>
                <a:lnTo>
                  <a:pt x="62" y="631"/>
                </a:lnTo>
                <a:lnTo>
                  <a:pt x="60" y="599"/>
                </a:lnTo>
                <a:lnTo>
                  <a:pt x="52" y="587"/>
                </a:lnTo>
                <a:lnTo>
                  <a:pt x="36" y="577"/>
                </a:lnTo>
                <a:lnTo>
                  <a:pt x="18" y="577"/>
                </a:lnTo>
                <a:lnTo>
                  <a:pt x="18" y="561"/>
                </a:lnTo>
                <a:lnTo>
                  <a:pt x="24" y="537"/>
                </a:lnTo>
                <a:lnTo>
                  <a:pt x="38" y="527"/>
                </a:lnTo>
                <a:lnTo>
                  <a:pt x="64" y="505"/>
                </a:lnTo>
                <a:lnTo>
                  <a:pt x="48" y="450"/>
                </a:lnTo>
                <a:lnTo>
                  <a:pt x="38" y="434"/>
                </a:lnTo>
                <a:lnTo>
                  <a:pt x="28" y="416"/>
                </a:lnTo>
                <a:lnTo>
                  <a:pt x="0" y="35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30" name="Freeform 27"/>
          <p:cNvSpPr>
            <a:spLocks/>
          </p:cNvSpPr>
          <p:nvPr/>
        </p:nvSpPr>
        <p:spPr bwMode="auto">
          <a:xfrm>
            <a:off x="6126163" y="3043238"/>
            <a:ext cx="314325" cy="166687"/>
          </a:xfrm>
          <a:custGeom>
            <a:avLst/>
            <a:gdLst>
              <a:gd name="T0" fmla="*/ 0 w 242"/>
              <a:gd name="T1" fmla="*/ 2147483647 h 128"/>
              <a:gd name="T2" fmla="*/ 2147483647 w 242"/>
              <a:gd name="T3" fmla="*/ 2147483647 h 128"/>
              <a:gd name="T4" fmla="*/ 2147483647 w 242"/>
              <a:gd name="T5" fmla="*/ 2147483647 h 128"/>
              <a:gd name="T6" fmla="*/ 2147483647 w 242"/>
              <a:gd name="T7" fmla="*/ 2147483647 h 128"/>
              <a:gd name="T8" fmla="*/ 2147483647 w 242"/>
              <a:gd name="T9" fmla="*/ 2147483647 h 128"/>
              <a:gd name="T10" fmla="*/ 2147483647 w 242"/>
              <a:gd name="T11" fmla="*/ 2147483647 h 128"/>
              <a:gd name="T12" fmla="*/ 2147483647 w 242"/>
              <a:gd name="T13" fmla="*/ 2147483647 h 128"/>
              <a:gd name="T14" fmla="*/ 2147483647 w 242"/>
              <a:gd name="T15" fmla="*/ 2147483647 h 128"/>
              <a:gd name="T16" fmla="*/ 2147483647 w 242"/>
              <a:gd name="T17" fmla="*/ 2147483647 h 128"/>
              <a:gd name="T18" fmla="*/ 2147483647 w 242"/>
              <a:gd name="T19" fmla="*/ 2147483647 h 128"/>
              <a:gd name="T20" fmla="*/ 2147483647 w 242"/>
              <a:gd name="T21" fmla="*/ 2147483647 h 128"/>
              <a:gd name="T22" fmla="*/ 2147483647 w 242"/>
              <a:gd name="T23" fmla="*/ 2147483647 h 128"/>
              <a:gd name="T24" fmla="*/ 2147483647 w 242"/>
              <a:gd name="T25" fmla="*/ 2147483647 h 128"/>
              <a:gd name="T26" fmla="*/ 2147483647 w 242"/>
              <a:gd name="T27" fmla="*/ 2147483647 h 128"/>
              <a:gd name="T28" fmla="*/ 2147483647 w 242"/>
              <a:gd name="T29" fmla="*/ 2147483647 h 128"/>
              <a:gd name="T30" fmla="*/ 2147483647 w 242"/>
              <a:gd name="T31" fmla="*/ 2147483647 h 128"/>
              <a:gd name="T32" fmla="*/ 2147483647 w 242"/>
              <a:gd name="T33" fmla="*/ 2147483647 h 128"/>
              <a:gd name="T34" fmla="*/ 2147483647 w 242"/>
              <a:gd name="T35" fmla="*/ 2147483647 h 128"/>
              <a:gd name="T36" fmla="*/ 2147483647 w 242"/>
              <a:gd name="T37" fmla="*/ 0 h 128"/>
              <a:gd name="T38" fmla="*/ 2147483647 w 242"/>
              <a:gd name="T39" fmla="*/ 2147483647 h 128"/>
              <a:gd name="T40" fmla="*/ 2147483647 w 242"/>
              <a:gd name="T41" fmla="*/ 2147483647 h 128"/>
              <a:gd name="T42" fmla="*/ 2147483647 w 242"/>
              <a:gd name="T43" fmla="*/ 2147483647 h 128"/>
              <a:gd name="T44" fmla="*/ 2147483647 w 242"/>
              <a:gd name="T45" fmla="*/ 2147483647 h 128"/>
              <a:gd name="T46" fmla="*/ 2147483647 w 242"/>
              <a:gd name="T47" fmla="*/ 2147483647 h 128"/>
              <a:gd name="T48" fmla="*/ 2147483647 w 242"/>
              <a:gd name="T49" fmla="*/ 2147483647 h 128"/>
              <a:gd name="T50" fmla="*/ 2147483647 w 242"/>
              <a:gd name="T51" fmla="*/ 2147483647 h 128"/>
              <a:gd name="T52" fmla="*/ 2147483647 w 242"/>
              <a:gd name="T53" fmla="*/ 2147483647 h 128"/>
              <a:gd name="T54" fmla="*/ 2147483647 w 242"/>
              <a:gd name="T55" fmla="*/ 2147483647 h 128"/>
              <a:gd name="T56" fmla="*/ 2147483647 w 242"/>
              <a:gd name="T57" fmla="*/ 2147483647 h 128"/>
              <a:gd name="T58" fmla="*/ 2147483647 w 242"/>
              <a:gd name="T59" fmla="*/ 2147483647 h 128"/>
              <a:gd name="T60" fmla="*/ 2147483647 w 242"/>
              <a:gd name="T61" fmla="*/ 2147483647 h 128"/>
              <a:gd name="T62" fmla="*/ 2147483647 w 242"/>
              <a:gd name="T63" fmla="*/ 2147483647 h 128"/>
              <a:gd name="T64" fmla="*/ 2147483647 w 242"/>
              <a:gd name="T65" fmla="*/ 2147483647 h 128"/>
              <a:gd name="T66" fmla="*/ 2147483647 w 242"/>
              <a:gd name="T67" fmla="*/ 2147483647 h 128"/>
              <a:gd name="T68" fmla="*/ 2147483647 w 242"/>
              <a:gd name="T69" fmla="*/ 2147483647 h 128"/>
              <a:gd name="T70" fmla="*/ 2147483647 w 242"/>
              <a:gd name="T71" fmla="*/ 2147483647 h 128"/>
              <a:gd name="T72" fmla="*/ 2147483647 w 242"/>
              <a:gd name="T73" fmla="*/ 2147483647 h 128"/>
              <a:gd name="T74" fmla="*/ 2147483647 w 242"/>
              <a:gd name="T75" fmla="*/ 2147483647 h 128"/>
              <a:gd name="T76" fmla="*/ 2147483647 w 242"/>
              <a:gd name="T77" fmla="*/ 2147483647 h 128"/>
              <a:gd name="T78" fmla="*/ 2147483647 w 242"/>
              <a:gd name="T79" fmla="*/ 2147483647 h 128"/>
              <a:gd name="T80" fmla="*/ 2147483647 w 242"/>
              <a:gd name="T81" fmla="*/ 2147483647 h 128"/>
              <a:gd name="T82" fmla="*/ 2147483647 w 242"/>
              <a:gd name="T83" fmla="*/ 2147483647 h 128"/>
              <a:gd name="T84" fmla="*/ 2147483647 w 242"/>
              <a:gd name="T85" fmla="*/ 2147483647 h 128"/>
              <a:gd name="T86" fmla="*/ 2147483647 w 242"/>
              <a:gd name="T87" fmla="*/ 2147483647 h 128"/>
              <a:gd name="T88" fmla="*/ 2147483647 w 242"/>
              <a:gd name="T89" fmla="*/ 2147483647 h 128"/>
              <a:gd name="T90" fmla="*/ 2147483647 w 242"/>
              <a:gd name="T91" fmla="*/ 2147483647 h 128"/>
              <a:gd name="T92" fmla="*/ 2147483647 w 242"/>
              <a:gd name="T93" fmla="*/ 2147483647 h 128"/>
              <a:gd name="T94" fmla="*/ 0 w 242"/>
              <a:gd name="T95" fmla="*/ 2147483647 h 128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0" t="0" r="r" b="b"/>
            <a:pathLst>
              <a:path w="242" h="128">
                <a:moveTo>
                  <a:pt x="0" y="126"/>
                </a:moveTo>
                <a:lnTo>
                  <a:pt x="12" y="110"/>
                </a:lnTo>
                <a:lnTo>
                  <a:pt x="20" y="94"/>
                </a:lnTo>
                <a:lnTo>
                  <a:pt x="22" y="84"/>
                </a:lnTo>
                <a:lnTo>
                  <a:pt x="18" y="72"/>
                </a:lnTo>
                <a:lnTo>
                  <a:pt x="14" y="64"/>
                </a:lnTo>
                <a:lnTo>
                  <a:pt x="20" y="54"/>
                </a:lnTo>
                <a:lnTo>
                  <a:pt x="34" y="52"/>
                </a:lnTo>
                <a:lnTo>
                  <a:pt x="48" y="52"/>
                </a:lnTo>
                <a:lnTo>
                  <a:pt x="62" y="48"/>
                </a:lnTo>
                <a:lnTo>
                  <a:pt x="70" y="52"/>
                </a:lnTo>
                <a:lnTo>
                  <a:pt x="82" y="54"/>
                </a:lnTo>
                <a:lnTo>
                  <a:pt x="102" y="52"/>
                </a:lnTo>
                <a:lnTo>
                  <a:pt x="112" y="46"/>
                </a:lnTo>
                <a:lnTo>
                  <a:pt x="108" y="34"/>
                </a:lnTo>
                <a:lnTo>
                  <a:pt x="102" y="20"/>
                </a:lnTo>
                <a:lnTo>
                  <a:pt x="104" y="10"/>
                </a:lnTo>
                <a:lnTo>
                  <a:pt x="104" y="2"/>
                </a:lnTo>
                <a:lnTo>
                  <a:pt x="112" y="0"/>
                </a:lnTo>
                <a:lnTo>
                  <a:pt x="126" y="6"/>
                </a:lnTo>
                <a:lnTo>
                  <a:pt x="154" y="18"/>
                </a:lnTo>
                <a:lnTo>
                  <a:pt x="172" y="24"/>
                </a:lnTo>
                <a:lnTo>
                  <a:pt x="186" y="18"/>
                </a:lnTo>
                <a:lnTo>
                  <a:pt x="208" y="18"/>
                </a:lnTo>
                <a:lnTo>
                  <a:pt x="216" y="22"/>
                </a:lnTo>
                <a:lnTo>
                  <a:pt x="228" y="32"/>
                </a:lnTo>
                <a:lnTo>
                  <a:pt x="238" y="42"/>
                </a:lnTo>
                <a:lnTo>
                  <a:pt x="232" y="56"/>
                </a:lnTo>
                <a:lnTo>
                  <a:pt x="232" y="72"/>
                </a:lnTo>
                <a:lnTo>
                  <a:pt x="230" y="86"/>
                </a:lnTo>
                <a:lnTo>
                  <a:pt x="242" y="96"/>
                </a:lnTo>
                <a:lnTo>
                  <a:pt x="226" y="108"/>
                </a:lnTo>
                <a:lnTo>
                  <a:pt x="176" y="120"/>
                </a:lnTo>
                <a:lnTo>
                  <a:pt x="140" y="126"/>
                </a:lnTo>
                <a:lnTo>
                  <a:pt x="86" y="126"/>
                </a:lnTo>
                <a:lnTo>
                  <a:pt x="38" y="126"/>
                </a:lnTo>
                <a:lnTo>
                  <a:pt x="16" y="128"/>
                </a:lnTo>
                <a:lnTo>
                  <a:pt x="26" y="116"/>
                </a:lnTo>
                <a:lnTo>
                  <a:pt x="42" y="106"/>
                </a:lnTo>
                <a:lnTo>
                  <a:pt x="58" y="94"/>
                </a:lnTo>
                <a:lnTo>
                  <a:pt x="54" y="86"/>
                </a:lnTo>
                <a:lnTo>
                  <a:pt x="42" y="88"/>
                </a:lnTo>
                <a:lnTo>
                  <a:pt x="28" y="88"/>
                </a:lnTo>
                <a:lnTo>
                  <a:pt x="22" y="98"/>
                </a:lnTo>
                <a:lnTo>
                  <a:pt x="16" y="108"/>
                </a:lnTo>
                <a:lnTo>
                  <a:pt x="10" y="116"/>
                </a:lnTo>
                <a:lnTo>
                  <a:pt x="2" y="128"/>
                </a:lnTo>
                <a:lnTo>
                  <a:pt x="0" y="126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31" name="Freeform 28"/>
          <p:cNvSpPr>
            <a:spLocks/>
          </p:cNvSpPr>
          <p:nvPr/>
        </p:nvSpPr>
        <p:spPr bwMode="auto">
          <a:xfrm>
            <a:off x="7102475" y="6240463"/>
            <a:ext cx="396875" cy="111125"/>
          </a:xfrm>
          <a:custGeom>
            <a:avLst/>
            <a:gdLst>
              <a:gd name="T0" fmla="*/ 2147483647 w 306"/>
              <a:gd name="T1" fmla="*/ 2147483647 h 86"/>
              <a:gd name="T2" fmla="*/ 2147483647 w 306"/>
              <a:gd name="T3" fmla="*/ 2147483647 h 86"/>
              <a:gd name="T4" fmla="*/ 2147483647 w 306"/>
              <a:gd name="T5" fmla="*/ 2147483647 h 86"/>
              <a:gd name="T6" fmla="*/ 2147483647 w 306"/>
              <a:gd name="T7" fmla="*/ 2147483647 h 86"/>
              <a:gd name="T8" fmla="*/ 2147483647 w 306"/>
              <a:gd name="T9" fmla="*/ 2147483647 h 86"/>
              <a:gd name="T10" fmla="*/ 2147483647 w 306"/>
              <a:gd name="T11" fmla="*/ 2147483647 h 86"/>
              <a:gd name="T12" fmla="*/ 2147483647 w 306"/>
              <a:gd name="T13" fmla="*/ 2147483647 h 86"/>
              <a:gd name="T14" fmla="*/ 2147483647 w 306"/>
              <a:gd name="T15" fmla="*/ 2147483647 h 86"/>
              <a:gd name="T16" fmla="*/ 2147483647 w 306"/>
              <a:gd name="T17" fmla="*/ 2147483647 h 86"/>
              <a:gd name="T18" fmla="*/ 2147483647 w 306"/>
              <a:gd name="T19" fmla="*/ 2147483647 h 86"/>
              <a:gd name="T20" fmla="*/ 2147483647 w 306"/>
              <a:gd name="T21" fmla="*/ 2147483647 h 86"/>
              <a:gd name="T22" fmla="*/ 2147483647 w 306"/>
              <a:gd name="T23" fmla="*/ 2147483647 h 86"/>
              <a:gd name="T24" fmla="*/ 2147483647 w 306"/>
              <a:gd name="T25" fmla="*/ 2147483647 h 86"/>
              <a:gd name="T26" fmla="*/ 2147483647 w 306"/>
              <a:gd name="T27" fmla="*/ 2147483647 h 86"/>
              <a:gd name="T28" fmla="*/ 2147483647 w 306"/>
              <a:gd name="T29" fmla="*/ 2147483647 h 86"/>
              <a:gd name="T30" fmla="*/ 2147483647 w 306"/>
              <a:gd name="T31" fmla="*/ 2147483647 h 86"/>
              <a:gd name="T32" fmla="*/ 2147483647 w 306"/>
              <a:gd name="T33" fmla="*/ 2147483647 h 86"/>
              <a:gd name="T34" fmla="*/ 2147483647 w 306"/>
              <a:gd name="T35" fmla="*/ 2147483647 h 86"/>
              <a:gd name="T36" fmla="*/ 2147483647 w 306"/>
              <a:gd name="T37" fmla="*/ 2147483647 h 86"/>
              <a:gd name="T38" fmla="*/ 2147483647 w 306"/>
              <a:gd name="T39" fmla="*/ 2147483647 h 86"/>
              <a:gd name="T40" fmla="*/ 2147483647 w 306"/>
              <a:gd name="T41" fmla="*/ 2147483647 h 86"/>
              <a:gd name="T42" fmla="*/ 2147483647 w 306"/>
              <a:gd name="T43" fmla="*/ 2147483647 h 86"/>
              <a:gd name="T44" fmla="*/ 2147483647 w 306"/>
              <a:gd name="T45" fmla="*/ 2147483647 h 86"/>
              <a:gd name="T46" fmla="*/ 2147483647 w 306"/>
              <a:gd name="T47" fmla="*/ 2147483647 h 86"/>
              <a:gd name="T48" fmla="*/ 2147483647 w 306"/>
              <a:gd name="T49" fmla="*/ 2147483647 h 86"/>
              <a:gd name="T50" fmla="*/ 2147483647 w 306"/>
              <a:gd name="T51" fmla="*/ 2147483647 h 86"/>
              <a:gd name="T52" fmla="*/ 2147483647 w 306"/>
              <a:gd name="T53" fmla="*/ 2147483647 h 86"/>
              <a:gd name="T54" fmla="*/ 2147483647 w 306"/>
              <a:gd name="T55" fmla="*/ 2147483647 h 86"/>
              <a:gd name="T56" fmla="*/ 2147483647 w 306"/>
              <a:gd name="T57" fmla="*/ 2147483647 h 86"/>
              <a:gd name="T58" fmla="*/ 2147483647 w 306"/>
              <a:gd name="T59" fmla="*/ 2147483647 h 86"/>
              <a:gd name="T60" fmla="*/ 2147483647 w 306"/>
              <a:gd name="T61" fmla="*/ 2147483647 h 86"/>
              <a:gd name="T62" fmla="*/ 2147483647 w 306"/>
              <a:gd name="T63" fmla="*/ 2147483647 h 86"/>
              <a:gd name="T64" fmla="*/ 2147483647 w 306"/>
              <a:gd name="T65" fmla="*/ 2147483647 h 86"/>
              <a:gd name="T66" fmla="*/ 2147483647 w 306"/>
              <a:gd name="T67" fmla="*/ 2147483647 h 86"/>
              <a:gd name="T68" fmla="*/ 2147483647 w 306"/>
              <a:gd name="T69" fmla="*/ 2147483647 h 86"/>
              <a:gd name="T70" fmla="*/ 2147483647 w 306"/>
              <a:gd name="T71" fmla="*/ 2147483647 h 86"/>
              <a:gd name="T72" fmla="*/ 2147483647 w 306"/>
              <a:gd name="T73" fmla="*/ 2147483647 h 86"/>
              <a:gd name="T74" fmla="*/ 2147483647 w 306"/>
              <a:gd name="T75" fmla="*/ 2147483647 h 86"/>
              <a:gd name="T76" fmla="*/ 2147483647 w 306"/>
              <a:gd name="T77" fmla="*/ 2147483647 h 86"/>
              <a:gd name="T78" fmla="*/ 2147483647 w 306"/>
              <a:gd name="T79" fmla="*/ 2147483647 h 86"/>
              <a:gd name="T80" fmla="*/ 2147483647 w 306"/>
              <a:gd name="T81" fmla="*/ 2147483647 h 86"/>
              <a:gd name="T82" fmla="*/ 2147483647 w 306"/>
              <a:gd name="T83" fmla="*/ 2147483647 h 86"/>
              <a:gd name="T84" fmla="*/ 2147483647 w 306"/>
              <a:gd name="T85" fmla="*/ 2147483647 h 8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306" h="86">
                <a:moveTo>
                  <a:pt x="2" y="26"/>
                </a:moveTo>
                <a:lnTo>
                  <a:pt x="8" y="34"/>
                </a:lnTo>
                <a:lnTo>
                  <a:pt x="20" y="32"/>
                </a:lnTo>
                <a:lnTo>
                  <a:pt x="18" y="24"/>
                </a:lnTo>
                <a:lnTo>
                  <a:pt x="14" y="20"/>
                </a:lnTo>
                <a:lnTo>
                  <a:pt x="14" y="10"/>
                </a:lnTo>
                <a:lnTo>
                  <a:pt x="20" y="12"/>
                </a:lnTo>
                <a:lnTo>
                  <a:pt x="24" y="20"/>
                </a:lnTo>
                <a:lnTo>
                  <a:pt x="32" y="26"/>
                </a:lnTo>
                <a:lnTo>
                  <a:pt x="40" y="26"/>
                </a:lnTo>
                <a:lnTo>
                  <a:pt x="50" y="24"/>
                </a:lnTo>
                <a:lnTo>
                  <a:pt x="56" y="20"/>
                </a:lnTo>
                <a:lnTo>
                  <a:pt x="58" y="12"/>
                </a:lnTo>
                <a:lnTo>
                  <a:pt x="66" y="12"/>
                </a:lnTo>
                <a:lnTo>
                  <a:pt x="70" y="18"/>
                </a:lnTo>
                <a:lnTo>
                  <a:pt x="66" y="26"/>
                </a:lnTo>
                <a:lnTo>
                  <a:pt x="70" y="30"/>
                </a:lnTo>
                <a:lnTo>
                  <a:pt x="78" y="28"/>
                </a:lnTo>
                <a:lnTo>
                  <a:pt x="84" y="38"/>
                </a:lnTo>
                <a:lnTo>
                  <a:pt x="90" y="40"/>
                </a:lnTo>
                <a:lnTo>
                  <a:pt x="104" y="34"/>
                </a:lnTo>
                <a:lnTo>
                  <a:pt x="114" y="30"/>
                </a:lnTo>
                <a:lnTo>
                  <a:pt x="124" y="24"/>
                </a:lnTo>
                <a:lnTo>
                  <a:pt x="144" y="22"/>
                </a:lnTo>
                <a:lnTo>
                  <a:pt x="154" y="18"/>
                </a:lnTo>
                <a:lnTo>
                  <a:pt x="166" y="16"/>
                </a:lnTo>
                <a:lnTo>
                  <a:pt x="172" y="20"/>
                </a:lnTo>
                <a:lnTo>
                  <a:pt x="182" y="22"/>
                </a:lnTo>
                <a:lnTo>
                  <a:pt x="194" y="22"/>
                </a:lnTo>
                <a:lnTo>
                  <a:pt x="200" y="18"/>
                </a:lnTo>
                <a:lnTo>
                  <a:pt x="202" y="18"/>
                </a:lnTo>
                <a:lnTo>
                  <a:pt x="206" y="20"/>
                </a:lnTo>
                <a:lnTo>
                  <a:pt x="216" y="18"/>
                </a:lnTo>
                <a:lnTo>
                  <a:pt x="228" y="12"/>
                </a:lnTo>
                <a:lnTo>
                  <a:pt x="234" y="10"/>
                </a:lnTo>
                <a:lnTo>
                  <a:pt x="238" y="10"/>
                </a:lnTo>
                <a:lnTo>
                  <a:pt x="240" y="20"/>
                </a:lnTo>
                <a:lnTo>
                  <a:pt x="242" y="30"/>
                </a:lnTo>
                <a:lnTo>
                  <a:pt x="250" y="38"/>
                </a:lnTo>
                <a:lnTo>
                  <a:pt x="258" y="32"/>
                </a:lnTo>
                <a:lnTo>
                  <a:pt x="264" y="22"/>
                </a:lnTo>
                <a:lnTo>
                  <a:pt x="272" y="20"/>
                </a:lnTo>
                <a:lnTo>
                  <a:pt x="282" y="18"/>
                </a:lnTo>
                <a:lnTo>
                  <a:pt x="292" y="14"/>
                </a:lnTo>
                <a:lnTo>
                  <a:pt x="294" y="8"/>
                </a:lnTo>
                <a:lnTo>
                  <a:pt x="296" y="4"/>
                </a:lnTo>
                <a:lnTo>
                  <a:pt x="300" y="0"/>
                </a:lnTo>
                <a:lnTo>
                  <a:pt x="302" y="8"/>
                </a:lnTo>
                <a:lnTo>
                  <a:pt x="304" y="16"/>
                </a:lnTo>
                <a:lnTo>
                  <a:pt x="306" y="28"/>
                </a:lnTo>
                <a:lnTo>
                  <a:pt x="300" y="42"/>
                </a:lnTo>
                <a:lnTo>
                  <a:pt x="290" y="44"/>
                </a:lnTo>
                <a:lnTo>
                  <a:pt x="270" y="46"/>
                </a:lnTo>
                <a:lnTo>
                  <a:pt x="264" y="48"/>
                </a:lnTo>
                <a:lnTo>
                  <a:pt x="258" y="52"/>
                </a:lnTo>
                <a:lnTo>
                  <a:pt x="244" y="56"/>
                </a:lnTo>
                <a:lnTo>
                  <a:pt x="232" y="56"/>
                </a:lnTo>
                <a:lnTo>
                  <a:pt x="226" y="62"/>
                </a:lnTo>
                <a:lnTo>
                  <a:pt x="216" y="64"/>
                </a:lnTo>
                <a:lnTo>
                  <a:pt x="208" y="64"/>
                </a:lnTo>
                <a:lnTo>
                  <a:pt x="200" y="70"/>
                </a:lnTo>
                <a:lnTo>
                  <a:pt x="188" y="76"/>
                </a:lnTo>
                <a:lnTo>
                  <a:pt x="176" y="80"/>
                </a:lnTo>
                <a:lnTo>
                  <a:pt x="164" y="84"/>
                </a:lnTo>
                <a:lnTo>
                  <a:pt x="148" y="86"/>
                </a:lnTo>
                <a:lnTo>
                  <a:pt x="144" y="82"/>
                </a:lnTo>
                <a:lnTo>
                  <a:pt x="142" y="80"/>
                </a:lnTo>
                <a:lnTo>
                  <a:pt x="144" y="72"/>
                </a:lnTo>
                <a:lnTo>
                  <a:pt x="136" y="66"/>
                </a:lnTo>
                <a:lnTo>
                  <a:pt x="132" y="68"/>
                </a:lnTo>
                <a:lnTo>
                  <a:pt x="122" y="70"/>
                </a:lnTo>
                <a:lnTo>
                  <a:pt x="114" y="66"/>
                </a:lnTo>
                <a:lnTo>
                  <a:pt x="98" y="62"/>
                </a:lnTo>
                <a:lnTo>
                  <a:pt x="86" y="62"/>
                </a:lnTo>
                <a:lnTo>
                  <a:pt x="72" y="64"/>
                </a:lnTo>
                <a:lnTo>
                  <a:pt x="62" y="64"/>
                </a:lnTo>
                <a:lnTo>
                  <a:pt x="52" y="62"/>
                </a:lnTo>
                <a:lnTo>
                  <a:pt x="42" y="64"/>
                </a:lnTo>
                <a:lnTo>
                  <a:pt x="32" y="66"/>
                </a:lnTo>
                <a:lnTo>
                  <a:pt x="26" y="68"/>
                </a:lnTo>
                <a:lnTo>
                  <a:pt x="14" y="70"/>
                </a:lnTo>
                <a:lnTo>
                  <a:pt x="4" y="66"/>
                </a:lnTo>
                <a:lnTo>
                  <a:pt x="2" y="52"/>
                </a:lnTo>
                <a:lnTo>
                  <a:pt x="2" y="44"/>
                </a:lnTo>
                <a:lnTo>
                  <a:pt x="0" y="34"/>
                </a:lnTo>
                <a:lnTo>
                  <a:pt x="2" y="2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32" name="Freeform 29"/>
          <p:cNvSpPr>
            <a:spLocks/>
          </p:cNvSpPr>
          <p:nvPr/>
        </p:nvSpPr>
        <p:spPr bwMode="auto">
          <a:xfrm>
            <a:off x="6530975" y="5170488"/>
            <a:ext cx="771525" cy="985837"/>
          </a:xfrm>
          <a:custGeom>
            <a:avLst/>
            <a:gdLst>
              <a:gd name="T0" fmla="*/ 2147483647 w 596"/>
              <a:gd name="T1" fmla="*/ 2147483647 h 762"/>
              <a:gd name="T2" fmla="*/ 2147483647 w 596"/>
              <a:gd name="T3" fmla="*/ 2147483647 h 762"/>
              <a:gd name="T4" fmla="*/ 2147483647 w 596"/>
              <a:gd name="T5" fmla="*/ 2147483647 h 762"/>
              <a:gd name="T6" fmla="*/ 2147483647 w 596"/>
              <a:gd name="T7" fmla="*/ 2147483647 h 762"/>
              <a:gd name="T8" fmla="*/ 2147483647 w 596"/>
              <a:gd name="T9" fmla="*/ 2147483647 h 762"/>
              <a:gd name="T10" fmla="*/ 2147483647 w 596"/>
              <a:gd name="T11" fmla="*/ 2147483647 h 762"/>
              <a:gd name="T12" fmla="*/ 2147483647 w 596"/>
              <a:gd name="T13" fmla="*/ 2147483647 h 762"/>
              <a:gd name="T14" fmla="*/ 2147483647 w 596"/>
              <a:gd name="T15" fmla="*/ 2147483647 h 762"/>
              <a:gd name="T16" fmla="*/ 2147483647 w 596"/>
              <a:gd name="T17" fmla="*/ 2147483647 h 762"/>
              <a:gd name="T18" fmla="*/ 2147483647 w 596"/>
              <a:gd name="T19" fmla="*/ 2147483647 h 762"/>
              <a:gd name="T20" fmla="*/ 2147483647 w 596"/>
              <a:gd name="T21" fmla="*/ 2147483647 h 762"/>
              <a:gd name="T22" fmla="*/ 2147483647 w 596"/>
              <a:gd name="T23" fmla="*/ 2147483647 h 762"/>
              <a:gd name="T24" fmla="*/ 2147483647 w 596"/>
              <a:gd name="T25" fmla="*/ 2147483647 h 762"/>
              <a:gd name="T26" fmla="*/ 2147483647 w 596"/>
              <a:gd name="T27" fmla="*/ 2147483647 h 762"/>
              <a:gd name="T28" fmla="*/ 2147483647 w 596"/>
              <a:gd name="T29" fmla="*/ 2147483647 h 762"/>
              <a:gd name="T30" fmla="*/ 2147483647 w 596"/>
              <a:gd name="T31" fmla="*/ 2147483647 h 762"/>
              <a:gd name="T32" fmla="*/ 2147483647 w 596"/>
              <a:gd name="T33" fmla="*/ 2147483647 h 762"/>
              <a:gd name="T34" fmla="*/ 2147483647 w 596"/>
              <a:gd name="T35" fmla="*/ 2147483647 h 762"/>
              <a:gd name="T36" fmla="*/ 2147483647 w 596"/>
              <a:gd name="T37" fmla="*/ 2147483647 h 762"/>
              <a:gd name="T38" fmla="*/ 2147483647 w 596"/>
              <a:gd name="T39" fmla="*/ 2147483647 h 762"/>
              <a:gd name="T40" fmla="*/ 2147483647 w 596"/>
              <a:gd name="T41" fmla="*/ 2147483647 h 762"/>
              <a:gd name="T42" fmla="*/ 2147483647 w 596"/>
              <a:gd name="T43" fmla="*/ 2147483647 h 762"/>
              <a:gd name="T44" fmla="*/ 2147483647 w 596"/>
              <a:gd name="T45" fmla="*/ 2147483647 h 762"/>
              <a:gd name="T46" fmla="*/ 2147483647 w 596"/>
              <a:gd name="T47" fmla="*/ 2147483647 h 762"/>
              <a:gd name="T48" fmla="*/ 2147483647 w 596"/>
              <a:gd name="T49" fmla="*/ 2147483647 h 762"/>
              <a:gd name="T50" fmla="*/ 2147483647 w 596"/>
              <a:gd name="T51" fmla="*/ 2147483647 h 762"/>
              <a:gd name="T52" fmla="*/ 2147483647 w 596"/>
              <a:gd name="T53" fmla="*/ 2147483647 h 762"/>
              <a:gd name="T54" fmla="*/ 2147483647 w 596"/>
              <a:gd name="T55" fmla="*/ 2147483647 h 762"/>
              <a:gd name="T56" fmla="*/ 2147483647 w 596"/>
              <a:gd name="T57" fmla="*/ 2147483647 h 762"/>
              <a:gd name="T58" fmla="*/ 2147483647 w 596"/>
              <a:gd name="T59" fmla="*/ 2147483647 h 762"/>
              <a:gd name="T60" fmla="*/ 2147483647 w 596"/>
              <a:gd name="T61" fmla="*/ 2147483647 h 762"/>
              <a:gd name="T62" fmla="*/ 2147483647 w 596"/>
              <a:gd name="T63" fmla="*/ 2147483647 h 762"/>
              <a:gd name="T64" fmla="*/ 2147483647 w 596"/>
              <a:gd name="T65" fmla="*/ 2147483647 h 762"/>
              <a:gd name="T66" fmla="*/ 2147483647 w 596"/>
              <a:gd name="T67" fmla="*/ 2147483647 h 762"/>
              <a:gd name="T68" fmla="*/ 2147483647 w 596"/>
              <a:gd name="T69" fmla="*/ 2147483647 h 762"/>
              <a:gd name="T70" fmla="*/ 2147483647 w 596"/>
              <a:gd name="T71" fmla="*/ 2147483647 h 762"/>
              <a:gd name="T72" fmla="*/ 2147483647 w 596"/>
              <a:gd name="T73" fmla="*/ 2147483647 h 762"/>
              <a:gd name="T74" fmla="*/ 2147483647 w 596"/>
              <a:gd name="T75" fmla="*/ 2147483647 h 762"/>
              <a:gd name="T76" fmla="*/ 2147483647 w 596"/>
              <a:gd name="T77" fmla="*/ 2147483647 h 762"/>
              <a:gd name="T78" fmla="*/ 2147483647 w 596"/>
              <a:gd name="T79" fmla="*/ 2147483647 h 762"/>
              <a:gd name="T80" fmla="*/ 2147483647 w 596"/>
              <a:gd name="T81" fmla="*/ 2147483647 h 762"/>
              <a:gd name="T82" fmla="*/ 2147483647 w 596"/>
              <a:gd name="T83" fmla="*/ 2147483647 h 762"/>
              <a:gd name="T84" fmla="*/ 2147483647 w 596"/>
              <a:gd name="T85" fmla="*/ 2147483647 h 762"/>
              <a:gd name="T86" fmla="*/ 2147483647 w 596"/>
              <a:gd name="T87" fmla="*/ 2147483647 h 762"/>
              <a:gd name="T88" fmla="*/ 2147483647 w 596"/>
              <a:gd name="T89" fmla="*/ 2147483647 h 762"/>
              <a:gd name="T90" fmla="*/ 2147483647 w 596"/>
              <a:gd name="T91" fmla="*/ 2147483647 h 762"/>
              <a:gd name="T92" fmla="*/ 2147483647 w 596"/>
              <a:gd name="T93" fmla="*/ 2147483647 h 762"/>
              <a:gd name="T94" fmla="*/ 2147483647 w 596"/>
              <a:gd name="T95" fmla="*/ 2147483647 h 762"/>
              <a:gd name="T96" fmla="*/ 2147483647 w 596"/>
              <a:gd name="T97" fmla="*/ 2147483647 h 762"/>
              <a:gd name="T98" fmla="*/ 2147483647 w 596"/>
              <a:gd name="T99" fmla="*/ 2147483647 h 762"/>
              <a:gd name="T100" fmla="*/ 2147483647 w 596"/>
              <a:gd name="T101" fmla="*/ 2147483647 h 762"/>
              <a:gd name="T102" fmla="*/ 2147483647 w 596"/>
              <a:gd name="T103" fmla="*/ 2147483647 h 762"/>
              <a:gd name="T104" fmla="*/ 2147483647 w 596"/>
              <a:gd name="T105" fmla="*/ 2147483647 h 762"/>
              <a:gd name="T106" fmla="*/ 2147483647 w 596"/>
              <a:gd name="T107" fmla="*/ 2147483647 h 762"/>
              <a:gd name="T108" fmla="*/ 2147483647 w 596"/>
              <a:gd name="T109" fmla="*/ 2147483647 h 762"/>
              <a:gd name="T110" fmla="*/ 2147483647 w 596"/>
              <a:gd name="T111" fmla="*/ 2147483647 h 762"/>
              <a:gd name="T112" fmla="*/ 2147483647 w 596"/>
              <a:gd name="T113" fmla="*/ 2147483647 h 762"/>
              <a:gd name="T114" fmla="*/ 2147483647 w 596"/>
              <a:gd name="T115" fmla="*/ 2147483647 h 762"/>
              <a:gd name="T116" fmla="*/ 2147483647 w 596"/>
              <a:gd name="T117" fmla="*/ 2147483647 h 762"/>
              <a:gd name="T118" fmla="*/ 2147483647 w 596"/>
              <a:gd name="T119" fmla="*/ 2147483647 h 762"/>
              <a:gd name="T120" fmla="*/ 2147483647 w 596"/>
              <a:gd name="T121" fmla="*/ 2147483647 h 762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596" h="762">
                <a:moveTo>
                  <a:pt x="240" y="116"/>
                </a:moveTo>
                <a:lnTo>
                  <a:pt x="264" y="114"/>
                </a:lnTo>
                <a:lnTo>
                  <a:pt x="274" y="104"/>
                </a:lnTo>
                <a:lnTo>
                  <a:pt x="306" y="100"/>
                </a:lnTo>
                <a:lnTo>
                  <a:pt x="342" y="80"/>
                </a:lnTo>
                <a:lnTo>
                  <a:pt x="356" y="64"/>
                </a:lnTo>
                <a:lnTo>
                  <a:pt x="376" y="66"/>
                </a:lnTo>
                <a:lnTo>
                  <a:pt x="384" y="58"/>
                </a:lnTo>
                <a:lnTo>
                  <a:pt x="420" y="82"/>
                </a:lnTo>
                <a:lnTo>
                  <a:pt x="422" y="72"/>
                </a:lnTo>
                <a:lnTo>
                  <a:pt x="448" y="72"/>
                </a:lnTo>
                <a:lnTo>
                  <a:pt x="468" y="86"/>
                </a:lnTo>
                <a:lnTo>
                  <a:pt x="500" y="66"/>
                </a:lnTo>
                <a:lnTo>
                  <a:pt x="530" y="60"/>
                </a:lnTo>
                <a:lnTo>
                  <a:pt x="552" y="46"/>
                </a:lnTo>
                <a:lnTo>
                  <a:pt x="548" y="26"/>
                </a:lnTo>
                <a:lnTo>
                  <a:pt x="530" y="10"/>
                </a:lnTo>
                <a:lnTo>
                  <a:pt x="540" y="0"/>
                </a:lnTo>
                <a:lnTo>
                  <a:pt x="556" y="4"/>
                </a:lnTo>
                <a:lnTo>
                  <a:pt x="580" y="6"/>
                </a:lnTo>
                <a:lnTo>
                  <a:pt x="596" y="36"/>
                </a:lnTo>
                <a:lnTo>
                  <a:pt x="572" y="62"/>
                </a:lnTo>
                <a:lnTo>
                  <a:pt x="572" y="80"/>
                </a:lnTo>
                <a:lnTo>
                  <a:pt x="580" y="100"/>
                </a:lnTo>
                <a:lnTo>
                  <a:pt x="568" y="114"/>
                </a:lnTo>
                <a:lnTo>
                  <a:pt x="558" y="136"/>
                </a:lnTo>
                <a:lnTo>
                  <a:pt x="552" y="122"/>
                </a:lnTo>
                <a:lnTo>
                  <a:pt x="528" y="122"/>
                </a:lnTo>
                <a:lnTo>
                  <a:pt x="526" y="128"/>
                </a:lnTo>
                <a:lnTo>
                  <a:pt x="488" y="128"/>
                </a:lnTo>
                <a:lnTo>
                  <a:pt x="484" y="124"/>
                </a:lnTo>
                <a:lnTo>
                  <a:pt x="468" y="126"/>
                </a:lnTo>
                <a:lnTo>
                  <a:pt x="458" y="118"/>
                </a:lnTo>
                <a:lnTo>
                  <a:pt x="430" y="144"/>
                </a:lnTo>
                <a:lnTo>
                  <a:pt x="414" y="144"/>
                </a:lnTo>
                <a:lnTo>
                  <a:pt x="396" y="138"/>
                </a:lnTo>
                <a:lnTo>
                  <a:pt x="388" y="150"/>
                </a:lnTo>
                <a:lnTo>
                  <a:pt x="376" y="170"/>
                </a:lnTo>
                <a:lnTo>
                  <a:pt x="364" y="174"/>
                </a:lnTo>
                <a:lnTo>
                  <a:pt x="352" y="176"/>
                </a:lnTo>
                <a:lnTo>
                  <a:pt x="344" y="168"/>
                </a:lnTo>
                <a:lnTo>
                  <a:pt x="334" y="174"/>
                </a:lnTo>
                <a:lnTo>
                  <a:pt x="330" y="184"/>
                </a:lnTo>
                <a:lnTo>
                  <a:pt x="338" y="192"/>
                </a:lnTo>
                <a:lnTo>
                  <a:pt x="346" y="200"/>
                </a:lnTo>
                <a:lnTo>
                  <a:pt x="348" y="212"/>
                </a:lnTo>
                <a:lnTo>
                  <a:pt x="360" y="220"/>
                </a:lnTo>
                <a:lnTo>
                  <a:pt x="374" y="220"/>
                </a:lnTo>
                <a:lnTo>
                  <a:pt x="388" y="224"/>
                </a:lnTo>
                <a:lnTo>
                  <a:pt x="400" y="230"/>
                </a:lnTo>
                <a:lnTo>
                  <a:pt x="408" y="238"/>
                </a:lnTo>
                <a:lnTo>
                  <a:pt x="410" y="244"/>
                </a:lnTo>
                <a:lnTo>
                  <a:pt x="406" y="250"/>
                </a:lnTo>
                <a:lnTo>
                  <a:pt x="394" y="240"/>
                </a:lnTo>
                <a:lnTo>
                  <a:pt x="384" y="230"/>
                </a:lnTo>
                <a:lnTo>
                  <a:pt x="368" y="230"/>
                </a:lnTo>
                <a:lnTo>
                  <a:pt x="360" y="226"/>
                </a:lnTo>
                <a:lnTo>
                  <a:pt x="352" y="224"/>
                </a:lnTo>
                <a:lnTo>
                  <a:pt x="346" y="228"/>
                </a:lnTo>
                <a:lnTo>
                  <a:pt x="340" y="238"/>
                </a:lnTo>
                <a:lnTo>
                  <a:pt x="344" y="244"/>
                </a:lnTo>
                <a:lnTo>
                  <a:pt x="356" y="250"/>
                </a:lnTo>
                <a:lnTo>
                  <a:pt x="370" y="254"/>
                </a:lnTo>
                <a:lnTo>
                  <a:pt x="376" y="264"/>
                </a:lnTo>
                <a:lnTo>
                  <a:pt x="378" y="272"/>
                </a:lnTo>
                <a:lnTo>
                  <a:pt x="372" y="278"/>
                </a:lnTo>
                <a:lnTo>
                  <a:pt x="356" y="274"/>
                </a:lnTo>
                <a:lnTo>
                  <a:pt x="354" y="266"/>
                </a:lnTo>
                <a:lnTo>
                  <a:pt x="346" y="256"/>
                </a:lnTo>
                <a:lnTo>
                  <a:pt x="336" y="250"/>
                </a:lnTo>
                <a:lnTo>
                  <a:pt x="324" y="246"/>
                </a:lnTo>
                <a:lnTo>
                  <a:pt x="310" y="246"/>
                </a:lnTo>
                <a:lnTo>
                  <a:pt x="306" y="256"/>
                </a:lnTo>
                <a:lnTo>
                  <a:pt x="310" y="262"/>
                </a:lnTo>
                <a:lnTo>
                  <a:pt x="322" y="270"/>
                </a:lnTo>
                <a:lnTo>
                  <a:pt x="330" y="278"/>
                </a:lnTo>
                <a:lnTo>
                  <a:pt x="332" y="280"/>
                </a:lnTo>
                <a:lnTo>
                  <a:pt x="346" y="280"/>
                </a:lnTo>
                <a:lnTo>
                  <a:pt x="344" y="288"/>
                </a:lnTo>
                <a:lnTo>
                  <a:pt x="332" y="286"/>
                </a:lnTo>
                <a:lnTo>
                  <a:pt x="326" y="284"/>
                </a:lnTo>
                <a:lnTo>
                  <a:pt x="316" y="284"/>
                </a:lnTo>
                <a:lnTo>
                  <a:pt x="308" y="276"/>
                </a:lnTo>
                <a:lnTo>
                  <a:pt x="304" y="266"/>
                </a:lnTo>
                <a:lnTo>
                  <a:pt x="302" y="256"/>
                </a:lnTo>
                <a:lnTo>
                  <a:pt x="292" y="252"/>
                </a:lnTo>
                <a:lnTo>
                  <a:pt x="276" y="248"/>
                </a:lnTo>
                <a:lnTo>
                  <a:pt x="264" y="240"/>
                </a:lnTo>
                <a:lnTo>
                  <a:pt x="250" y="232"/>
                </a:lnTo>
                <a:lnTo>
                  <a:pt x="258" y="220"/>
                </a:lnTo>
                <a:lnTo>
                  <a:pt x="256" y="206"/>
                </a:lnTo>
                <a:lnTo>
                  <a:pt x="242" y="220"/>
                </a:lnTo>
                <a:lnTo>
                  <a:pt x="226" y="236"/>
                </a:lnTo>
                <a:lnTo>
                  <a:pt x="234" y="252"/>
                </a:lnTo>
                <a:lnTo>
                  <a:pt x="228" y="270"/>
                </a:lnTo>
                <a:lnTo>
                  <a:pt x="236" y="296"/>
                </a:lnTo>
                <a:lnTo>
                  <a:pt x="254" y="308"/>
                </a:lnTo>
                <a:lnTo>
                  <a:pt x="276" y="328"/>
                </a:lnTo>
                <a:lnTo>
                  <a:pt x="276" y="340"/>
                </a:lnTo>
                <a:lnTo>
                  <a:pt x="300" y="350"/>
                </a:lnTo>
                <a:lnTo>
                  <a:pt x="310" y="360"/>
                </a:lnTo>
                <a:lnTo>
                  <a:pt x="326" y="376"/>
                </a:lnTo>
                <a:lnTo>
                  <a:pt x="332" y="384"/>
                </a:lnTo>
                <a:lnTo>
                  <a:pt x="328" y="394"/>
                </a:lnTo>
                <a:lnTo>
                  <a:pt x="318" y="394"/>
                </a:lnTo>
                <a:lnTo>
                  <a:pt x="314" y="384"/>
                </a:lnTo>
                <a:lnTo>
                  <a:pt x="306" y="376"/>
                </a:lnTo>
                <a:lnTo>
                  <a:pt x="292" y="372"/>
                </a:lnTo>
                <a:lnTo>
                  <a:pt x="284" y="374"/>
                </a:lnTo>
                <a:lnTo>
                  <a:pt x="290" y="386"/>
                </a:lnTo>
                <a:lnTo>
                  <a:pt x="306" y="402"/>
                </a:lnTo>
                <a:lnTo>
                  <a:pt x="324" y="404"/>
                </a:lnTo>
                <a:lnTo>
                  <a:pt x="336" y="410"/>
                </a:lnTo>
                <a:lnTo>
                  <a:pt x="350" y="422"/>
                </a:lnTo>
                <a:lnTo>
                  <a:pt x="368" y="436"/>
                </a:lnTo>
                <a:lnTo>
                  <a:pt x="380" y="434"/>
                </a:lnTo>
                <a:lnTo>
                  <a:pt x="392" y="440"/>
                </a:lnTo>
                <a:lnTo>
                  <a:pt x="412" y="438"/>
                </a:lnTo>
                <a:lnTo>
                  <a:pt x="422" y="440"/>
                </a:lnTo>
                <a:lnTo>
                  <a:pt x="428" y="450"/>
                </a:lnTo>
                <a:lnTo>
                  <a:pt x="434" y="454"/>
                </a:lnTo>
                <a:lnTo>
                  <a:pt x="436" y="472"/>
                </a:lnTo>
                <a:lnTo>
                  <a:pt x="446" y="484"/>
                </a:lnTo>
                <a:lnTo>
                  <a:pt x="454" y="496"/>
                </a:lnTo>
                <a:lnTo>
                  <a:pt x="464" y="498"/>
                </a:lnTo>
                <a:lnTo>
                  <a:pt x="480" y="500"/>
                </a:lnTo>
                <a:lnTo>
                  <a:pt x="486" y="504"/>
                </a:lnTo>
                <a:lnTo>
                  <a:pt x="486" y="516"/>
                </a:lnTo>
                <a:lnTo>
                  <a:pt x="480" y="522"/>
                </a:lnTo>
                <a:lnTo>
                  <a:pt x="472" y="518"/>
                </a:lnTo>
                <a:lnTo>
                  <a:pt x="466" y="522"/>
                </a:lnTo>
                <a:lnTo>
                  <a:pt x="458" y="516"/>
                </a:lnTo>
                <a:lnTo>
                  <a:pt x="456" y="510"/>
                </a:lnTo>
                <a:lnTo>
                  <a:pt x="444" y="508"/>
                </a:lnTo>
                <a:lnTo>
                  <a:pt x="442" y="500"/>
                </a:lnTo>
                <a:lnTo>
                  <a:pt x="436" y="492"/>
                </a:lnTo>
                <a:lnTo>
                  <a:pt x="426" y="482"/>
                </a:lnTo>
                <a:lnTo>
                  <a:pt x="418" y="476"/>
                </a:lnTo>
                <a:lnTo>
                  <a:pt x="408" y="480"/>
                </a:lnTo>
                <a:lnTo>
                  <a:pt x="392" y="482"/>
                </a:lnTo>
                <a:lnTo>
                  <a:pt x="380" y="480"/>
                </a:lnTo>
                <a:lnTo>
                  <a:pt x="378" y="476"/>
                </a:lnTo>
                <a:lnTo>
                  <a:pt x="374" y="468"/>
                </a:lnTo>
                <a:lnTo>
                  <a:pt x="372" y="462"/>
                </a:lnTo>
                <a:lnTo>
                  <a:pt x="364" y="460"/>
                </a:lnTo>
                <a:lnTo>
                  <a:pt x="348" y="446"/>
                </a:lnTo>
                <a:lnTo>
                  <a:pt x="332" y="436"/>
                </a:lnTo>
                <a:lnTo>
                  <a:pt x="322" y="434"/>
                </a:lnTo>
                <a:lnTo>
                  <a:pt x="312" y="434"/>
                </a:lnTo>
                <a:lnTo>
                  <a:pt x="312" y="428"/>
                </a:lnTo>
                <a:lnTo>
                  <a:pt x="304" y="426"/>
                </a:lnTo>
                <a:lnTo>
                  <a:pt x="302" y="432"/>
                </a:lnTo>
                <a:lnTo>
                  <a:pt x="302" y="440"/>
                </a:lnTo>
                <a:lnTo>
                  <a:pt x="292" y="442"/>
                </a:lnTo>
                <a:lnTo>
                  <a:pt x="290" y="434"/>
                </a:lnTo>
                <a:lnTo>
                  <a:pt x="284" y="430"/>
                </a:lnTo>
                <a:lnTo>
                  <a:pt x="284" y="438"/>
                </a:lnTo>
                <a:lnTo>
                  <a:pt x="274" y="436"/>
                </a:lnTo>
                <a:lnTo>
                  <a:pt x="260" y="438"/>
                </a:lnTo>
                <a:lnTo>
                  <a:pt x="264" y="444"/>
                </a:lnTo>
                <a:lnTo>
                  <a:pt x="278" y="444"/>
                </a:lnTo>
                <a:lnTo>
                  <a:pt x="284" y="448"/>
                </a:lnTo>
                <a:lnTo>
                  <a:pt x="308" y="448"/>
                </a:lnTo>
                <a:lnTo>
                  <a:pt x="314" y="454"/>
                </a:lnTo>
                <a:lnTo>
                  <a:pt x="320" y="460"/>
                </a:lnTo>
                <a:lnTo>
                  <a:pt x="326" y="458"/>
                </a:lnTo>
                <a:lnTo>
                  <a:pt x="330" y="454"/>
                </a:lnTo>
                <a:lnTo>
                  <a:pt x="338" y="456"/>
                </a:lnTo>
                <a:lnTo>
                  <a:pt x="342" y="460"/>
                </a:lnTo>
                <a:lnTo>
                  <a:pt x="344" y="470"/>
                </a:lnTo>
                <a:lnTo>
                  <a:pt x="350" y="472"/>
                </a:lnTo>
                <a:lnTo>
                  <a:pt x="358" y="470"/>
                </a:lnTo>
                <a:lnTo>
                  <a:pt x="370" y="472"/>
                </a:lnTo>
                <a:lnTo>
                  <a:pt x="372" y="476"/>
                </a:lnTo>
                <a:lnTo>
                  <a:pt x="376" y="482"/>
                </a:lnTo>
                <a:lnTo>
                  <a:pt x="382" y="486"/>
                </a:lnTo>
                <a:lnTo>
                  <a:pt x="394" y="488"/>
                </a:lnTo>
                <a:lnTo>
                  <a:pt x="408" y="492"/>
                </a:lnTo>
                <a:lnTo>
                  <a:pt x="418" y="494"/>
                </a:lnTo>
                <a:lnTo>
                  <a:pt x="428" y="500"/>
                </a:lnTo>
                <a:lnTo>
                  <a:pt x="428" y="506"/>
                </a:lnTo>
                <a:lnTo>
                  <a:pt x="426" y="514"/>
                </a:lnTo>
                <a:lnTo>
                  <a:pt x="430" y="526"/>
                </a:lnTo>
                <a:lnTo>
                  <a:pt x="430" y="538"/>
                </a:lnTo>
                <a:lnTo>
                  <a:pt x="440" y="544"/>
                </a:lnTo>
                <a:lnTo>
                  <a:pt x="442" y="554"/>
                </a:lnTo>
                <a:lnTo>
                  <a:pt x="446" y="562"/>
                </a:lnTo>
                <a:lnTo>
                  <a:pt x="440" y="564"/>
                </a:lnTo>
                <a:lnTo>
                  <a:pt x="440" y="572"/>
                </a:lnTo>
                <a:lnTo>
                  <a:pt x="430" y="568"/>
                </a:lnTo>
                <a:lnTo>
                  <a:pt x="422" y="558"/>
                </a:lnTo>
                <a:lnTo>
                  <a:pt x="412" y="556"/>
                </a:lnTo>
                <a:lnTo>
                  <a:pt x="406" y="550"/>
                </a:lnTo>
                <a:lnTo>
                  <a:pt x="402" y="542"/>
                </a:lnTo>
                <a:lnTo>
                  <a:pt x="392" y="540"/>
                </a:lnTo>
                <a:lnTo>
                  <a:pt x="384" y="542"/>
                </a:lnTo>
                <a:lnTo>
                  <a:pt x="380" y="546"/>
                </a:lnTo>
                <a:lnTo>
                  <a:pt x="376" y="552"/>
                </a:lnTo>
                <a:lnTo>
                  <a:pt x="368" y="550"/>
                </a:lnTo>
                <a:lnTo>
                  <a:pt x="368" y="544"/>
                </a:lnTo>
                <a:lnTo>
                  <a:pt x="372" y="538"/>
                </a:lnTo>
                <a:lnTo>
                  <a:pt x="370" y="536"/>
                </a:lnTo>
                <a:lnTo>
                  <a:pt x="366" y="540"/>
                </a:lnTo>
                <a:lnTo>
                  <a:pt x="362" y="544"/>
                </a:lnTo>
                <a:lnTo>
                  <a:pt x="354" y="544"/>
                </a:lnTo>
                <a:lnTo>
                  <a:pt x="346" y="548"/>
                </a:lnTo>
                <a:lnTo>
                  <a:pt x="342" y="554"/>
                </a:lnTo>
                <a:lnTo>
                  <a:pt x="334" y="556"/>
                </a:lnTo>
                <a:lnTo>
                  <a:pt x="328" y="560"/>
                </a:lnTo>
                <a:lnTo>
                  <a:pt x="330" y="566"/>
                </a:lnTo>
                <a:lnTo>
                  <a:pt x="338" y="568"/>
                </a:lnTo>
                <a:lnTo>
                  <a:pt x="346" y="570"/>
                </a:lnTo>
                <a:lnTo>
                  <a:pt x="346" y="574"/>
                </a:lnTo>
                <a:lnTo>
                  <a:pt x="348" y="586"/>
                </a:lnTo>
                <a:lnTo>
                  <a:pt x="352" y="592"/>
                </a:lnTo>
                <a:lnTo>
                  <a:pt x="356" y="596"/>
                </a:lnTo>
                <a:lnTo>
                  <a:pt x="366" y="600"/>
                </a:lnTo>
                <a:lnTo>
                  <a:pt x="372" y="598"/>
                </a:lnTo>
                <a:lnTo>
                  <a:pt x="370" y="592"/>
                </a:lnTo>
                <a:lnTo>
                  <a:pt x="370" y="586"/>
                </a:lnTo>
                <a:lnTo>
                  <a:pt x="376" y="584"/>
                </a:lnTo>
                <a:lnTo>
                  <a:pt x="376" y="592"/>
                </a:lnTo>
                <a:lnTo>
                  <a:pt x="378" y="596"/>
                </a:lnTo>
                <a:lnTo>
                  <a:pt x="386" y="598"/>
                </a:lnTo>
                <a:lnTo>
                  <a:pt x="388" y="604"/>
                </a:lnTo>
                <a:lnTo>
                  <a:pt x="392" y="612"/>
                </a:lnTo>
                <a:lnTo>
                  <a:pt x="386" y="616"/>
                </a:lnTo>
                <a:lnTo>
                  <a:pt x="376" y="616"/>
                </a:lnTo>
                <a:lnTo>
                  <a:pt x="366" y="622"/>
                </a:lnTo>
                <a:lnTo>
                  <a:pt x="364" y="628"/>
                </a:lnTo>
                <a:lnTo>
                  <a:pt x="360" y="632"/>
                </a:lnTo>
                <a:lnTo>
                  <a:pt x="358" y="640"/>
                </a:lnTo>
                <a:lnTo>
                  <a:pt x="352" y="634"/>
                </a:lnTo>
                <a:lnTo>
                  <a:pt x="350" y="626"/>
                </a:lnTo>
                <a:lnTo>
                  <a:pt x="352" y="618"/>
                </a:lnTo>
                <a:lnTo>
                  <a:pt x="344" y="614"/>
                </a:lnTo>
                <a:lnTo>
                  <a:pt x="334" y="610"/>
                </a:lnTo>
                <a:lnTo>
                  <a:pt x="322" y="610"/>
                </a:lnTo>
                <a:lnTo>
                  <a:pt x="312" y="606"/>
                </a:lnTo>
                <a:lnTo>
                  <a:pt x="310" y="610"/>
                </a:lnTo>
                <a:lnTo>
                  <a:pt x="310" y="624"/>
                </a:lnTo>
                <a:lnTo>
                  <a:pt x="322" y="636"/>
                </a:lnTo>
                <a:lnTo>
                  <a:pt x="332" y="650"/>
                </a:lnTo>
                <a:lnTo>
                  <a:pt x="338" y="662"/>
                </a:lnTo>
                <a:lnTo>
                  <a:pt x="346" y="670"/>
                </a:lnTo>
                <a:lnTo>
                  <a:pt x="352" y="684"/>
                </a:lnTo>
                <a:lnTo>
                  <a:pt x="356" y="694"/>
                </a:lnTo>
                <a:lnTo>
                  <a:pt x="362" y="700"/>
                </a:lnTo>
                <a:lnTo>
                  <a:pt x="362" y="706"/>
                </a:lnTo>
                <a:lnTo>
                  <a:pt x="358" y="712"/>
                </a:lnTo>
                <a:lnTo>
                  <a:pt x="358" y="720"/>
                </a:lnTo>
                <a:lnTo>
                  <a:pt x="362" y="726"/>
                </a:lnTo>
                <a:lnTo>
                  <a:pt x="368" y="732"/>
                </a:lnTo>
                <a:lnTo>
                  <a:pt x="374" y="736"/>
                </a:lnTo>
                <a:lnTo>
                  <a:pt x="378" y="740"/>
                </a:lnTo>
                <a:lnTo>
                  <a:pt x="380" y="746"/>
                </a:lnTo>
                <a:lnTo>
                  <a:pt x="372" y="750"/>
                </a:lnTo>
                <a:lnTo>
                  <a:pt x="366" y="744"/>
                </a:lnTo>
                <a:lnTo>
                  <a:pt x="362" y="740"/>
                </a:lnTo>
                <a:lnTo>
                  <a:pt x="356" y="740"/>
                </a:lnTo>
                <a:lnTo>
                  <a:pt x="352" y="732"/>
                </a:lnTo>
                <a:lnTo>
                  <a:pt x="346" y="730"/>
                </a:lnTo>
                <a:lnTo>
                  <a:pt x="340" y="724"/>
                </a:lnTo>
                <a:lnTo>
                  <a:pt x="334" y="724"/>
                </a:lnTo>
                <a:lnTo>
                  <a:pt x="334" y="718"/>
                </a:lnTo>
                <a:lnTo>
                  <a:pt x="334" y="710"/>
                </a:lnTo>
                <a:lnTo>
                  <a:pt x="324" y="710"/>
                </a:lnTo>
                <a:lnTo>
                  <a:pt x="310" y="712"/>
                </a:lnTo>
                <a:lnTo>
                  <a:pt x="308" y="718"/>
                </a:lnTo>
                <a:lnTo>
                  <a:pt x="306" y="726"/>
                </a:lnTo>
                <a:lnTo>
                  <a:pt x="304" y="736"/>
                </a:lnTo>
                <a:lnTo>
                  <a:pt x="304" y="748"/>
                </a:lnTo>
                <a:lnTo>
                  <a:pt x="308" y="752"/>
                </a:lnTo>
                <a:lnTo>
                  <a:pt x="310" y="756"/>
                </a:lnTo>
                <a:lnTo>
                  <a:pt x="308" y="762"/>
                </a:lnTo>
                <a:lnTo>
                  <a:pt x="302" y="760"/>
                </a:lnTo>
                <a:lnTo>
                  <a:pt x="298" y="756"/>
                </a:lnTo>
                <a:lnTo>
                  <a:pt x="290" y="754"/>
                </a:lnTo>
                <a:lnTo>
                  <a:pt x="294" y="744"/>
                </a:lnTo>
                <a:lnTo>
                  <a:pt x="292" y="736"/>
                </a:lnTo>
                <a:lnTo>
                  <a:pt x="288" y="730"/>
                </a:lnTo>
                <a:lnTo>
                  <a:pt x="282" y="720"/>
                </a:lnTo>
                <a:lnTo>
                  <a:pt x="278" y="716"/>
                </a:lnTo>
                <a:lnTo>
                  <a:pt x="274" y="708"/>
                </a:lnTo>
                <a:lnTo>
                  <a:pt x="268" y="706"/>
                </a:lnTo>
                <a:lnTo>
                  <a:pt x="262" y="706"/>
                </a:lnTo>
                <a:lnTo>
                  <a:pt x="260" y="702"/>
                </a:lnTo>
                <a:lnTo>
                  <a:pt x="258" y="696"/>
                </a:lnTo>
                <a:lnTo>
                  <a:pt x="252" y="692"/>
                </a:lnTo>
                <a:lnTo>
                  <a:pt x="244" y="694"/>
                </a:lnTo>
                <a:lnTo>
                  <a:pt x="238" y="698"/>
                </a:lnTo>
                <a:lnTo>
                  <a:pt x="236" y="706"/>
                </a:lnTo>
                <a:lnTo>
                  <a:pt x="238" y="712"/>
                </a:lnTo>
                <a:lnTo>
                  <a:pt x="240" y="716"/>
                </a:lnTo>
                <a:lnTo>
                  <a:pt x="242" y="724"/>
                </a:lnTo>
                <a:lnTo>
                  <a:pt x="238" y="732"/>
                </a:lnTo>
                <a:lnTo>
                  <a:pt x="232" y="728"/>
                </a:lnTo>
                <a:lnTo>
                  <a:pt x="228" y="726"/>
                </a:lnTo>
                <a:lnTo>
                  <a:pt x="222" y="726"/>
                </a:lnTo>
                <a:lnTo>
                  <a:pt x="218" y="730"/>
                </a:lnTo>
                <a:lnTo>
                  <a:pt x="216" y="722"/>
                </a:lnTo>
                <a:lnTo>
                  <a:pt x="212" y="712"/>
                </a:lnTo>
                <a:lnTo>
                  <a:pt x="212" y="706"/>
                </a:lnTo>
                <a:lnTo>
                  <a:pt x="204" y="698"/>
                </a:lnTo>
                <a:lnTo>
                  <a:pt x="196" y="690"/>
                </a:lnTo>
                <a:lnTo>
                  <a:pt x="196" y="680"/>
                </a:lnTo>
                <a:lnTo>
                  <a:pt x="200" y="668"/>
                </a:lnTo>
                <a:lnTo>
                  <a:pt x="206" y="660"/>
                </a:lnTo>
                <a:lnTo>
                  <a:pt x="196" y="642"/>
                </a:lnTo>
                <a:lnTo>
                  <a:pt x="186" y="632"/>
                </a:lnTo>
                <a:lnTo>
                  <a:pt x="178" y="626"/>
                </a:lnTo>
                <a:lnTo>
                  <a:pt x="168" y="622"/>
                </a:lnTo>
                <a:lnTo>
                  <a:pt x="158" y="614"/>
                </a:lnTo>
                <a:lnTo>
                  <a:pt x="150" y="602"/>
                </a:lnTo>
                <a:lnTo>
                  <a:pt x="138" y="600"/>
                </a:lnTo>
                <a:lnTo>
                  <a:pt x="132" y="596"/>
                </a:lnTo>
                <a:lnTo>
                  <a:pt x="134" y="588"/>
                </a:lnTo>
                <a:lnTo>
                  <a:pt x="150" y="578"/>
                </a:lnTo>
                <a:lnTo>
                  <a:pt x="150" y="564"/>
                </a:lnTo>
                <a:lnTo>
                  <a:pt x="152" y="550"/>
                </a:lnTo>
                <a:lnTo>
                  <a:pt x="160" y="546"/>
                </a:lnTo>
                <a:lnTo>
                  <a:pt x="170" y="552"/>
                </a:lnTo>
                <a:lnTo>
                  <a:pt x="182" y="548"/>
                </a:lnTo>
                <a:lnTo>
                  <a:pt x="190" y="538"/>
                </a:lnTo>
                <a:lnTo>
                  <a:pt x="194" y="528"/>
                </a:lnTo>
                <a:lnTo>
                  <a:pt x="202" y="524"/>
                </a:lnTo>
                <a:lnTo>
                  <a:pt x="212" y="522"/>
                </a:lnTo>
                <a:lnTo>
                  <a:pt x="222" y="530"/>
                </a:lnTo>
                <a:lnTo>
                  <a:pt x="240" y="538"/>
                </a:lnTo>
                <a:lnTo>
                  <a:pt x="258" y="534"/>
                </a:lnTo>
                <a:lnTo>
                  <a:pt x="276" y="540"/>
                </a:lnTo>
                <a:lnTo>
                  <a:pt x="288" y="546"/>
                </a:lnTo>
                <a:lnTo>
                  <a:pt x="298" y="550"/>
                </a:lnTo>
                <a:lnTo>
                  <a:pt x="306" y="556"/>
                </a:lnTo>
                <a:lnTo>
                  <a:pt x="314" y="556"/>
                </a:lnTo>
                <a:lnTo>
                  <a:pt x="320" y="550"/>
                </a:lnTo>
                <a:lnTo>
                  <a:pt x="312" y="542"/>
                </a:lnTo>
                <a:lnTo>
                  <a:pt x="318" y="538"/>
                </a:lnTo>
                <a:lnTo>
                  <a:pt x="330" y="536"/>
                </a:lnTo>
                <a:lnTo>
                  <a:pt x="340" y="530"/>
                </a:lnTo>
                <a:lnTo>
                  <a:pt x="344" y="522"/>
                </a:lnTo>
                <a:lnTo>
                  <a:pt x="336" y="520"/>
                </a:lnTo>
                <a:lnTo>
                  <a:pt x="330" y="518"/>
                </a:lnTo>
                <a:lnTo>
                  <a:pt x="322" y="522"/>
                </a:lnTo>
                <a:lnTo>
                  <a:pt x="314" y="522"/>
                </a:lnTo>
                <a:lnTo>
                  <a:pt x="304" y="520"/>
                </a:lnTo>
                <a:lnTo>
                  <a:pt x="298" y="514"/>
                </a:lnTo>
                <a:lnTo>
                  <a:pt x="286" y="514"/>
                </a:lnTo>
                <a:lnTo>
                  <a:pt x="276" y="516"/>
                </a:lnTo>
                <a:lnTo>
                  <a:pt x="272" y="510"/>
                </a:lnTo>
                <a:lnTo>
                  <a:pt x="268" y="504"/>
                </a:lnTo>
                <a:lnTo>
                  <a:pt x="256" y="508"/>
                </a:lnTo>
                <a:lnTo>
                  <a:pt x="252" y="512"/>
                </a:lnTo>
                <a:lnTo>
                  <a:pt x="242" y="514"/>
                </a:lnTo>
                <a:lnTo>
                  <a:pt x="234" y="512"/>
                </a:lnTo>
                <a:lnTo>
                  <a:pt x="220" y="512"/>
                </a:lnTo>
                <a:lnTo>
                  <a:pt x="206" y="514"/>
                </a:lnTo>
                <a:lnTo>
                  <a:pt x="198" y="518"/>
                </a:lnTo>
                <a:lnTo>
                  <a:pt x="190" y="520"/>
                </a:lnTo>
                <a:lnTo>
                  <a:pt x="184" y="524"/>
                </a:lnTo>
                <a:lnTo>
                  <a:pt x="174" y="526"/>
                </a:lnTo>
                <a:lnTo>
                  <a:pt x="166" y="532"/>
                </a:lnTo>
                <a:lnTo>
                  <a:pt x="152" y="526"/>
                </a:lnTo>
                <a:lnTo>
                  <a:pt x="146" y="520"/>
                </a:lnTo>
                <a:lnTo>
                  <a:pt x="142" y="526"/>
                </a:lnTo>
                <a:lnTo>
                  <a:pt x="138" y="534"/>
                </a:lnTo>
                <a:lnTo>
                  <a:pt x="126" y="534"/>
                </a:lnTo>
                <a:lnTo>
                  <a:pt x="120" y="526"/>
                </a:lnTo>
                <a:lnTo>
                  <a:pt x="116" y="516"/>
                </a:lnTo>
                <a:lnTo>
                  <a:pt x="108" y="512"/>
                </a:lnTo>
                <a:lnTo>
                  <a:pt x="108" y="502"/>
                </a:lnTo>
                <a:lnTo>
                  <a:pt x="94" y="494"/>
                </a:lnTo>
                <a:lnTo>
                  <a:pt x="90" y="484"/>
                </a:lnTo>
                <a:lnTo>
                  <a:pt x="82" y="484"/>
                </a:lnTo>
                <a:lnTo>
                  <a:pt x="76" y="488"/>
                </a:lnTo>
                <a:lnTo>
                  <a:pt x="78" y="496"/>
                </a:lnTo>
                <a:lnTo>
                  <a:pt x="78" y="504"/>
                </a:lnTo>
                <a:lnTo>
                  <a:pt x="72" y="506"/>
                </a:lnTo>
                <a:lnTo>
                  <a:pt x="64" y="508"/>
                </a:lnTo>
                <a:lnTo>
                  <a:pt x="60" y="502"/>
                </a:lnTo>
                <a:lnTo>
                  <a:pt x="60" y="490"/>
                </a:lnTo>
                <a:lnTo>
                  <a:pt x="64" y="482"/>
                </a:lnTo>
                <a:lnTo>
                  <a:pt x="70" y="476"/>
                </a:lnTo>
                <a:lnTo>
                  <a:pt x="74" y="470"/>
                </a:lnTo>
                <a:lnTo>
                  <a:pt x="80" y="460"/>
                </a:lnTo>
                <a:lnTo>
                  <a:pt x="92" y="460"/>
                </a:lnTo>
                <a:lnTo>
                  <a:pt x="100" y="460"/>
                </a:lnTo>
                <a:lnTo>
                  <a:pt x="108" y="464"/>
                </a:lnTo>
                <a:lnTo>
                  <a:pt x="112" y="456"/>
                </a:lnTo>
                <a:lnTo>
                  <a:pt x="112" y="448"/>
                </a:lnTo>
                <a:lnTo>
                  <a:pt x="106" y="444"/>
                </a:lnTo>
                <a:lnTo>
                  <a:pt x="96" y="450"/>
                </a:lnTo>
                <a:lnTo>
                  <a:pt x="92" y="448"/>
                </a:lnTo>
                <a:lnTo>
                  <a:pt x="84" y="446"/>
                </a:lnTo>
                <a:lnTo>
                  <a:pt x="78" y="448"/>
                </a:lnTo>
                <a:lnTo>
                  <a:pt x="76" y="454"/>
                </a:lnTo>
                <a:lnTo>
                  <a:pt x="70" y="458"/>
                </a:lnTo>
                <a:lnTo>
                  <a:pt x="64" y="446"/>
                </a:lnTo>
                <a:lnTo>
                  <a:pt x="44" y="434"/>
                </a:lnTo>
                <a:lnTo>
                  <a:pt x="32" y="422"/>
                </a:lnTo>
                <a:lnTo>
                  <a:pt x="20" y="418"/>
                </a:lnTo>
                <a:lnTo>
                  <a:pt x="10" y="398"/>
                </a:lnTo>
                <a:lnTo>
                  <a:pt x="2" y="392"/>
                </a:lnTo>
                <a:lnTo>
                  <a:pt x="0" y="376"/>
                </a:lnTo>
                <a:lnTo>
                  <a:pt x="14" y="368"/>
                </a:lnTo>
                <a:lnTo>
                  <a:pt x="14" y="358"/>
                </a:lnTo>
                <a:lnTo>
                  <a:pt x="22" y="358"/>
                </a:lnTo>
                <a:lnTo>
                  <a:pt x="22" y="348"/>
                </a:lnTo>
                <a:lnTo>
                  <a:pt x="12" y="334"/>
                </a:lnTo>
                <a:lnTo>
                  <a:pt x="24" y="316"/>
                </a:lnTo>
                <a:lnTo>
                  <a:pt x="38" y="316"/>
                </a:lnTo>
                <a:lnTo>
                  <a:pt x="44" y="308"/>
                </a:lnTo>
                <a:lnTo>
                  <a:pt x="44" y="288"/>
                </a:lnTo>
                <a:lnTo>
                  <a:pt x="52" y="262"/>
                </a:lnTo>
                <a:lnTo>
                  <a:pt x="64" y="260"/>
                </a:lnTo>
                <a:lnTo>
                  <a:pt x="72" y="234"/>
                </a:lnTo>
                <a:lnTo>
                  <a:pt x="62" y="226"/>
                </a:lnTo>
                <a:lnTo>
                  <a:pt x="60" y="212"/>
                </a:lnTo>
                <a:lnTo>
                  <a:pt x="88" y="204"/>
                </a:lnTo>
                <a:lnTo>
                  <a:pt x="102" y="196"/>
                </a:lnTo>
                <a:lnTo>
                  <a:pt x="120" y="200"/>
                </a:lnTo>
                <a:lnTo>
                  <a:pt x="132" y="186"/>
                </a:lnTo>
                <a:lnTo>
                  <a:pt x="154" y="156"/>
                </a:lnTo>
                <a:lnTo>
                  <a:pt x="166" y="156"/>
                </a:lnTo>
                <a:lnTo>
                  <a:pt x="182" y="150"/>
                </a:lnTo>
                <a:lnTo>
                  <a:pt x="202" y="150"/>
                </a:lnTo>
                <a:lnTo>
                  <a:pt x="226" y="140"/>
                </a:lnTo>
                <a:lnTo>
                  <a:pt x="224" y="118"/>
                </a:lnTo>
                <a:lnTo>
                  <a:pt x="240" y="116"/>
                </a:lnTo>
                <a:close/>
              </a:path>
            </a:pathLst>
          </a:custGeom>
          <a:solidFill>
            <a:srgbClr val="80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33" name="Freeform 30"/>
          <p:cNvSpPr>
            <a:spLocks/>
          </p:cNvSpPr>
          <p:nvPr/>
        </p:nvSpPr>
        <p:spPr bwMode="auto">
          <a:xfrm>
            <a:off x="6589713" y="5851525"/>
            <a:ext cx="65087" cy="66675"/>
          </a:xfrm>
          <a:custGeom>
            <a:avLst/>
            <a:gdLst>
              <a:gd name="T0" fmla="*/ 2147483647 w 50"/>
              <a:gd name="T1" fmla="*/ 2147483647 h 52"/>
              <a:gd name="T2" fmla="*/ 2147483647 w 50"/>
              <a:gd name="T3" fmla="*/ 2147483647 h 52"/>
              <a:gd name="T4" fmla="*/ 2147483647 w 50"/>
              <a:gd name="T5" fmla="*/ 2147483647 h 52"/>
              <a:gd name="T6" fmla="*/ 2147483647 w 50"/>
              <a:gd name="T7" fmla="*/ 2147483647 h 52"/>
              <a:gd name="T8" fmla="*/ 2147483647 w 50"/>
              <a:gd name="T9" fmla="*/ 2147483647 h 52"/>
              <a:gd name="T10" fmla="*/ 2147483647 w 50"/>
              <a:gd name="T11" fmla="*/ 2147483647 h 52"/>
              <a:gd name="T12" fmla="*/ 2147483647 w 50"/>
              <a:gd name="T13" fmla="*/ 2147483647 h 52"/>
              <a:gd name="T14" fmla="*/ 2147483647 w 50"/>
              <a:gd name="T15" fmla="*/ 2147483647 h 52"/>
              <a:gd name="T16" fmla="*/ 2147483647 w 50"/>
              <a:gd name="T17" fmla="*/ 2147483647 h 52"/>
              <a:gd name="T18" fmla="*/ 2147483647 w 50"/>
              <a:gd name="T19" fmla="*/ 2147483647 h 52"/>
              <a:gd name="T20" fmla="*/ 2147483647 w 50"/>
              <a:gd name="T21" fmla="*/ 2147483647 h 52"/>
              <a:gd name="T22" fmla="*/ 2147483647 w 50"/>
              <a:gd name="T23" fmla="*/ 2147483647 h 52"/>
              <a:gd name="T24" fmla="*/ 2147483647 w 50"/>
              <a:gd name="T25" fmla="*/ 2147483647 h 52"/>
              <a:gd name="T26" fmla="*/ 2147483647 w 50"/>
              <a:gd name="T27" fmla="*/ 2147483647 h 52"/>
              <a:gd name="T28" fmla="*/ 2147483647 w 50"/>
              <a:gd name="T29" fmla="*/ 2147483647 h 52"/>
              <a:gd name="T30" fmla="*/ 2147483647 w 50"/>
              <a:gd name="T31" fmla="*/ 2147483647 h 52"/>
              <a:gd name="T32" fmla="*/ 2147483647 w 50"/>
              <a:gd name="T33" fmla="*/ 2147483647 h 52"/>
              <a:gd name="T34" fmla="*/ 2147483647 w 50"/>
              <a:gd name="T35" fmla="*/ 2147483647 h 52"/>
              <a:gd name="T36" fmla="*/ 2147483647 w 50"/>
              <a:gd name="T37" fmla="*/ 2147483647 h 52"/>
              <a:gd name="T38" fmla="*/ 2147483647 w 50"/>
              <a:gd name="T39" fmla="*/ 2147483647 h 52"/>
              <a:gd name="T40" fmla="*/ 0 w 50"/>
              <a:gd name="T41" fmla="*/ 2147483647 h 52"/>
              <a:gd name="T42" fmla="*/ 0 w 50"/>
              <a:gd name="T43" fmla="*/ 2147483647 h 52"/>
              <a:gd name="T44" fmla="*/ 2147483647 w 50"/>
              <a:gd name="T45" fmla="*/ 2147483647 h 52"/>
              <a:gd name="T46" fmla="*/ 2147483647 w 50"/>
              <a:gd name="T47" fmla="*/ 2147483647 h 52"/>
              <a:gd name="T48" fmla="*/ 2147483647 w 50"/>
              <a:gd name="T49" fmla="*/ 2147483647 h 52"/>
              <a:gd name="T50" fmla="*/ 2147483647 w 50"/>
              <a:gd name="T51" fmla="*/ 2147483647 h 52"/>
              <a:gd name="T52" fmla="*/ 2147483647 w 50"/>
              <a:gd name="T53" fmla="*/ 0 h 52"/>
              <a:gd name="T54" fmla="*/ 2147483647 w 50"/>
              <a:gd name="T55" fmla="*/ 0 h 52"/>
              <a:gd name="T56" fmla="*/ 2147483647 w 50"/>
              <a:gd name="T57" fmla="*/ 2147483647 h 52"/>
              <a:gd name="T58" fmla="*/ 2147483647 w 50"/>
              <a:gd name="T59" fmla="*/ 2147483647 h 52"/>
              <a:gd name="T60" fmla="*/ 2147483647 w 50"/>
              <a:gd name="T61" fmla="*/ 2147483647 h 52"/>
              <a:gd name="T62" fmla="*/ 2147483647 w 50"/>
              <a:gd name="T63" fmla="*/ 2147483647 h 52"/>
              <a:gd name="T64" fmla="*/ 2147483647 w 50"/>
              <a:gd name="T65" fmla="*/ 2147483647 h 52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0" t="0" r="r" b="b"/>
            <a:pathLst>
              <a:path w="50" h="52">
                <a:moveTo>
                  <a:pt x="36" y="16"/>
                </a:moveTo>
                <a:lnTo>
                  <a:pt x="26" y="16"/>
                </a:lnTo>
                <a:lnTo>
                  <a:pt x="26" y="22"/>
                </a:lnTo>
                <a:lnTo>
                  <a:pt x="32" y="28"/>
                </a:lnTo>
                <a:lnTo>
                  <a:pt x="38" y="30"/>
                </a:lnTo>
                <a:lnTo>
                  <a:pt x="44" y="36"/>
                </a:lnTo>
                <a:lnTo>
                  <a:pt x="50" y="42"/>
                </a:lnTo>
                <a:lnTo>
                  <a:pt x="50" y="46"/>
                </a:lnTo>
                <a:lnTo>
                  <a:pt x="48" y="48"/>
                </a:lnTo>
                <a:lnTo>
                  <a:pt x="46" y="50"/>
                </a:lnTo>
                <a:lnTo>
                  <a:pt x="40" y="52"/>
                </a:lnTo>
                <a:lnTo>
                  <a:pt x="34" y="52"/>
                </a:lnTo>
                <a:lnTo>
                  <a:pt x="22" y="50"/>
                </a:lnTo>
                <a:lnTo>
                  <a:pt x="18" y="46"/>
                </a:lnTo>
                <a:lnTo>
                  <a:pt x="16" y="44"/>
                </a:lnTo>
                <a:lnTo>
                  <a:pt x="14" y="42"/>
                </a:lnTo>
                <a:lnTo>
                  <a:pt x="14" y="34"/>
                </a:lnTo>
                <a:lnTo>
                  <a:pt x="10" y="34"/>
                </a:lnTo>
                <a:lnTo>
                  <a:pt x="8" y="42"/>
                </a:lnTo>
                <a:lnTo>
                  <a:pt x="2" y="42"/>
                </a:lnTo>
                <a:lnTo>
                  <a:pt x="0" y="32"/>
                </a:lnTo>
                <a:lnTo>
                  <a:pt x="0" y="24"/>
                </a:lnTo>
                <a:lnTo>
                  <a:pt x="8" y="20"/>
                </a:lnTo>
                <a:lnTo>
                  <a:pt x="18" y="16"/>
                </a:lnTo>
                <a:lnTo>
                  <a:pt x="18" y="6"/>
                </a:lnTo>
                <a:lnTo>
                  <a:pt x="26" y="6"/>
                </a:lnTo>
                <a:lnTo>
                  <a:pt x="26" y="0"/>
                </a:lnTo>
                <a:lnTo>
                  <a:pt x="32" y="0"/>
                </a:lnTo>
                <a:lnTo>
                  <a:pt x="34" y="6"/>
                </a:lnTo>
                <a:lnTo>
                  <a:pt x="40" y="10"/>
                </a:lnTo>
                <a:lnTo>
                  <a:pt x="42" y="16"/>
                </a:lnTo>
                <a:lnTo>
                  <a:pt x="38" y="20"/>
                </a:lnTo>
                <a:lnTo>
                  <a:pt x="36" y="1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34" name="Freeform 31"/>
          <p:cNvSpPr>
            <a:spLocks/>
          </p:cNvSpPr>
          <p:nvPr/>
        </p:nvSpPr>
        <p:spPr bwMode="auto">
          <a:xfrm>
            <a:off x="6634163" y="5945188"/>
            <a:ext cx="49212" cy="38100"/>
          </a:xfrm>
          <a:custGeom>
            <a:avLst/>
            <a:gdLst>
              <a:gd name="T0" fmla="*/ 2147483647 w 38"/>
              <a:gd name="T1" fmla="*/ 2147483647 h 30"/>
              <a:gd name="T2" fmla="*/ 2147483647 w 38"/>
              <a:gd name="T3" fmla="*/ 0 h 30"/>
              <a:gd name="T4" fmla="*/ 2147483647 w 38"/>
              <a:gd name="T5" fmla="*/ 2147483647 h 30"/>
              <a:gd name="T6" fmla="*/ 2147483647 w 38"/>
              <a:gd name="T7" fmla="*/ 2147483647 h 30"/>
              <a:gd name="T8" fmla="*/ 2147483647 w 38"/>
              <a:gd name="T9" fmla="*/ 2147483647 h 30"/>
              <a:gd name="T10" fmla="*/ 2147483647 w 38"/>
              <a:gd name="T11" fmla="*/ 2147483647 h 30"/>
              <a:gd name="T12" fmla="*/ 2147483647 w 38"/>
              <a:gd name="T13" fmla="*/ 2147483647 h 30"/>
              <a:gd name="T14" fmla="*/ 2147483647 w 38"/>
              <a:gd name="T15" fmla="*/ 2147483647 h 30"/>
              <a:gd name="T16" fmla="*/ 2147483647 w 38"/>
              <a:gd name="T17" fmla="*/ 2147483647 h 30"/>
              <a:gd name="T18" fmla="*/ 2147483647 w 38"/>
              <a:gd name="T19" fmla="*/ 2147483647 h 30"/>
              <a:gd name="T20" fmla="*/ 2147483647 w 38"/>
              <a:gd name="T21" fmla="*/ 2147483647 h 30"/>
              <a:gd name="T22" fmla="*/ 2147483647 w 38"/>
              <a:gd name="T23" fmla="*/ 2147483647 h 30"/>
              <a:gd name="T24" fmla="*/ 2147483647 w 38"/>
              <a:gd name="T25" fmla="*/ 2147483647 h 30"/>
              <a:gd name="T26" fmla="*/ 2147483647 w 38"/>
              <a:gd name="T27" fmla="*/ 2147483647 h 30"/>
              <a:gd name="T28" fmla="*/ 0 w 38"/>
              <a:gd name="T29" fmla="*/ 2147483647 h 30"/>
              <a:gd name="T30" fmla="*/ 2147483647 w 38"/>
              <a:gd name="T31" fmla="*/ 2147483647 h 3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38" h="30">
                <a:moveTo>
                  <a:pt x="2" y="4"/>
                </a:moveTo>
                <a:lnTo>
                  <a:pt x="8" y="0"/>
                </a:lnTo>
                <a:lnTo>
                  <a:pt x="12" y="4"/>
                </a:lnTo>
                <a:lnTo>
                  <a:pt x="16" y="6"/>
                </a:lnTo>
                <a:lnTo>
                  <a:pt x="26" y="8"/>
                </a:lnTo>
                <a:lnTo>
                  <a:pt x="28" y="8"/>
                </a:lnTo>
                <a:lnTo>
                  <a:pt x="32" y="12"/>
                </a:lnTo>
                <a:lnTo>
                  <a:pt x="38" y="18"/>
                </a:lnTo>
                <a:lnTo>
                  <a:pt x="32" y="22"/>
                </a:lnTo>
                <a:lnTo>
                  <a:pt x="30" y="28"/>
                </a:lnTo>
                <a:lnTo>
                  <a:pt x="22" y="30"/>
                </a:lnTo>
                <a:lnTo>
                  <a:pt x="18" y="28"/>
                </a:lnTo>
                <a:lnTo>
                  <a:pt x="10" y="22"/>
                </a:lnTo>
                <a:lnTo>
                  <a:pt x="2" y="16"/>
                </a:lnTo>
                <a:lnTo>
                  <a:pt x="0" y="12"/>
                </a:lnTo>
                <a:lnTo>
                  <a:pt x="2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35" name="Freeform 32"/>
          <p:cNvSpPr>
            <a:spLocks/>
          </p:cNvSpPr>
          <p:nvPr/>
        </p:nvSpPr>
        <p:spPr bwMode="auto">
          <a:xfrm>
            <a:off x="7297738" y="5945188"/>
            <a:ext cx="33337" cy="46037"/>
          </a:xfrm>
          <a:custGeom>
            <a:avLst/>
            <a:gdLst>
              <a:gd name="T0" fmla="*/ 2147483647 w 26"/>
              <a:gd name="T1" fmla="*/ 2147483647 h 36"/>
              <a:gd name="T2" fmla="*/ 2147483647 w 26"/>
              <a:gd name="T3" fmla="*/ 2147483647 h 36"/>
              <a:gd name="T4" fmla="*/ 2147483647 w 26"/>
              <a:gd name="T5" fmla="*/ 2147483647 h 36"/>
              <a:gd name="T6" fmla="*/ 2147483647 w 26"/>
              <a:gd name="T7" fmla="*/ 0 h 36"/>
              <a:gd name="T8" fmla="*/ 2147483647 w 26"/>
              <a:gd name="T9" fmla="*/ 2147483647 h 36"/>
              <a:gd name="T10" fmla="*/ 2147483647 w 26"/>
              <a:gd name="T11" fmla="*/ 2147483647 h 36"/>
              <a:gd name="T12" fmla="*/ 2147483647 w 26"/>
              <a:gd name="T13" fmla="*/ 2147483647 h 36"/>
              <a:gd name="T14" fmla="*/ 2147483647 w 26"/>
              <a:gd name="T15" fmla="*/ 2147483647 h 36"/>
              <a:gd name="T16" fmla="*/ 2147483647 w 26"/>
              <a:gd name="T17" fmla="*/ 2147483647 h 36"/>
              <a:gd name="T18" fmla="*/ 2147483647 w 26"/>
              <a:gd name="T19" fmla="*/ 2147483647 h 36"/>
              <a:gd name="T20" fmla="*/ 2147483647 w 26"/>
              <a:gd name="T21" fmla="*/ 2147483647 h 36"/>
              <a:gd name="T22" fmla="*/ 2147483647 w 26"/>
              <a:gd name="T23" fmla="*/ 2147483647 h 36"/>
              <a:gd name="T24" fmla="*/ 0 w 26"/>
              <a:gd name="T25" fmla="*/ 2147483647 h 36"/>
              <a:gd name="T26" fmla="*/ 2147483647 w 26"/>
              <a:gd name="T27" fmla="*/ 2147483647 h 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6" h="36">
                <a:moveTo>
                  <a:pt x="2" y="16"/>
                </a:moveTo>
                <a:lnTo>
                  <a:pt x="8" y="10"/>
                </a:lnTo>
                <a:lnTo>
                  <a:pt x="12" y="2"/>
                </a:lnTo>
                <a:lnTo>
                  <a:pt x="18" y="0"/>
                </a:lnTo>
                <a:lnTo>
                  <a:pt x="24" y="6"/>
                </a:lnTo>
                <a:lnTo>
                  <a:pt x="26" y="12"/>
                </a:lnTo>
                <a:lnTo>
                  <a:pt x="26" y="18"/>
                </a:lnTo>
                <a:lnTo>
                  <a:pt x="26" y="24"/>
                </a:lnTo>
                <a:lnTo>
                  <a:pt x="22" y="30"/>
                </a:lnTo>
                <a:lnTo>
                  <a:pt x="16" y="36"/>
                </a:lnTo>
                <a:lnTo>
                  <a:pt x="10" y="36"/>
                </a:lnTo>
                <a:lnTo>
                  <a:pt x="4" y="28"/>
                </a:lnTo>
                <a:lnTo>
                  <a:pt x="0" y="22"/>
                </a:lnTo>
                <a:lnTo>
                  <a:pt x="2" y="1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36" name="Freeform 33"/>
          <p:cNvSpPr>
            <a:spLocks/>
          </p:cNvSpPr>
          <p:nvPr/>
        </p:nvSpPr>
        <p:spPr bwMode="auto">
          <a:xfrm>
            <a:off x="7178675" y="5835650"/>
            <a:ext cx="49213" cy="44450"/>
          </a:xfrm>
          <a:custGeom>
            <a:avLst/>
            <a:gdLst>
              <a:gd name="T0" fmla="*/ 2147483647 w 38"/>
              <a:gd name="T1" fmla="*/ 2147483647 h 34"/>
              <a:gd name="T2" fmla="*/ 2147483647 w 38"/>
              <a:gd name="T3" fmla="*/ 2147483647 h 34"/>
              <a:gd name="T4" fmla="*/ 0 w 38"/>
              <a:gd name="T5" fmla="*/ 2147483647 h 34"/>
              <a:gd name="T6" fmla="*/ 2147483647 w 38"/>
              <a:gd name="T7" fmla="*/ 0 h 34"/>
              <a:gd name="T8" fmla="*/ 2147483647 w 38"/>
              <a:gd name="T9" fmla="*/ 0 h 34"/>
              <a:gd name="T10" fmla="*/ 2147483647 w 38"/>
              <a:gd name="T11" fmla="*/ 2147483647 h 34"/>
              <a:gd name="T12" fmla="*/ 2147483647 w 38"/>
              <a:gd name="T13" fmla="*/ 2147483647 h 34"/>
              <a:gd name="T14" fmla="*/ 2147483647 w 38"/>
              <a:gd name="T15" fmla="*/ 2147483647 h 34"/>
              <a:gd name="T16" fmla="*/ 2147483647 w 38"/>
              <a:gd name="T17" fmla="*/ 2147483647 h 34"/>
              <a:gd name="T18" fmla="*/ 2147483647 w 38"/>
              <a:gd name="T19" fmla="*/ 2147483647 h 34"/>
              <a:gd name="T20" fmla="*/ 2147483647 w 38"/>
              <a:gd name="T21" fmla="*/ 2147483647 h 34"/>
              <a:gd name="T22" fmla="*/ 2147483647 w 38"/>
              <a:gd name="T23" fmla="*/ 2147483647 h 34"/>
              <a:gd name="T24" fmla="*/ 2147483647 w 38"/>
              <a:gd name="T25" fmla="*/ 2147483647 h 34"/>
              <a:gd name="T26" fmla="*/ 2147483647 w 38"/>
              <a:gd name="T27" fmla="*/ 2147483647 h 34"/>
              <a:gd name="T28" fmla="*/ 2147483647 w 38"/>
              <a:gd name="T29" fmla="*/ 2147483647 h 34"/>
              <a:gd name="T30" fmla="*/ 2147483647 w 38"/>
              <a:gd name="T31" fmla="*/ 2147483647 h 34"/>
              <a:gd name="T32" fmla="*/ 2147483647 w 38"/>
              <a:gd name="T33" fmla="*/ 2147483647 h 34"/>
              <a:gd name="T34" fmla="*/ 2147483647 w 38"/>
              <a:gd name="T35" fmla="*/ 2147483647 h 34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0" t="0" r="r" b="b"/>
            <a:pathLst>
              <a:path w="38" h="34">
                <a:moveTo>
                  <a:pt x="14" y="16"/>
                </a:moveTo>
                <a:lnTo>
                  <a:pt x="6" y="14"/>
                </a:lnTo>
                <a:lnTo>
                  <a:pt x="0" y="8"/>
                </a:lnTo>
                <a:lnTo>
                  <a:pt x="2" y="0"/>
                </a:lnTo>
                <a:lnTo>
                  <a:pt x="8" y="0"/>
                </a:lnTo>
                <a:lnTo>
                  <a:pt x="12" y="2"/>
                </a:lnTo>
                <a:lnTo>
                  <a:pt x="16" y="4"/>
                </a:lnTo>
                <a:lnTo>
                  <a:pt x="20" y="8"/>
                </a:lnTo>
                <a:lnTo>
                  <a:pt x="28" y="6"/>
                </a:lnTo>
                <a:lnTo>
                  <a:pt x="30" y="10"/>
                </a:lnTo>
                <a:lnTo>
                  <a:pt x="32" y="14"/>
                </a:lnTo>
                <a:lnTo>
                  <a:pt x="32" y="20"/>
                </a:lnTo>
                <a:lnTo>
                  <a:pt x="38" y="26"/>
                </a:lnTo>
                <a:lnTo>
                  <a:pt x="36" y="34"/>
                </a:lnTo>
                <a:lnTo>
                  <a:pt x="26" y="30"/>
                </a:lnTo>
                <a:lnTo>
                  <a:pt x="24" y="24"/>
                </a:lnTo>
                <a:lnTo>
                  <a:pt x="18" y="20"/>
                </a:lnTo>
                <a:lnTo>
                  <a:pt x="14" y="16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37" name="Freeform 34"/>
          <p:cNvSpPr>
            <a:spLocks/>
          </p:cNvSpPr>
          <p:nvPr/>
        </p:nvSpPr>
        <p:spPr bwMode="auto">
          <a:xfrm>
            <a:off x="7227888" y="5876925"/>
            <a:ext cx="38100" cy="23813"/>
          </a:xfrm>
          <a:custGeom>
            <a:avLst/>
            <a:gdLst>
              <a:gd name="T0" fmla="*/ 0 w 30"/>
              <a:gd name="T1" fmla="*/ 2147483647 h 18"/>
              <a:gd name="T2" fmla="*/ 2147483647 w 30"/>
              <a:gd name="T3" fmla="*/ 2147483647 h 18"/>
              <a:gd name="T4" fmla="*/ 2147483647 w 30"/>
              <a:gd name="T5" fmla="*/ 0 h 18"/>
              <a:gd name="T6" fmla="*/ 2147483647 w 30"/>
              <a:gd name="T7" fmla="*/ 2147483647 h 18"/>
              <a:gd name="T8" fmla="*/ 2147483647 w 30"/>
              <a:gd name="T9" fmla="*/ 2147483647 h 18"/>
              <a:gd name="T10" fmla="*/ 2147483647 w 30"/>
              <a:gd name="T11" fmla="*/ 2147483647 h 18"/>
              <a:gd name="T12" fmla="*/ 2147483647 w 30"/>
              <a:gd name="T13" fmla="*/ 2147483647 h 18"/>
              <a:gd name="T14" fmla="*/ 2147483647 w 30"/>
              <a:gd name="T15" fmla="*/ 2147483647 h 18"/>
              <a:gd name="T16" fmla="*/ 2147483647 w 30"/>
              <a:gd name="T17" fmla="*/ 2147483647 h 18"/>
              <a:gd name="T18" fmla="*/ 2147483647 w 30"/>
              <a:gd name="T19" fmla="*/ 2147483647 h 18"/>
              <a:gd name="T20" fmla="*/ 0 w 30"/>
              <a:gd name="T21" fmla="*/ 2147483647 h 18"/>
              <a:gd name="T22" fmla="*/ 0 w 30"/>
              <a:gd name="T23" fmla="*/ 2147483647 h 18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0" t="0" r="r" b="b"/>
            <a:pathLst>
              <a:path w="30" h="18">
                <a:moveTo>
                  <a:pt x="0" y="2"/>
                </a:moveTo>
                <a:lnTo>
                  <a:pt x="8" y="2"/>
                </a:lnTo>
                <a:lnTo>
                  <a:pt x="16" y="0"/>
                </a:lnTo>
                <a:lnTo>
                  <a:pt x="24" y="2"/>
                </a:lnTo>
                <a:lnTo>
                  <a:pt x="30" y="6"/>
                </a:lnTo>
                <a:lnTo>
                  <a:pt x="28" y="14"/>
                </a:lnTo>
                <a:lnTo>
                  <a:pt x="24" y="18"/>
                </a:lnTo>
                <a:lnTo>
                  <a:pt x="16" y="16"/>
                </a:lnTo>
                <a:lnTo>
                  <a:pt x="8" y="12"/>
                </a:lnTo>
                <a:lnTo>
                  <a:pt x="4" y="10"/>
                </a:lnTo>
                <a:lnTo>
                  <a:pt x="0" y="8"/>
                </a:lnTo>
                <a:lnTo>
                  <a:pt x="0" y="2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38" name="Freeform 35"/>
          <p:cNvSpPr>
            <a:spLocks/>
          </p:cNvSpPr>
          <p:nvPr/>
        </p:nvSpPr>
        <p:spPr bwMode="auto">
          <a:xfrm>
            <a:off x="7265988" y="5959475"/>
            <a:ext cx="20637" cy="31750"/>
          </a:xfrm>
          <a:custGeom>
            <a:avLst/>
            <a:gdLst>
              <a:gd name="T0" fmla="*/ 2147483647 w 16"/>
              <a:gd name="T1" fmla="*/ 2147483647 h 24"/>
              <a:gd name="T2" fmla="*/ 2147483647 w 16"/>
              <a:gd name="T3" fmla="*/ 2147483647 h 24"/>
              <a:gd name="T4" fmla="*/ 2147483647 w 16"/>
              <a:gd name="T5" fmla="*/ 2147483647 h 24"/>
              <a:gd name="T6" fmla="*/ 2147483647 w 16"/>
              <a:gd name="T7" fmla="*/ 2147483647 h 24"/>
              <a:gd name="T8" fmla="*/ 2147483647 w 16"/>
              <a:gd name="T9" fmla="*/ 2147483647 h 24"/>
              <a:gd name="T10" fmla="*/ 0 w 16"/>
              <a:gd name="T11" fmla="*/ 2147483647 h 24"/>
              <a:gd name="T12" fmla="*/ 0 w 16"/>
              <a:gd name="T13" fmla="*/ 2147483647 h 24"/>
              <a:gd name="T14" fmla="*/ 2147483647 w 16"/>
              <a:gd name="T15" fmla="*/ 2147483647 h 24"/>
              <a:gd name="T16" fmla="*/ 2147483647 w 16"/>
              <a:gd name="T17" fmla="*/ 2147483647 h 24"/>
              <a:gd name="T18" fmla="*/ 2147483647 w 16"/>
              <a:gd name="T19" fmla="*/ 0 h 24"/>
              <a:gd name="T20" fmla="*/ 2147483647 w 16"/>
              <a:gd name="T21" fmla="*/ 2147483647 h 24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6" h="24">
                <a:moveTo>
                  <a:pt x="16" y="2"/>
                </a:moveTo>
                <a:lnTo>
                  <a:pt x="16" y="14"/>
                </a:lnTo>
                <a:lnTo>
                  <a:pt x="16" y="20"/>
                </a:lnTo>
                <a:lnTo>
                  <a:pt x="14" y="24"/>
                </a:lnTo>
                <a:lnTo>
                  <a:pt x="4" y="24"/>
                </a:lnTo>
                <a:lnTo>
                  <a:pt x="0" y="18"/>
                </a:lnTo>
                <a:lnTo>
                  <a:pt x="0" y="10"/>
                </a:lnTo>
                <a:lnTo>
                  <a:pt x="2" y="6"/>
                </a:lnTo>
                <a:lnTo>
                  <a:pt x="8" y="2"/>
                </a:lnTo>
                <a:lnTo>
                  <a:pt x="10" y="0"/>
                </a:lnTo>
                <a:lnTo>
                  <a:pt x="16" y="2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39" name="Freeform 36"/>
          <p:cNvSpPr>
            <a:spLocks/>
          </p:cNvSpPr>
          <p:nvPr/>
        </p:nvSpPr>
        <p:spPr bwMode="auto">
          <a:xfrm>
            <a:off x="7134225" y="5895975"/>
            <a:ext cx="15875" cy="28575"/>
          </a:xfrm>
          <a:custGeom>
            <a:avLst/>
            <a:gdLst>
              <a:gd name="T0" fmla="*/ 2147483647 w 12"/>
              <a:gd name="T1" fmla="*/ 2147483647 h 22"/>
              <a:gd name="T2" fmla="*/ 2147483647 w 12"/>
              <a:gd name="T3" fmla="*/ 2147483647 h 22"/>
              <a:gd name="T4" fmla="*/ 2147483647 w 12"/>
              <a:gd name="T5" fmla="*/ 2147483647 h 22"/>
              <a:gd name="T6" fmla="*/ 0 w 12"/>
              <a:gd name="T7" fmla="*/ 2147483647 h 22"/>
              <a:gd name="T8" fmla="*/ 0 w 12"/>
              <a:gd name="T9" fmla="*/ 2147483647 h 22"/>
              <a:gd name="T10" fmla="*/ 2147483647 w 12"/>
              <a:gd name="T11" fmla="*/ 2147483647 h 22"/>
              <a:gd name="T12" fmla="*/ 2147483647 w 12"/>
              <a:gd name="T13" fmla="*/ 2147483647 h 22"/>
              <a:gd name="T14" fmla="*/ 2147483647 w 12"/>
              <a:gd name="T15" fmla="*/ 0 h 22"/>
              <a:gd name="T16" fmla="*/ 2147483647 w 12"/>
              <a:gd name="T17" fmla="*/ 0 h 22"/>
              <a:gd name="T18" fmla="*/ 2147483647 w 12"/>
              <a:gd name="T19" fmla="*/ 2147483647 h 22"/>
              <a:gd name="T20" fmla="*/ 2147483647 w 12"/>
              <a:gd name="T21" fmla="*/ 2147483647 h 2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2" h="22">
                <a:moveTo>
                  <a:pt x="12" y="10"/>
                </a:moveTo>
                <a:lnTo>
                  <a:pt x="8" y="12"/>
                </a:lnTo>
                <a:lnTo>
                  <a:pt x="6" y="18"/>
                </a:lnTo>
                <a:lnTo>
                  <a:pt x="0" y="22"/>
                </a:lnTo>
                <a:lnTo>
                  <a:pt x="0" y="14"/>
                </a:lnTo>
                <a:lnTo>
                  <a:pt x="2" y="6"/>
                </a:lnTo>
                <a:lnTo>
                  <a:pt x="2" y="2"/>
                </a:lnTo>
                <a:lnTo>
                  <a:pt x="6" y="0"/>
                </a:lnTo>
                <a:lnTo>
                  <a:pt x="10" y="0"/>
                </a:lnTo>
                <a:lnTo>
                  <a:pt x="12" y="6"/>
                </a:lnTo>
                <a:lnTo>
                  <a:pt x="12" y="10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40" name="Freeform 37"/>
          <p:cNvSpPr>
            <a:spLocks/>
          </p:cNvSpPr>
          <p:nvPr/>
        </p:nvSpPr>
        <p:spPr bwMode="auto">
          <a:xfrm>
            <a:off x="7188200" y="5391150"/>
            <a:ext cx="28575" cy="20638"/>
          </a:xfrm>
          <a:custGeom>
            <a:avLst/>
            <a:gdLst>
              <a:gd name="T0" fmla="*/ 2147483647 w 22"/>
              <a:gd name="T1" fmla="*/ 0 h 16"/>
              <a:gd name="T2" fmla="*/ 2147483647 w 22"/>
              <a:gd name="T3" fmla="*/ 2147483647 h 16"/>
              <a:gd name="T4" fmla="*/ 2147483647 w 22"/>
              <a:gd name="T5" fmla="*/ 2147483647 h 16"/>
              <a:gd name="T6" fmla="*/ 2147483647 w 22"/>
              <a:gd name="T7" fmla="*/ 2147483647 h 16"/>
              <a:gd name="T8" fmla="*/ 2147483647 w 22"/>
              <a:gd name="T9" fmla="*/ 2147483647 h 16"/>
              <a:gd name="T10" fmla="*/ 2147483647 w 22"/>
              <a:gd name="T11" fmla="*/ 2147483647 h 16"/>
              <a:gd name="T12" fmla="*/ 2147483647 w 22"/>
              <a:gd name="T13" fmla="*/ 2147483647 h 16"/>
              <a:gd name="T14" fmla="*/ 0 w 22"/>
              <a:gd name="T15" fmla="*/ 2147483647 h 16"/>
              <a:gd name="T16" fmla="*/ 2147483647 w 22"/>
              <a:gd name="T17" fmla="*/ 2147483647 h 16"/>
              <a:gd name="T18" fmla="*/ 2147483647 w 22"/>
              <a:gd name="T19" fmla="*/ 2147483647 h 16"/>
              <a:gd name="T20" fmla="*/ 2147483647 w 22"/>
              <a:gd name="T21" fmla="*/ 0 h 1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22" h="16">
                <a:moveTo>
                  <a:pt x="10" y="0"/>
                </a:moveTo>
                <a:lnTo>
                  <a:pt x="18" y="2"/>
                </a:lnTo>
                <a:lnTo>
                  <a:pt x="22" y="6"/>
                </a:lnTo>
                <a:lnTo>
                  <a:pt x="22" y="10"/>
                </a:lnTo>
                <a:lnTo>
                  <a:pt x="20" y="14"/>
                </a:lnTo>
                <a:lnTo>
                  <a:pt x="14" y="16"/>
                </a:lnTo>
                <a:lnTo>
                  <a:pt x="6" y="16"/>
                </a:lnTo>
                <a:lnTo>
                  <a:pt x="0" y="12"/>
                </a:lnTo>
                <a:lnTo>
                  <a:pt x="2" y="6"/>
                </a:lnTo>
                <a:lnTo>
                  <a:pt x="4" y="2"/>
                </a:lnTo>
                <a:lnTo>
                  <a:pt x="10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41" name="Freeform 38"/>
          <p:cNvSpPr>
            <a:spLocks/>
          </p:cNvSpPr>
          <p:nvPr/>
        </p:nvSpPr>
        <p:spPr bwMode="auto">
          <a:xfrm>
            <a:off x="7154863" y="5481638"/>
            <a:ext cx="46037" cy="36512"/>
          </a:xfrm>
          <a:custGeom>
            <a:avLst/>
            <a:gdLst>
              <a:gd name="T0" fmla="*/ 2147483647 w 36"/>
              <a:gd name="T1" fmla="*/ 2147483647 h 28"/>
              <a:gd name="T2" fmla="*/ 2147483647 w 36"/>
              <a:gd name="T3" fmla="*/ 2147483647 h 28"/>
              <a:gd name="T4" fmla="*/ 2147483647 w 36"/>
              <a:gd name="T5" fmla="*/ 2147483647 h 28"/>
              <a:gd name="T6" fmla="*/ 2147483647 w 36"/>
              <a:gd name="T7" fmla="*/ 2147483647 h 28"/>
              <a:gd name="T8" fmla="*/ 2147483647 w 36"/>
              <a:gd name="T9" fmla="*/ 2147483647 h 28"/>
              <a:gd name="T10" fmla="*/ 2147483647 w 36"/>
              <a:gd name="T11" fmla="*/ 0 h 28"/>
              <a:gd name="T12" fmla="*/ 2147483647 w 36"/>
              <a:gd name="T13" fmla="*/ 2147483647 h 28"/>
              <a:gd name="T14" fmla="*/ 2147483647 w 36"/>
              <a:gd name="T15" fmla="*/ 2147483647 h 28"/>
              <a:gd name="T16" fmla="*/ 2147483647 w 36"/>
              <a:gd name="T17" fmla="*/ 2147483647 h 28"/>
              <a:gd name="T18" fmla="*/ 2147483647 w 36"/>
              <a:gd name="T19" fmla="*/ 2147483647 h 28"/>
              <a:gd name="T20" fmla="*/ 2147483647 w 36"/>
              <a:gd name="T21" fmla="*/ 2147483647 h 28"/>
              <a:gd name="T22" fmla="*/ 2147483647 w 36"/>
              <a:gd name="T23" fmla="*/ 2147483647 h 28"/>
              <a:gd name="T24" fmla="*/ 2147483647 w 36"/>
              <a:gd name="T25" fmla="*/ 2147483647 h 28"/>
              <a:gd name="T26" fmla="*/ 2147483647 w 36"/>
              <a:gd name="T27" fmla="*/ 2147483647 h 28"/>
              <a:gd name="T28" fmla="*/ 0 w 36"/>
              <a:gd name="T29" fmla="*/ 2147483647 h 28"/>
              <a:gd name="T30" fmla="*/ 2147483647 w 36"/>
              <a:gd name="T31" fmla="*/ 2147483647 h 28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36" h="28">
                <a:moveTo>
                  <a:pt x="6" y="8"/>
                </a:moveTo>
                <a:lnTo>
                  <a:pt x="14" y="4"/>
                </a:lnTo>
                <a:lnTo>
                  <a:pt x="22" y="8"/>
                </a:lnTo>
                <a:lnTo>
                  <a:pt x="26" y="6"/>
                </a:lnTo>
                <a:lnTo>
                  <a:pt x="30" y="2"/>
                </a:lnTo>
                <a:lnTo>
                  <a:pt x="36" y="0"/>
                </a:lnTo>
                <a:lnTo>
                  <a:pt x="36" y="10"/>
                </a:lnTo>
                <a:lnTo>
                  <a:pt x="36" y="16"/>
                </a:lnTo>
                <a:lnTo>
                  <a:pt x="32" y="26"/>
                </a:lnTo>
                <a:lnTo>
                  <a:pt x="22" y="28"/>
                </a:lnTo>
                <a:lnTo>
                  <a:pt x="16" y="26"/>
                </a:lnTo>
                <a:lnTo>
                  <a:pt x="12" y="28"/>
                </a:lnTo>
                <a:lnTo>
                  <a:pt x="4" y="28"/>
                </a:lnTo>
                <a:lnTo>
                  <a:pt x="2" y="20"/>
                </a:lnTo>
                <a:lnTo>
                  <a:pt x="0" y="14"/>
                </a:lnTo>
                <a:lnTo>
                  <a:pt x="6" y="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3942" name="Group 39"/>
          <p:cNvGrpSpPr>
            <a:grpSpLocks/>
          </p:cNvGrpSpPr>
          <p:nvPr/>
        </p:nvGrpSpPr>
        <p:grpSpPr bwMode="auto">
          <a:xfrm>
            <a:off x="7227888" y="5075238"/>
            <a:ext cx="538162" cy="1120775"/>
            <a:chOff x="4553" y="3197"/>
            <a:chExt cx="339" cy="706"/>
          </a:xfrm>
        </p:grpSpPr>
        <p:sp>
          <p:nvSpPr>
            <p:cNvPr id="124052" name="Freeform 40"/>
            <p:cNvSpPr>
              <a:spLocks/>
            </p:cNvSpPr>
            <p:nvPr/>
          </p:nvSpPr>
          <p:spPr bwMode="auto">
            <a:xfrm>
              <a:off x="4566" y="3197"/>
              <a:ext cx="230" cy="239"/>
            </a:xfrm>
            <a:custGeom>
              <a:avLst/>
              <a:gdLst>
                <a:gd name="T0" fmla="*/ 46 w 282"/>
                <a:gd name="T1" fmla="*/ 3 h 294"/>
                <a:gd name="T2" fmla="*/ 46 w 282"/>
                <a:gd name="T3" fmla="*/ 7 h 294"/>
                <a:gd name="T4" fmla="*/ 51 w 282"/>
                <a:gd name="T5" fmla="*/ 12 h 294"/>
                <a:gd name="T6" fmla="*/ 56 w 282"/>
                <a:gd name="T7" fmla="*/ 16 h 294"/>
                <a:gd name="T8" fmla="*/ 67 w 282"/>
                <a:gd name="T9" fmla="*/ 19 h 294"/>
                <a:gd name="T10" fmla="*/ 75 w 282"/>
                <a:gd name="T11" fmla="*/ 20 h 294"/>
                <a:gd name="T12" fmla="*/ 83 w 282"/>
                <a:gd name="T13" fmla="*/ 21 h 294"/>
                <a:gd name="T14" fmla="*/ 82 w 282"/>
                <a:gd name="T15" fmla="*/ 26 h 294"/>
                <a:gd name="T16" fmla="*/ 82 w 282"/>
                <a:gd name="T17" fmla="*/ 28 h 294"/>
                <a:gd name="T18" fmla="*/ 79 w 282"/>
                <a:gd name="T19" fmla="*/ 32 h 294"/>
                <a:gd name="T20" fmla="*/ 75 w 282"/>
                <a:gd name="T21" fmla="*/ 33 h 294"/>
                <a:gd name="T22" fmla="*/ 73 w 282"/>
                <a:gd name="T23" fmla="*/ 33 h 294"/>
                <a:gd name="T24" fmla="*/ 71 w 282"/>
                <a:gd name="T25" fmla="*/ 33 h 294"/>
                <a:gd name="T26" fmla="*/ 69 w 282"/>
                <a:gd name="T27" fmla="*/ 30 h 294"/>
                <a:gd name="T28" fmla="*/ 67 w 282"/>
                <a:gd name="T29" fmla="*/ 33 h 294"/>
                <a:gd name="T30" fmla="*/ 60 w 282"/>
                <a:gd name="T31" fmla="*/ 33 h 294"/>
                <a:gd name="T32" fmla="*/ 56 w 282"/>
                <a:gd name="T33" fmla="*/ 33 h 294"/>
                <a:gd name="T34" fmla="*/ 52 w 282"/>
                <a:gd name="T35" fmla="*/ 39 h 294"/>
                <a:gd name="T36" fmla="*/ 46 w 282"/>
                <a:gd name="T37" fmla="*/ 39 h 294"/>
                <a:gd name="T38" fmla="*/ 45 w 282"/>
                <a:gd name="T39" fmla="*/ 39 h 294"/>
                <a:gd name="T40" fmla="*/ 40 w 282"/>
                <a:gd name="T41" fmla="*/ 43 h 294"/>
                <a:gd name="T42" fmla="*/ 40 w 282"/>
                <a:gd name="T43" fmla="*/ 48 h 294"/>
                <a:gd name="T44" fmla="*/ 37 w 282"/>
                <a:gd name="T45" fmla="*/ 53 h 294"/>
                <a:gd name="T46" fmla="*/ 34 w 282"/>
                <a:gd name="T47" fmla="*/ 56 h 294"/>
                <a:gd name="T48" fmla="*/ 28 w 282"/>
                <a:gd name="T49" fmla="*/ 62 h 294"/>
                <a:gd name="T50" fmla="*/ 21 w 282"/>
                <a:gd name="T51" fmla="*/ 67 h 294"/>
                <a:gd name="T52" fmla="*/ 18 w 282"/>
                <a:gd name="T53" fmla="*/ 73 h 294"/>
                <a:gd name="T54" fmla="*/ 15 w 282"/>
                <a:gd name="T55" fmla="*/ 79 h 294"/>
                <a:gd name="T56" fmla="*/ 12 w 282"/>
                <a:gd name="T57" fmla="*/ 84 h 294"/>
                <a:gd name="T58" fmla="*/ 10 w 282"/>
                <a:gd name="T59" fmla="*/ 81 h 294"/>
                <a:gd name="T60" fmla="*/ 12 w 282"/>
                <a:gd name="T61" fmla="*/ 76 h 294"/>
                <a:gd name="T62" fmla="*/ 10 w 282"/>
                <a:gd name="T63" fmla="*/ 73 h 294"/>
                <a:gd name="T64" fmla="*/ 14 w 282"/>
                <a:gd name="T65" fmla="*/ 69 h 294"/>
                <a:gd name="T66" fmla="*/ 18 w 282"/>
                <a:gd name="T67" fmla="*/ 65 h 294"/>
                <a:gd name="T68" fmla="*/ 22 w 282"/>
                <a:gd name="T69" fmla="*/ 62 h 294"/>
                <a:gd name="T70" fmla="*/ 24 w 282"/>
                <a:gd name="T71" fmla="*/ 61 h 294"/>
                <a:gd name="T72" fmla="*/ 23 w 282"/>
                <a:gd name="T73" fmla="*/ 57 h 294"/>
                <a:gd name="T74" fmla="*/ 19 w 282"/>
                <a:gd name="T75" fmla="*/ 61 h 294"/>
                <a:gd name="T76" fmla="*/ 9 w 282"/>
                <a:gd name="T77" fmla="*/ 63 h 294"/>
                <a:gd name="T78" fmla="*/ 2 w 282"/>
                <a:gd name="T79" fmla="*/ 62 h 294"/>
                <a:gd name="T80" fmla="*/ 4 w 282"/>
                <a:gd name="T81" fmla="*/ 54 h 294"/>
                <a:gd name="T82" fmla="*/ 6 w 282"/>
                <a:gd name="T83" fmla="*/ 44 h 294"/>
                <a:gd name="T84" fmla="*/ 12 w 282"/>
                <a:gd name="T85" fmla="*/ 32 h 294"/>
                <a:gd name="T86" fmla="*/ 2 w 282"/>
                <a:gd name="T87" fmla="*/ 22 h 294"/>
                <a:gd name="T88" fmla="*/ 2 w 282"/>
                <a:gd name="T89" fmla="*/ 18 h 294"/>
                <a:gd name="T90" fmla="*/ 6 w 282"/>
                <a:gd name="T91" fmla="*/ 15 h 294"/>
                <a:gd name="T92" fmla="*/ 7 w 282"/>
                <a:gd name="T93" fmla="*/ 11 h 294"/>
                <a:gd name="T94" fmla="*/ 16 w 282"/>
                <a:gd name="T95" fmla="*/ 7 h 294"/>
                <a:gd name="T96" fmla="*/ 23 w 282"/>
                <a:gd name="T97" fmla="*/ 4 h 294"/>
                <a:gd name="T98" fmla="*/ 27 w 282"/>
                <a:gd name="T99" fmla="*/ 2 h 294"/>
                <a:gd name="T100" fmla="*/ 34 w 282"/>
                <a:gd name="T101" fmla="*/ 6 h 294"/>
                <a:gd name="T102" fmla="*/ 41 w 282"/>
                <a:gd name="T103" fmla="*/ 4 h 294"/>
                <a:gd name="T104" fmla="*/ 45 w 282"/>
                <a:gd name="T105" fmla="*/ 0 h 294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0" t="0" r="r" b="b"/>
              <a:pathLst>
                <a:path w="282" h="294">
                  <a:moveTo>
                    <a:pt x="152" y="0"/>
                  </a:moveTo>
                  <a:lnTo>
                    <a:pt x="160" y="10"/>
                  </a:lnTo>
                  <a:lnTo>
                    <a:pt x="156" y="16"/>
                  </a:lnTo>
                  <a:lnTo>
                    <a:pt x="156" y="24"/>
                  </a:lnTo>
                  <a:lnTo>
                    <a:pt x="162" y="32"/>
                  </a:lnTo>
                  <a:lnTo>
                    <a:pt x="172" y="42"/>
                  </a:lnTo>
                  <a:lnTo>
                    <a:pt x="182" y="54"/>
                  </a:lnTo>
                  <a:lnTo>
                    <a:pt x="192" y="58"/>
                  </a:lnTo>
                  <a:lnTo>
                    <a:pt x="208" y="62"/>
                  </a:lnTo>
                  <a:lnTo>
                    <a:pt x="226" y="64"/>
                  </a:lnTo>
                  <a:lnTo>
                    <a:pt x="246" y="66"/>
                  </a:lnTo>
                  <a:lnTo>
                    <a:pt x="258" y="70"/>
                  </a:lnTo>
                  <a:lnTo>
                    <a:pt x="272" y="72"/>
                  </a:lnTo>
                  <a:lnTo>
                    <a:pt x="282" y="72"/>
                  </a:lnTo>
                  <a:lnTo>
                    <a:pt x="282" y="80"/>
                  </a:lnTo>
                  <a:lnTo>
                    <a:pt x="280" y="88"/>
                  </a:lnTo>
                  <a:lnTo>
                    <a:pt x="276" y="94"/>
                  </a:lnTo>
                  <a:lnTo>
                    <a:pt x="278" y="98"/>
                  </a:lnTo>
                  <a:lnTo>
                    <a:pt x="278" y="106"/>
                  </a:lnTo>
                  <a:lnTo>
                    <a:pt x="270" y="108"/>
                  </a:lnTo>
                  <a:lnTo>
                    <a:pt x="262" y="110"/>
                  </a:lnTo>
                  <a:lnTo>
                    <a:pt x="256" y="112"/>
                  </a:lnTo>
                  <a:lnTo>
                    <a:pt x="252" y="114"/>
                  </a:lnTo>
                  <a:lnTo>
                    <a:pt x="246" y="114"/>
                  </a:lnTo>
                  <a:lnTo>
                    <a:pt x="244" y="114"/>
                  </a:lnTo>
                  <a:lnTo>
                    <a:pt x="242" y="112"/>
                  </a:lnTo>
                  <a:lnTo>
                    <a:pt x="240" y="110"/>
                  </a:lnTo>
                  <a:lnTo>
                    <a:pt x="234" y="106"/>
                  </a:lnTo>
                  <a:lnTo>
                    <a:pt x="234" y="112"/>
                  </a:lnTo>
                  <a:lnTo>
                    <a:pt x="226" y="112"/>
                  </a:lnTo>
                  <a:lnTo>
                    <a:pt x="218" y="112"/>
                  </a:lnTo>
                  <a:lnTo>
                    <a:pt x="206" y="112"/>
                  </a:lnTo>
                  <a:lnTo>
                    <a:pt x="198" y="114"/>
                  </a:lnTo>
                  <a:lnTo>
                    <a:pt x="190" y="118"/>
                  </a:lnTo>
                  <a:lnTo>
                    <a:pt x="184" y="126"/>
                  </a:lnTo>
                  <a:lnTo>
                    <a:pt x="178" y="134"/>
                  </a:lnTo>
                  <a:lnTo>
                    <a:pt x="170" y="136"/>
                  </a:lnTo>
                  <a:lnTo>
                    <a:pt x="160" y="134"/>
                  </a:lnTo>
                  <a:lnTo>
                    <a:pt x="158" y="134"/>
                  </a:lnTo>
                  <a:lnTo>
                    <a:pt x="152" y="136"/>
                  </a:lnTo>
                  <a:lnTo>
                    <a:pt x="140" y="142"/>
                  </a:lnTo>
                  <a:lnTo>
                    <a:pt x="136" y="148"/>
                  </a:lnTo>
                  <a:lnTo>
                    <a:pt x="136" y="150"/>
                  </a:lnTo>
                  <a:lnTo>
                    <a:pt x="136" y="166"/>
                  </a:lnTo>
                  <a:lnTo>
                    <a:pt x="130" y="174"/>
                  </a:lnTo>
                  <a:lnTo>
                    <a:pt x="124" y="182"/>
                  </a:lnTo>
                  <a:lnTo>
                    <a:pt x="120" y="188"/>
                  </a:lnTo>
                  <a:lnTo>
                    <a:pt x="114" y="196"/>
                  </a:lnTo>
                  <a:lnTo>
                    <a:pt x="100" y="204"/>
                  </a:lnTo>
                  <a:lnTo>
                    <a:pt x="94" y="214"/>
                  </a:lnTo>
                  <a:lnTo>
                    <a:pt x="84" y="220"/>
                  </a:lnTo>
                  <a:lnTo>
                    <a:pt x="72" y="232"/>
                  </a:lnTo>
                  <a:lnTo>
                    <a:pt x="68" y="246"/>
                  </a:lnTo>
                  <a:lnTo>
                    <a:pt x="60" y="254"/>
                  </a:lnTo>
                  <a:lnTo>
                    <a:pt x="54" y="264"/>
                  </a:lnTo>
                  <a:lnTo>
                    <a:pt x="52" y="272"/>
                  </a:lnTo>
                  <a:lnTo>
                    <a:pt x="46" y="280"/>
                  </a:lnTo>
                  <a:lnTo>
                    <a:pt x="42" y="290"/>
                  </a:lnTo>
                  <a:lnTo>
                    <a:pt x="34" y="294"/>
                  </a:lnTo>
                  <a:lnTo>
                    <a:pt x="34" y="282"/>
                  </a:lnTo>
                  <a:lnTo>
                    <a:pt x="40" y="274"/>
                  </a:lnTo>
                  <a:lnTo>
                    <a:pt x="40" y="266"/>
                  </a:lnTo>
                  <a:lnTo>
                    <a:pt x="38" y="262"/>
                  </a:lnTo>
                  <a:lnTo>
                    <a:pt x="34" y="256"/>
                  </a:lnTo>
                  <a:lnTo>
                    <a:pt x="40" y="244"/>
                  </a:lnTo>
                  <a:lnTo>
                    <a:pt x="48" y="238"/>
                  </a:lnTo>
                  <a:lnTo>
                    <a:pt x="58" y="230"/>
                  </a:lnTo>
                  <a:lnTo>
                    <a:pt x="60" y="226"/>
                  </a:lnTo>
                  <a:lnTo>
                    <a:pt x="70" y="220"/>
                  </a:lnTo>
                  <a:lnTo>
                    <a:pt x="74" y="214"/>
                  </a:lnTo>
                  <a:lnTo>
                    <a:pt x="78" y="212"/>
                  </a:lnTo>
                  <a:lnTo>
                    <a:pt x="82" y="210"/>
                  </a:lnTo>
                  <a:lnTo>
                    <a:pt x="84" y="206"/>
                  </a:lnTo>
                  <a:lnTo>
                    <a:pt x="76" y="198"/>
                  </a:lnTo>
                  <a:lnTo>
                    <a:pt x="68" y="202"/>
                  </a:lnTo>
                  <a:lnTo>
                    <a:pt x="62" y="210"/>
                  </a:lnTo>
                  <a:lnTo>
                    <a:pt x="44" y="216"/>
                  </a:lnTo>
                  <a:lnTo>
                    <a:pt x="30" y="218"/>
                  </a:lnTo>
                  <a:lnTo>
                    <a:pt x="12" y="220"/>
                  </a:lnTo>
                  <a:lnTo>
                    <a:pt x="6" y="214"/>
                  </a:lnTo>
                  <a:lnTo>
                    <a:pt x="4" y="210"/>
                  </a:lnTo>
                  <a:lnTo>
                    <a:pt x="14" y="188"/>
                  </a:lnTo>
                  <a:lnTo>
                    <a:pt x="26" y="174"/>
                  </a:lnTo>
                  <a:lnTo>
                    <a:pt x="18" y="154"/>
                  </a:lnTo>
                  <a:lnTo>
                    <a:pt x="18" y="136"/>
                  </a:lnTo>
                  <a:lnTo>
                    <a:pt x="42" y="110"/>
                  </a:lnTo>
                  <a:lnTo>
                    <a:pt x="26" y="80"/>
                  </a:lnTo>
                  <a:lnTo>
                    <a:pt x="2" y="78"/>
                  </a:lnTo>
                  <a:lnTo>
                    <a:pt x="0" y="66"/>
                  </a:lnTo>
                  <a:lnTo>
                    <a:pt x="8" y="60"/>
                  </a:lnTo>
                  <a:lnTo>
                    <a:pt x="16" y="56"/>
                  </a:lnTo>
                  <a:lnTo>
                    <a:pt x="20" y="52"/>
                  </a:lnTo>
                  <a:lnTo>
                    <a:pt x="20" y="42"/>
                  </a:lnTo>
                  <a:lnTo>
                    <a:pt x="26" y="36"/>
                  </a:lnTo>
                  <a:lnTo>
                    <a:pt x="34" y="34"/>
                  </a:lnTo>
                  <a:lnTo>
                    <a:pt x="54" y="24"/>
                  </a:lnTo>
                  <a:lnTo>
                    <a:pt x="60" y="12"/>
                  </a:lnTo>
                  <a:lnTo>
                    <a:pt x="78" y="12"/>
                  </a:lnTo>
                  <a:lnTo>
                    <a:pt x="82" y="4"/>
                  </a:lnTo>
                  <a:lnTo>
                    <a:pt x="90" y="8"/>
                  </a:lnTo>
                  <a:lnTo>
                    <a:pt x="102" y="18"/>
                  </a:lnTo>
                  <a:lnTo>
                    <a:pt x="116" y="18"/>
                  </a:lnTo>
                  <a:lnTo>
                    <a:pt x="118" y="14"/>
                  </a:lnTo>
                  <a:lnTo>
                    <a:pt x="138" y="12"/>
                  </a:lnTo>
                  <a:lnTo>
                    <a:pt x="138" y="4"/>
                  </a:lnTo>
                  <a:lnTo>
                    <a:pt x="152" y="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53" name="Freeform 41"/>
            <p:cNvSpPr>
              <a:spLocks/>
            </p:cNvSpPr>
            <p:nvPr/>
          </p:nvSpPr>
          <p:spPr bwMode="auto">
            <a:xfrm>
              <a:off x="4706" y="3352"/>
              <a:ext cx="28" cy="19"/>
            </a:xfrm>
            <a:custGeom>
              <a:avLst/>
              <a:gdLst>
                <a:gd name="T0" fmla="*/ 10 w 34"/>
                <a:gd name="T1" fmla="*/ 2 h 24"/>
                <a:gd name="T2" fmla="*/ 11 w 34"/>
                <a:gd name="T3" fmla="*/ 2 h 24"/>
                <a:gd name="T4" fmla="*/ 8 w 34"/>
                <a:gd name="T5" fmla="*/ 3 h 24"/>
                <a:gd name="T6" fmla="*/ 8 w 34"/>
                <a:gd name="T7" fmla="*/ 5 h 24"/>
                <a:gd name="T8" fmla="*/ 5 w 34"/>
                <a:gd name="T9" fmla="*/ 6 h 24"/>
                <a:gd name="T10" fmla="*/ 2 w 34"/>
                <a:gd name="T11" fmla="*/ 5 h 24"/>
                <a:gd name="T12" fmla="*/ 2 w 34"/>
                <a:gd name="T13" fmla="*/ 4 h 24"/>
                <a:gd name="T14" fmla="*/ 0 w 34"/>
                <a:gd name="T15" fmla="*/ 2 h 24"/>
                <a:gd name="T16" fmla="*/ 2 w 34"/>
                <a:gd name="T17" fmla="*/ 2 h 24"/>
                <a:gd name="T18" fmla="*/ 3 w 34"/>
                <a:gd name="T19" fmla="*/ 0 h 24"/>
                <a:gd name="T20" fmla="*/ 6 w 34"/>
                <a:gd name="T21" fmla="*/ 2 h 24"/>
                <a:gd name="T22" fmla="*/ 7 w 34"/>
                <a:gd name="T23" fmla="*/ 2 h 24"/>
                <a:gd name="T24" fmla="*/ 9 w 34"/>
                <a:gd name="T25" fmla="*/ 2 h 24"/>
                <a:gd name="T26" fmla="*/ 10 w 34"/>
                <a:gd name="T27" fmla="*/ 2 h 24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0" t="0" r="r" b="b"/>
              <a:pathLst>
                <a:path w="34" h="24">
                  <a:moveTo>
                    <a:pt x="32" y="2"/>
                  </a:moveTo>
                  <a:lnTo>
                    <a:pt x="34" y="8"/>
                  </a:lnTo>
                  <a:lnTo>
                    <a:pt x="26" y="12"/>
                  </a:lnTo>
                  <a:lnTo>
                    <a:pt x="26" y="18"/>
                  </a:lnTo>
                  <a:lnTo>
                    <a:pt x="16" y="24"/>
                  </a:lnTo>
                  <a:lnTo>
                    <a:pt x="8" y="18"/>
                  </a:lnTo>
                  <a:lnTo>
                    <a:pt x="2" y="16"/>
                  </a:lnTo>
                  <a:lnTo>
                    <a:pt x="0" y="10"/>
                  </a:lnTo>
                  <a:lnTo>
                    <a:pt x="2" y="2"/>
                  </a:lnTo>
                  <a:lnTo>
                    <a:pt x="10" y="0"/>
                  </a:lnTo>
                  <a:lnTo>
                    <a:pt x="18" y="4"/>
                  </a:lnTo>
                  <a:lnTo>
                    <a:pt x="24" y="2"/>
                  </a:lnTo>
                  <a:lnTo>
                    <a:pt x="28" y="2"/>
                  </a:lnTo>
                  <a:lnTo>
                    <a:pt x="32" y="2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54" name="Freeform 42"/>
            <p:cNvSpPr>
              <a:spLocks/>
            </p:cNvSpPr>
            <p:nvPr/>
          </p:nvSpPr>
          <p:spPr bwMode="auto">
            <a:xfrm>
              <a:off x="4820" y="3769"/>
              <a:ext cx="39" cy="70"/>
            </a:xfrm>
            <a:custGeom>
              <a:avLst/>
              <a:gdLst>
                <a:gd name="T0" fmla="*/ 6 w 48"/>
                <a:gd name="T1" fmla="*/ 24 h 86"/>
                <a:gd name="T2" fmla="*/ 2 w 48"/>
                <a:gd name="T3" fmla="*/ 24 h 86"/>
                <a:gd name="T4" fmla="*/ 2 w 48"/>
                <a:gd name="T5" fmla="*/ 18 h 86"/>
                <a:gd name="T6" fmla="*/ 0 w 48"/>
                <a:gd name="T7" fmla="*/ 15 h 86"/>
                <a:gd name="T8" fmla="*/ 2 w 48"/>
                <a:gd name="T9" fmla="*/ 11 h 86"/>
                <a:gd name="T10" fmla="*/ 4 w 48"/>
                <a:gd name="T11" fmla="*/ 6 h 86"/>
                <a:gd name="T12" fmla="*/ 9 w 48"/>
                <a:gd name="T13" fmla="*/ 4 h 86"/>
                <a:gd name="T14" fmla="*/ 13 w 48"/>
                <a:gd name="T15" fmla="*/ 0 h 86"/>
                <a:gd name="T16" fmla="*/ 14 w 48"/>
                <a:gd name="T17" fmla="*/ 4 h 86"/>
                <a:gd name="T18" fmla="*/ 13 w 48"/>
                <a:gd name="T19" fmla="*/ 7 h 86"/>
                <a:gd name="T20" fmla="*/ 12 w 48"/>
                <a:gd name="T21" fmla="*/ 12 h 86"/>
                <a:gd name="T22" fmla="*/ 12 w 48"/>
                <a:gd name="T23" fmla="*/ 16 h 86"/>
                <a:gd name="T24" fmla="*/ 9 w 48"/>
                <a:gd name="T25" fmla="*/ 18 h 86"/>
                <a:gd name="T26" fmla="*/ 7 w 48"/>
                <a:gd name="T27" fmla="*/ 20 h 86"/>
                <a:gd name="T28" fmla="*/ 6 w 48"/>
                <a:gd name="T29" fmla="*/ 24 h 8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0" t="0" r="r" b="b"/>
              <a:pathLst>
                <a:path w="48" h="86">
                  <a:moveTo>
                    <a:pt x="20" y="86"/>
                  </a:moveTo>
                  <a:lnTo>
                    <a:pt x="8" y="84"/>
                  </a:lnTo>
                  <a:lnTo>
                    <a:pt x="8" y="60"/>
                  </a:lnTo>
                  <a:lnTo>
                    <a:pt x="0" y="52"/>
                  </a:lnTo>
                  <a:lnTo>
                    <a:pt x="4" y="36"/>
                  </a:lnTo>
                  <a:lnTo>
                    <a:pt x="14" y="20"/>
                  </a:lnTo>
                  <a:lnTo>
                    <a:pt x="32" y="14"/>
                  </a:lnTo>
                  <a:lnTo>
                    <a:pt x="44" y="0"/>
                  </a:lnTo>
                  <a:lnTo>
                    <a:pt x="48" y="12"/>
                  </a:lnTo>
                  <a:lnTo>
                    <a:pt x="46" y="26"/>
                  </a:lnTo>
                  <a:lnTo>
                    <a:pt x="40" y="42"/>
                  </a:lnTo>
                  <a:lnTo>
                    <a:pt x="40" y="54"/>
                  </a:lnTo>
                  <a:lnTo>
                    <a:pt x="30" y="62"/>
                  </a:lnTo>
                  <a:lnTo>
                    <a:pt x="24" y="68"/>
                  </a:lnTo>
                  <a:lnTo>
                    <a:pt x="20" y="86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55" name="Freeform 43"/>
            <p:cNvSpPr>
              <a:spLocks/>
            </p:cNvSpPr>
            <p:nvPr/>
          </p:nvSpPr>
          <p:spPr bwMode="auto">
            <a:xfrm>
              <a:off x="4778" y="3862"/>
              <a:ext cx="18" cy="41"/>
            </a:xfrm>
            <a:custGeom>
              <a:avLst/>
              <a:gdLst>
                <a:gd name="T0" fmla="*/ 4 w 22"/>
                <a:gd name="T1" fmla="*/ 0 h 50"/>
                <a:gd name="T2" fmla="*/ 4 w 22"/>
                <a:gd name="T3" fmla="*/ 5 h 50"/>
                <a:gd name="T4" fmla="*/ 5 w 22"/>
                <a:gd name="T5" fmla="*/ 7 h 50"/>
                <a:gd name="T6" fmla="*/ 7 w 22"/>
                <a:gd name="T7" fmla="*/ 12 h 50"/>
                <a:gd name="T8" fmla="*/ 4 w 22"/>
                <a:gd name="T9" fmla="*/ 16 h 50"/>
                <a:gd name="T10" fmla="*/ 2 w 22"/>
                <a:gd name="T11" fmla="*/ 11 h 50"/>
                <a:gd name="T12" fmla="*/ 0 w 22"/>
                <a:gd name="T13" fmla="*/ 6 h 50"/>
                <a:gd name="T14" fmla="*/ 2 w 22"/>
                <a:gd name="T15" fmla="*/ 2 h 50"/>
                <a:gd name="T16" fmla="*/ 4 w 22"/>
                <a:gd name="T17" fmla="*/ 0 h 5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22" h="50">
                  <a:moveTo>
                    <a:pt x="12" y="0"/>
                  </a:moveTo>
                  <a:lnTo>
                    <a:pt x="12" y="16"/>
                  </a:lnTo>
                  <a:lnTo>
                    <a:pt x="16" y="26"/>
                  </a:lnTo>
                  <a:lnTo>
                    <a:pt x="22" y="40"/>
                  </a:lnTo>
                  <a:lnTo>
                    <a:pt x="12" y="50"/>
                  </a:lnTo>
                  <a:lnTo>
                    <a:pt x="4" y="34"/>
                  </a:lnTo>
                  <a:lnTo>
                    <a:pt x="0" y="18"/>
                  </a:lnTo>
                  <a:lnTo>
                    <a:pt x="4" y="6"/>
                  </a:lnTo>
                  <a:lnTo>
                    <a:pt x="12" y="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56" name="Freeform 44"/>
            <p:cNvSpPr>
              <a:spLocks/>
            </p:cNvSpPr>
            <p:nvPr/>
          </p:nvSpPr>
          <p:spPr bwMode="auto">
            <a:xfrm>
              <a:off x="4598" y="3239"/>
              <a:ext cx="294" cy="524"/>
            </a:xfrm>
            <a:custGeom>
              <a:avLst/>
              <a:gdLst>
                <a:gd name="T0" fmla="*/ 102 w 360"/>
                <a:gd name="T1" fmla="*/ 177 h 642"/>
                <a:gd name="T2" fmla="*/ 91 w 360"/>
                <a:gd name="T3" fmla="*/ 182 h 642"/>
                <a:gd name="T4" fmla="*/ 86 w 360"/>
                <a:gd name="T5" fmla="*/ 184 h 642"/>
                <a:gd name="T6" fmla="*/ 76 w 360"/>
                <a:gd name="T7" fmla="*/ 184 h 642"/>
                <a:gd name="T8" fmla="*/ 65 w 360"/>
                <a:gd name="T9" fmla="*/ 190 h 642"/>
                <a:gd name="T10" fmla="*/ 75 w 360"/>
                <a:gd name="T11" fmla="*/ 182 h 642"/>
                <a:gd name="T12" fmla="*/ 84 w 360"/>
                <a:gd name="T13" fmla="*/ 175 h 642"/>
                <a:gd name="T14" fmla="*/ 87 w 360"/>
                <a:gd name="T15" fmla="*/ 170 h 642"/>
                <a:gd name="T16" fmla="*/ 67 w 360"/>
                <a:gd name="T17" fmla="*/ 176 h 642"/>
                <a:gd name="T18" fmla="*/ 57 w 360"/>
                <a:gd name="T19" fmla="*/ 180 h 642"/>
                <a:gd name="T20" fmla="*/ 64 w 360"/>
                <a:gd name="T21" fmla="*/ 172 h 642"/>
                <a:gd name="T22" fmla="*/ 65 w 360"/>
                <a:gd name="T23" fmla="*/ 167 h 642"/>
                <a:gd name="T24" fmla="*/ 57 w 360"/>
                <a:gd name="T25" fmla="*/ 165 h 642"/>
                <a:gd name="T26" fmla="*/ 52 w 360"/>
                <a:gd name="T27" fmla="*/ 161 h 642"/>
                <a:gd name="T28" fmla="*/ 47 w 360"/>
                <a:gd name="T29" fmla="*/ 153 h 642"/>
                <a:gd name="T30" fmla="*/ 49 w 360"/>
                <a:gd name="T31" fmla="*/ 141 h 642"/>
                <a:gd name="T32" fmla="*/ 38 w 360"/>
                <a:gd name="T33" fmla="*/ 141 h 642"/>
                <a:gd name="T34" fmla="*/ 32 w 360"/>
                <a:gd name="T35" fmla="*/ 136 h 642"/>
                <a:gd name="T36" fmla="*/ 27 w 360"/>
                <a:gd name="T37" fmla="*/ 142 h 642"/>
                <a:gd name="T38" fmla="*/ 16 w 360"/>
                <a:gd name="T39" fmla="*/ 137 h 642"/>
                <a:gd name="T40" fmla="*/ 23 w 360"/>
                <a:gd name="T41" fmla="*/ 131 h 642"/>
                <a:gd name="T42" fmla="*/ 16 w 360"/>
                <a:gd name="T43" fmla="*/ 123 h 642"/>
                <a:gd name="T44" fmla="*/ 23 w 360"/>
                <a:gd name="T45" fmla="*/ 123 h 642"/>
                <a:gd name="T46" fmla="*/ 27 w 360"/>
                <a:gd name="T47" fmla="*/ 132 h 642"/>
                <a:gd name="T48" fmla="*/ 38 w 360"/>
                <a:gd name="T49" fmla="*/ 129 h 642"/>
                <a:gd name="T50" fmla="*/ 35 w 360"/>
                <a:gd name="T51" fmla="*/ 125 h 642"/>
                <a:gd name="T52" fmla="*/ 28 w 360"/>
                <a:gd name="T53" fmla="*/ 119 h 642"/>
                <a:gd name="T54" fmla="*/ 32 w 360"/>
                <a:gd name="T55" fmla="*/ 111 h 642"/>
                <a:gd name="T56" fmla="*/ 28 w 360"/>
                <a:gd name="T57" fmla="*/ 108 h 642"/>
                <a:gd name="T58" fmla="*/ 25 w 360"/>
                <a:gd name="T59" fmla="*/ 100 h 642"/>
                <a:gd name="T60" fmla="*/ 21 w 360"/>
                <a:gd name="T61" fmla="*/ 93 h 642"/>
                <a:gd name="T62" fmla="*/ 25 w 360"/>
                <a:gd name="T63" fmla="*/ 87 h 642"/>
                <a:gd name="T64" fmla="*/ 23 w 360"/>
                <a:gd name="T65" fmla="*/ 85 h 642"/>
                <a:gd name="T66" fmla="*/ 11 w 360"/>
                <a:gd name="T67" fmla="*/ 91 h 642"/>
                <a:gd name="T68" fmla="*/ 2 w 360"/>
                <a:gd name="T69" fmla="*/ 93 h 642"/>
                <a:gd name="T70" fmla="*/ 2 w 360"/>
                <a:gd name="T71" fmla="*/ 78 h 642"/>
                <a:gd name="T72" fmla="*/ 5 w 360"/>
                <a:gd name="T73" fmla="*/ 68 h 642"/>
                <a:gd name="T74" fmla="*/ 9 w 360"/>
                <a:gd name="T75" fmla="*/ 59 h 642"/>
                <a:gd name="T76" fmla="*/ 16 w 360"/>
                <a:gd name="T77" fmla="*/ 53 h 642"/>
                <a:gd name="T78" fmla="*/ 25 w 360"/>
                <a:gd name="T79" fmla="*/ 49 h 642"/>
                <a:gd name="T80" fmla="*/ 37 w 360"/>
                <a:gd name="T81" fmla="*/ 52 h 642"/>
                <a:gd name="T82" fmla="*/ 45 w 360"/>
                <a:gd name="T83" fmla="*/ 49 h 642"/>
                <a:gd name="T84" fmla="*/ 49 w 360"/>
                <a:gd name="T85" fmla="*/ 46 h 642"/>
                <a:gd name="T86" fmla="*/ 63 w 360"/>
                <a:gd name="T87" fmla="*/ 42 h 642"/>
                <a:gd name="T88" fmla="*/ 78 w 360"/>
                <a:gd name="T89" fmla="*/ 39 h 642"/>
                <a:gd name="T90" fmla="*/ 75 w 360"/>
                <a:gd name="T91" fmla="*/ 34 h 642"/>
                <a:gd name="T92" fmla="*/ 74 w 360"/>
                <a:gd name="T93" fmla="*/ 29 h 642"/>
                <a:gd name="T94" fmla="*/ 86 w 360"/>
                <a:gd name="T95" fmla="*/ 23 h 642"/>
                <a:gd name="T96" fmla="*/ 96 w 360"/>
                <a:gd name="T97" fmla="*/ 20 h 642"/>
                <a:gd name="T98" fmla="*/ 89 w 360"/>
                <a:gd name="T99" fmla="*/ 19 h 642"/>
                <a:gd name="T100" fmla="*/ 79 w 360"/>
                <a:gd name="T101" fmla="*/ 19 h 642"/>
                <a:gd name="T102" fmla="*/ 71 w 360"/>
                <a:gd name="T103" fmla="*/ 16 h 642"/>
                <a:gd name="T104" fmla="*/ 72 w 360"/>
                <a:gd name="T105" fmla="*/ 11 h 642"/>
                <a:gd name="T106" fmla="*/ 74 w 360"/>
                <a:gd name="T107" fmla="*/ 4 h 642"/>
                <a:gd name="T108" fmla="*/ 98 w 360"/>
                <a:gd name="T109" fmla="*/ 2 h 642"/>
                <a:gd name="T110" fmla="*/ 107 w 360"/>
                <a:gd name="T111" fmla="*/ 180 h 642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</a:gdLst>
              <a:ahLst/>
              <a:cxnLst>
                <a:cxn ang="T112">
                  <a:pos x="T0" y="T1"/>
                </a:cxn>
                <a:cxn ang="T113">
                  <a:pos x="T2" y="T3"/>
                </a:cxn>
                <a:cxn ang="T114">
                  <a:pos x="T4" y="T5"/>
                </a:cxn>
                <a:cxn ang="T115">
                  <a:pos x="T6" y="T7"/>
                </a:cxn>
                <a:cxn ang="T116">
                  <a:pos x="T8" y="T9"/>
                </a:cxn>
                <a:cxn ang="T117">
                  <a:pos x="T10" y="T11"/>
                </a:cxn>
                <a:cxn ang="T118">
                  <a:pos x="T12" y="T13"/>
                </a:cxn>
                <a:cxn ang="T119">
                  <a:pos x="T14" y="T15"/>
                </a:cxn>
                <a:cxn ang="T120">
                  <a:pos x="T16" y="T17"/>
                </a:cxn>
                <a:cxn ang="T121">
                  <a:pos x="T18" y="T19"/>
                </a:cxn>
                <a:cxn ang="T122">
                  <a:pos x="T20" y="T21"/>
                </a:cxn>
                <a:cxn ang="T123">
                  <a:pos x="T22" y="T23"/>
                </a:cxn>
                <a:cxn ang="T124">
                  <a:pos x="T24" y="T25"/>
                </a:cxn>
                <a:cxn ang="T125">
                  <a:pos x="T26" y="T27"/>
                </a:cxn>
                <a:cxn ang="T126">
                  <a:pos x="T28" y="T29"/>
                </a:cxn>
                <a:cxn ang="T127">
                  <a:pos x="T30" y="T31"/>
                </a:cxn>
                <a:cxn ang="T128">
                  <a:pos x="T32" y="T33"/>
                </a:cxn>
                <a:cxn ang="T129">
                  <a:pos x="T34" y="T35"/>
                </a:cxn>
                <a:cxn ang="T130">
                  <a:pos x="T36" y="T37"/>
                </a:cxn>
                <a:cxn ang="T131">
                  <a:pos x="T38" y="T39"/>
                </a:cxn>
                <a:cxn ang="T132">
                  <a:pos x="T40" y="T41"/>
                </a:cxn>
                <a:cxn ang="T133">
                  <a:pos x="T42" y="T43"/>
                </a:cxn>
                <a:cxn ang="T134">
                  <a:pos x="T44" y="T45"/>
                </a:cxn>
                <a:cxn ang="T135">
                  <a:pos x="T46" y="T47"/>
                </a:cxn>
                <a:cxn ang="T136">
                  <a:pos x="T48" y="T49"/>
                </a:cxn>
                <a:cxn ang="T137">
                  <a:pos x="T50" y="T51"/>
                </a:cxn>
                <a:cxn ang="T138">
                  <a:pos x="T52" y="T53"/>
                </a:cxn>
                <a:cxn ang="T139">
                  <a:pos x="T54" y="T55"/>
                </a:cxn>
                <a:cxn ang="T140">
                  <a:pos x="T56" y="T57"/>
                </a:cxn>
                <a:cxn ang="T141">
                  <a:pos x="T58" y="T59"/>
                </a:cxn>
                <a:cxn ang="T142">
                  <a:pos x="T60" y="T61"/>
                </a:cxn>
                <a:cxn ang="T143">
                  <a:pos x="T62" y="T63"/>
                </a:cxn>
                <a:cxn ang="T144">
                  <a:pos x="T64" y="T65"/>
                </a:cxn>
                <a:cxn ang="T145">
                  <a:pos x="T66" y="T67"/>
                </a:cxn>
                <a:cxn ang="T146">
                  <a:pos x="T68" y="T69"/>
                </a:cxn>
                <a:cxn ang="T147">
                  <a:pos x="T70" y="T71"/>
                </a:cxn>
                <a:cxn ang="T148">
                  <a:pos x="T72" y="T73"/>
                </a:cxn>
                <a:cxn ang="T149">
                  <a:pos x="T74" y="T75"/>
                </a:cxn>
                <a:cxn ang="T150">
                  <a:pos x="T76" y="T77"/>
                </a:cxn>
                <a:cxn ang="T151">
                  <a:pos x="T78" y="T79"/>
                </a:cxn>
                <a:cxn ang="T152">
                  <a:pos x="T80" y="T81"/>
                </a:cxn>
                <a:cxn ang="T153">
                  <a:pos x="T82" y="T83"/>
                </a:cxn>
                <a:cxn ang="T154">
                  <a:pos x="T84" y="T85"/>
                </a:cxn>
                <a:cxn ang="T155">
                  <a:pos x="T86" y="T87"/>
                </a:cxn>
                <a:cxn ang="T156">
                  <a:pos x="T88" y="T89"/>
                </a:cxn>
                <a:cxn ang="T157">
                  <a:pos x="T90" y="T91"/>
                </a:cxn>
                <a:cxn ang="T158">
                  <a:pos x="T92" y="T93"/>
                </a:cxn>
                <a:cxn ang="T159">
                  <a:pos x="T94" y="T95"/>
                </a:cxn>
                <a:cxn ang="T160">
                  <a:pos x="T96" y="T97"/>
                </a:cxn>
                <a:cxn ang="T161">
                  <a:pos x="T98" y="T99"/>
                </a:cxn>
                <a:cxn ang="T162">
                  <a:pos x="T100" y="T101"/>
                </a:cxn>
                <a:cxn ang="T163">
                  <a:pos x="T102" y="T103"/>
                </a:cxn>
                <a:cxn ang="T164">
                  <a:pos x="T104" y="T105"/>
                </a:cxn>
                <a:cxn ang="T165">
                  <a:pos x="T106" y="T107"/>
                </a:cxn>
                <a:cxn ang="T166">
                  <a:pos x="T108" y="T109"/>
                </a:cxn>
                <a:cxn ang="T167">
                  <a:pos x="T110" y="T111"/>
                </a:cxn>
              </a:cxnLst>
              <a:rect l="0" t="0" r="r" b="b"/>
              <a:pathLst>
                <a:path w="360" h="642">
                  <a:moveTo>
                    <a:pt x="360" y="610"/>
                  </a:moveTo>
                  <a:lnTo>
                    <a:pt x="346" y="606"/>
                  </a:lnTo>
                  <a:lnTo>
                    <a:pt x="344" y="600"/>
                  </a:lnTo>
                  <a:lnTo>
                    <a:pt x="326" y="594"/>
                  </a:lnTo>
                  <a:lnTo>
                    <a:pt x="308" y="598"/>
                  </a:lnTo>
                  <a:lnTo>
                    <a:pt x="308" y="614"/>
                  </a:lnTo>
                  <a:lnTo>
                    <a:pt x="298" y="630"/>
                  </a:lnTo>
                  <a:lnTo>
                    <a:pt x="292" y="640"/>
                  </a:lnTo>
                  <a:lnTo>
                    <a:pt x="288" y="622"/>
                  </a:lnTo>
                  <a:lnTo>
                    <a:pt x="284" y="614"/>
                  </a:lnTo>
                  <a:lnTo>
                    <a:pt x="276" y="620"/>
                  </a:lnTo>
                  <a:lnTo>
                    <a:pt x="256" y="624"/>
                  </a:lnTo>
                  <a:lnTo>
                    <a:pt x="252" y="634"/>
                  </a:lnTo>
                  <a:lnTo>
                    <a:pt x="240" y="638"/>
                  </a:lnTo>
                  <a:lnTo>
                    <a:pt x="220" y="642"/>
                  </a:lnTo>
                  <a:lnTo>
                    <a:pt x="228" y="630"/>
                  </a:lnTo>
                  <a:lnTo>
                    <a:pt x="240" y="620"/>
                  </a:lnTo>
                  <a:lnTo>
                    <a:pt x="254" y="618"/>
                  </a:lnTo>
                  <a:lnTo>
                    <a:pt x="274" y="610"/>
                  </a:lnTo>
                  <a:lnTo>
                    <a:pt x="284" y="598"/>
                  </a:lnTo>
                  <a:lnTo>
                    <a:pt x="284" y="590"/>
                  </a:lnTo>
                  <a:lnTo>
                    <a:pt x="298" y="580"/>
                  </a:lnTo>
                  <a:lnTo>
                    <a:pt x="308" y="572"/>
                  </a:lnTo>
                  <a:lnTo>
                    <a:pt x="294" y="576"/>
                  </a:lnTo>
                  <a:lnTo>
                    <a:pt x="264" y="586"/>
                  </a:lnTo>
                  <a:lnTo>
                    <a:pt x="250" y="592"/>
                  </a:lnTo>
                  <a:lnTo>
                    <a:pt x="228" y="598"/>
                  </a:lnTo>
                  <a:lnTo>
                    <a:pt x="212" y="602"/>
                  </a:lnTo>
                  <a:lnTo>
                    <a:pt x="204" y="612"/>
                  </a:lnTo>
                  <a:lnTo>
                    <a:pt x="192" y="606"/>
                  </a:lnTo>
                  <a:lnTo>
                    <a:pt x="196" y="590"/>
                  </a:lnTo>
                  <a:lnTo>
                    <a:pt x="204" y="582"/>
                  </a:lnTo>
                  <a:lnTo>
                    <a:pt x="216" y="582"/>
                  </a:lnTo>
                  <a:lnTo>
                    <a:pt x="228" y="574"/>
                  </a:lnTo>
                  <a:lnTo>
                    <a:pt x="228" y="564"/>
                  </a:lnTo>
                  <a:lnTo>
                    <a:pt x="220" y="566"/>
                  </a:lnTo>
                  <a:lnTo>
                    <a:pt x="208" y="562"/>
                  </a:lnTo>
                  <a:lnTo>
                    <a:pt x="202" y="550"/>
                  </a:lnTo>
                  <a:lnTo>
                    <a:pt x="192" y="556"/>
                  </a:lnTo>
                  <a:lnTo>
                    <a:pt x="186" y="562"/>
                  </a:lnTo>
                  <a:lnTo>
                    <a:pt x="180" y="554"/>
                  </a:lnTo>
                  <a:lnTo>
                    <a:pt x="176" y="542"/>
                  </a:lnTo>
                  <a:lnTo>
                    <a:pt x="172" y="528"/>
                  </a:lnTo>
                  <a:lnTo>
                    <a:pt x="154" y="526"/>
                  </a:lnTo>
                  <a:lnTo>
                    <a:pt x="160" y="516"/>
                  </a:lnTo>
                  <a:lnTo>
                    <a:pt x="172" y="506"/>
                  </a:lnTo>
                  <a:lnTo>
                    <a:pt x="168" y="494"/>
                  </a:lnTo>
                  <a:lnTo>
                    <a:pt x="168" y="478"/>
                  </a:lnTo>
                  <a:lnTo>
                    <a:pt x="156" y="480"/>
                  </a:lnTo>
                  <a:lnTo>
                    <a:pt x="140" y="476"/>
                  </a:lnTo>
                  <a:lnTo>
                    <a:pt x="130" y="478"/>
                  </a:lnTo>
                  <a:lnTo>
                    <a:pt x="120" y="482"/>
                  </a:lnTo>
                  <a:lnTo>
                    <a:pt x="120" y="470"/>
                  </a:lnTo>
                  <a:lnTo>
                    <a:pt x="108" y="462"/>
                  </a:lnTo>
                  <a:lnTo>
                    <a:pt x="98" y="462"/>
                  </a:lnTo>
                  <a:lnTo>
                    <a:pt x="96" y="474"/>
                  </a:lnTo>
                  <a:lnTo>
                    <a:pt x="92" y="480"/>
                  </a:lnTo>
                  <a:lnTo>
                    <a:pt x="84" y="472"/>
                  </a:lnTo>
                  <a:lnTo>
                    <a:pt x="74" y="468"/>
                  </a:lnTo>
                  <a:lnTo>
                    <a:pt x="58" y="466"/>
                  </a:lnTo>
                  <a:lnTo>
                    <a:pt x="58" y="456"/>
                  </a:lnTo>
                  <a:lnTo>
                    <a:pt x="68" y="452"/>
                  </a:lnTo>
                  <a:lnTo>
                    <a:pt x="76" y="444"/>
                  </a:lnTo>
                  <a:lnTo>
                    <a:pt x="76" y="436"/>
                  </a:lnTo>
                  <a:lnTo>
                    <a:pt x="62" y="430"/>
                  </a:lnTo>
                  <a:lnTo>
                    <a:pt x="56" y="418"/>
                  </a:lnTo>
                  <a:lnTo>
                    <a:pt x="60" y="408"/>
                  </a:lnTo>
                  <a:lnTo>
                    <a:pt x="70" y="410"/>
                  </a:lnTo>
                  <a:lnTo>
                    <a:pt x="76" y="418"/>
                  </a:lnTo>
                  <a:lnTo>
                    <a:pt x="90" y="426"/>
                  </a:lnTo>
                  <a:lnTo>
                    <a:pt x="90" y="436"/>
                  </a:lnTo>
                  <a:lnTo>
                    <a:pt x="92" y="446"/>
                  </a:lnTo>
                  <a:lnTo>
                    <a:pt x="100" y="436"/>
                  </a:lnTo>
                  <a:lnTo>
                    <a:pt x="112" y="438"/>
                  </a:lnTo>
                  <a:lnTo>
                    <a:pt x="126" y="434"/>
                  </a:lnTo>
                  <a:lnTo>
                    <a:pt x="136" y="430"/>
                  </a:lnTo>
                  <a:lnTo>
                    <a:pt x="134" y="424"/>
                  </a:lnTo>
                  <a:lnTo>
                    <a:pt x="120" y="422"/>
                  </a:lnTo>
                  <a:lnTo>
                    <a:pt x="108" y="416"/>
                  </a:lnTo>
                  <a:lnTo>
                    <a:pt x="104" y="408"/>
                  </a:lnTo>
                  <a:lnTo>
                    <a:pt x="96" y="402"/>
                  </a:lnTo>
                  <a:lnTo>
                    <a:pt x="92" y="392"/>
                  </a:lnTo>
                  <a:lnTo>
                    <a:pt x="100" y="386"/>
                  </a:lnTo>
                  <a:lnTo>
                    <a:pt x="108" y="376"/>
                  </a:lnTo>
                  <a:lnTo>
                    <a:pt x="120" y="370"/>
                  </a:lnTo>
                  <a:lnTo>
                    <a:pt x="108" y="366"/>
                  </a:lnTo>
                  <a:lnTo>
                    <a:pt x="94" y="366"/>
                  </a:lnTo>
                  <a:lnTo>
                    <a:pt x="92" y="354"/>
                  </a:lnTo>
                  <a:lnTo>
                    <a:pt x="92" y="342"/>
                  </a:lnTo>
                  <a:lnTo>
                    <a:pt x="82" y="338"/>
                  </a:lnTo>
                  <a:lnTo>
                    <a:pt x="76" y="332"/>
                  </a:lnTo>
                  <a:lnTo>
                    <a:pt x="66" y="326"/>
                  </a:lnTo>
                  <a:lnTo>
                    <a:pt x="72" y="314"/>
                  </a:lnTo>
                  <a:lnTo>
                    <a:pt x="80" y="304"/>
                  </a:lnTo>
                  <a:lnTo>
                    <a:pt x="84" y="300"/>
                  </a:lnTo>
                  <a:lnTo>
                    <a:pt x="86" y="294"/>
                  </a:lnTo>
                  <a:lnTo>
                    <a:pt x="84" y="290"/>
                  </a:lnTo>
                  <a:lnTo>
                    <a:pt x="82" y="288"/>
                  </a:lnTo>
                  <a:lnTo>
                    <a:pt x="76" y="286"/>
                  </a:lnTo>
                  <a:lnTo>
                    <a:pt x="60" y="290"/>
                  </a:lnTo>
                  <a:lnTo>
                    <a:pt x="48" y="300"/>
                  </a:lnTo>
                  <a:lnTo>
                    <a:pt x="36" y="308"/>
                  </a:lnTo>
                  <a:lnTo>
                    <a:pt x="24" y="312"/>
                  </a:lnTo>
                  <a:lnTo>
                    <a:pt x="12" y="322"/>
                  </a:lnTo>
                  <a:lnTo>
                    <a:pt x="2" y="314"/>
                  </a:lnTo>
                  <a:lnTo>
                    <a:pt x="6" y="296"/>
                  </a:lnTo>
                  <a:lnTo>
                    <a:pt x="4" y="276"/>
                  </a:lnTo>
                  <a:lnTo>
                    <a:pt x="2" y="262"/>
                  </a:lnTo>
                  <a:lnTo>
                    <a:pt x="0" y="248"/>
                  </a:lnTo>
                  <a:lnTo>
                    <a:pt x="12" y="242"/>
                  </a:lnTo>
                  <a:lnTo>
                    <a:pt x="16" y="230"/>
                  </a:lnTo>
                  <a:lnTo>
                    <a:pt x="12" y="220"/>
                  </a:lnTo>
                  <a:lnTo>
                    <a:pt x="24" y="210"/>
                  </a:lnTo>
                  <a:lnTo>
                    <a:pt x="30" y="198"/>
                  </a:lnTo>
                  <a:lnTo>
                    <a:pt x="40" y="188"/>
                  </a:lnTo>
                  <a:lnTo>
                    <a:pt x="48" y="180"/>
                  </a:lnTo>
                  <a:lnTo>
                    <a:pt x="56" y="180"/>
                  </a:lnTo>
                  <a:lnTo>
                    <a:pt x="64" y="178"/>
                  </a:lnTo>
                  <a:lnTo>
                    <a:pt x="74" y="168"/>
                  </a:lnTo>
                  <a:lnTo>
                    <a:pt x="84" y="166"/>
                  </a:lnTo>
                  <a:lnTo>
                    <a:pt x="94" y="162"/>
                  </a:lnTo>
                  <a:lnTo>
                    <a:pt x="100" y="174"/>
                  </a:lnTo>
                  <a:lnTo>
                    <a:pt x="122" y="176"/>
                  </a:lnTo>
                  <a:lnTo>
                    <a:pt x="132" y="170"/>
                  </a:lnTo>
                  <a:lnTo>
                    <a:pt x="142" y="168"/>
                  </a:lnTo>
                  <a:lnTo>
                    <a:pt x="150" y="166"/>
                  </a:lnTo>
                  <a:lnTo>
                    <a:pt x="152" y="160"/>
                  </a:lnTo>
                  <a:lnTo>
                    <a:pt x="158" y="156"/>
                  </a:lnTo>
                  <a:lnTo>
                    <a:pt x="166" y="154"/>
                  </a:lnTo>
                  <a:lnTo>
                    <a:pt x="176" y="150"/>
                  </a:lnTo>
                  <a:lnTo>
                    <a:pt x="192" y="144"/>
                  </a:lnTo>
                  <a:lnTo>
                    <a:pt x="212" y="142"/>
                  </a:lnTo>
                  <a:lnTo>
                    <a:pt x="228" y="140"/>
                  </a:lnTo>
                  <a:lnTo>
                    <a:pt x="242" y="132"/>
                  </a:lnTo>
                  <a:lnTo>
                    <a:pt x="264" y="132"/>
                  </a:lnTo>
                  <a:lnTo>
                    <a:pt x="274" y="120"/>
                  </a:lnTo>
                  <a:lnTo>
                    <a:pt x="264" y="118"/>
                  </a:lnTo>
                  <a:lnTo>
                    <a:pt x="254" y="118"/>
                  </a:lnTo>
                  <a:lnTo>
                    <a:pt x="240" y="116"/>
                  </a:lnTo>
                  <a:lnTo>
                    <a:pt x="238" y="108"/>
                  </a:lnTo>
                  <a:lnTo>
                    <a:pt x="250" y="98"/>
                  </a:lnTo>
                  <a:lnTo>
                    <a:pt x="270" y="94"/>
                  </a:lnTo>
                  <a:lnTo>
                    <a:pt x="286" y="82"/>
                  </a:lnTo>
                  <a:lnTo>
                    <a:pt x="290" y="78"/>
                  </a:lnTo>
                  <a:lnTo>
                    <a:pt x="298" y="74"/>
                  </a:lnTo>
                  <a:lnTo>
                    <a:pt x="312" y="70"/>
                  </a:lnTo>
                  <a:lnTo>
                    <a:pt x="324" y="66"/>
                  </a:lnTo>
                  <a:lnTo>
                    <a:pt x="330" y="62"/>
                  </a:lnTo>
                  <a:lnTo>
                    <a:pt x="320" y="60"/>
                  </a:lnTo>
                  <a:lnTo>
                    <a:pt x="300" y="64"/>
                  </a:lnTo>
                  <a:lnTo>
                    <a:pt x="288" y="72"/>
                  </a:lnTo>
                  <a:lnTo>
                    <a:pt x="276" y="66"/>
                  </a:lnTo>
                  <a:lnTo>
                    <a:pt x="268" y="62"/>
                  </a:lnTo>
                  <a:lnTo>
                    <a:pt x="256" y="60"/>
                  </a:lnTo>
                  <a:lnTo>
                    <a:pt x="250" y="56"/>
                  </a:lnTo>
                  <a:lnTo>
                    <a:pt x="240" y="52"/>
                  </a:lnTo>
                  <a:lnTo>
                    <a:pt x="238" y="46"/>
                  </a:lnTo>
                  <a:lnTo>
                    <a:pt x="238" y="40"/>
                  </a:lnTo>
                  <a:lnTo>
                    <a:pt x="242" y="34"/>
                  </a:lnTo>
                  <a:lnTo>
                    <a:pt x="244" y="28"/>
                  </a:lnTo>
                  <a:lnTo>
                    <a:pt x="246" y="20"/>
                  </a:lnTo>
                  <a:lnTo>
                    <a:pt x="250" y="14"/>
                  </a:lnTo>
                  <a:lnTo>
                    <a:pt x="272" y="12"/>
                  </a:lnTo>
                  <a:lnTo>
                    <a:pt x="296" y="10"/>
                  </a:lnTo>
                  <a:lnTo>
                    <a:pt x="330" y="6"/>
                  </a:lnTo>
                  <a:lnTo>
                    <a:pt x="350" y="2"/>
                  </a:lnTo>
                  <a:lnTo>
                    <a:pt x="360" y="0"/>
                  </a:lnTo>
                  <a:lnTo>
                    <a:pt x="360" y="61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57" name="Freeform 45"/>
            <p:cNvSpPr>
              <a:spLocks/>
            </p:cNvSpPr>
            <p:nvPr/>
          </p:nvSpPr>
          <p:spPr bwMode="auto">
            <a:xfrm>
              <a:off x="4735" y="3741"/>
              <a:ext cx="31" cy="31"/>
            </a:xfrm>
            <a:custGeom>
              <a:avLst/>
              <a:gdLst>
                <a:gd name="T0" fmla="*/ 4 w 38"/>
                <a:gd name="T1" fmla="*/ 5 h 38"/>
                <a:gd name="T2" fmla="*/ 7 w 38"/>
                <a:gd name="T3" fmla="*/ 2 h 38"/>
                <a:gd name="T4" fmla="*/ 9 w 38"/>
                <a:gd name="T5" fmla="*/ 0 h 38"/>
                <a:gd name="T6" fmla="*/ 11 w 38"/>
                <a:gd name="T7" fmla="*/ 2 h 38"/>
                <a:gd name="T8" fmla="*/ 11 w 38"/>
                <a:gd name="T9" fmla="*/ 2 h 38"/>
                <a:gd name="T10" fmla="*/ 9 w 38"/>
                <a:gd name="T11" fmla="*/ 5 h 38"/>
                <a:gd name="T12" fmla="*/ 7 w 38"/>
                <a:gd name="T13" fmla="*/ 7 h 38"/>
                <a:gd name="T14" fmla="*/ 5 w 38"/>
                <a:gd name="T15" fmla="*/ 9 h 38"/>
                <a:gd name="T16" fmla="*/ 5 w 38"/>
                <a:gd name="T17" fmla="*/ 9 h 38"/>
                <a:gd name="T18" fmla="*/ 4 w 38"/>
                <a:gd name="T19" fmla="*/ 11 h 38"/>
                <a:gd name="T20" fmla="*/ 2 w 38"/>
                <a:gd name="T21" fmla="*/ 11 h 38"/>
                <a:gd name="T22" fmla="*/ 2 w 38"/>
                <a:gd name="T23" fmla="*/ 11 h 38"/>
                <a:gd name="T24" fmla="*/ 0 w 38"/>
                <a:gd name="T25" fmla="*/ 9 h 38"/>
                <a:gd name="T26" fmla="*/ 2 w 38"/>
                <a:gd name="T27" fmla="*/ 7 h 38"/>
                <a:gd name="T28" fmla="*/ 3 w 38"/>
                <a:gd name="T29" fmla="*/ 7 h 38"/>
                <a:gd name="T30" fmla="*/ 4 w 38"/>
                <a:gd name="T31" fmla="*/ 5 h 38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0" t="0" r="r" b="b"/>
              <a:pathLst>
                <a:path w="38" h="38">
                  <a:moveTo>
                    <a:pt x="14" y="16"/>
                  </a:moveTo>
                  <a:lnTo>
                    <a:pt x="24" y="4"/>
                  </a:lnTo>
                  <a:lnTo>
                    <a:pt x="32" y="0"/>
                  </a:lnTo>
                  <a:lnTo>
                    <a:pt x="38" y="2"/>
                  </a:lnTo>
                  <a:lnTo>
                    <a:pt x="38" y="8"/>
                  </a:lnTo>
                  <a:lnTo>
                    <a:pt x="30" y="16"/>
                  </a:lnTo>
                  <a:lnTo>
                    <a:pt x="22" y="24"/>
                  </a:lnTo>
                  <a:lnTo>
                    <a:pt x="16" y="28"/>
                  </a:lnTo>
                  <a:lnTo>
                    <a:pt x="16" y="32"/>
                  </a:lnTo>
                  <a:lnTo>
                    <a:pt x="12" y="36"/>
                  </a:lnTo>
                  <a:lnTo>
                    <a:pt x="6" y="38"/>
                  </a:lnTo>
                  <a:lnTo>
                    <a:pt x="2" y="38"/>
                  </a:lnTo>
                  <a:lnTo>
                    <a:pt x="0" y="30"/>
                  </a:lnTo>
                  <a:lnTo>
                    <a:pt x="4" y="24"/>
                  </a:lnTo>
                  <a:lnTo>
                    <a:pt x="10" y="22"/>
                  </a:lnTo>
                  <a:lnTo>
                    <a:pt x="14" y="16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58" name="Freeform 46"/>
            <p:cNvSpPr>
              <a:spLocks/>
            </p:cNvSpPr>
            <p:nvPr/>
          </p:nvSpPr>
          <p:spPr bwMode="auto">
            <a:xfrm>
              <a:off x="4603" y="3590"/>
              <a:ext cx="31" cy="44"/>
            </a:xfrm>
            <a:custGeom>
              <a:avLst/>
              <a:gdLst>
                <a:gd name="T0" fmla="*/ 5 w 38"/>
                <a:gd name="T1" fmla="*/ 7 h 54"/>
                <a:gd name="T2" fmla="*/ 3 w 38"/>
                <a:gd name="T3" fmla="*/ 6 h 54"/>
                <a:gd name="T4" fmla="*/ 2 w 38"/>
                <a:gd name="T5" fmla="*/ 4 h 54"/>
                <a:gd name="T6" fmla="*/ 0 w 38"/>
                <a:gd name="T7" fmla="*/ 2 h 54"/>
                <a:gd name="T8" fmla="*/ 2 w 38"/>
                <a:gd name="T9" fmla="*/ 2 h 54"/>
                <a:gd name="T10" fmla="*/ 4 w 38"/>
                <a:gd name="T11" fmla="*/ 0 h 54"/>
                <a:gd name="T12" fmla="*/ 7 w 38"/>
                <a:gd name="T13" fmla="*/ 0 h 54"/>
                <a:gd name="T14" fmla="*/ 9 w 38"/>
                <a:gd name="T15" fmla="*/ 2 h 54"/>
                <a:gd name="T16" fmla="*/ 11 w 38"/>
                <a:gd name="T17" fmla="*/ 4 h 54"/>
                <a:gd name="T18" fmla="*/ 11 w 38"/>
                <a:gd name="T19" fmla="*/ 6 h 54"/>
                <a:gd name="T20" fmla="*/ 11 w 38"/>
                <a:gd name="T21" fmla="*/ 7 h 54"/>
                <a:gd name="T22" fmla="*/ 11 w 38"/>
                <a:gd name="T23" fmla="*/ 9 h 54"/>
                <a:gd name="T24" fmla="*/ 11 w 38"/>
                <a:gd name="T25" fmla="*/ 11 h 54"/>
                <a:gd name="T26" fmla="*/ 11 w 38"/>
                <a:gd name="T27" fmla="*/ 13 h 54"/>
                <a:gd name="T28" fmla="*/ 9 w 38"/>
                <a:gd name="T29" fmla="*/ 15 h 54"/>
                <a:gd name="T30" fmla="*/ 7 w 38"/>
                <a:gd name="T31" fmla="*/ 16 h 54"/>
                <a:gd name="T32" fmla="*/ 6 w 38"/>
                <a:gd name="T33" fmla="*/ 15 h 54"/>
                <a:gd name="T34" fmla="*/ 3 w 38"/>
                <a:gd name="T35" fmla="*/ 13 h 54"/>
                <a:gd name="T36" fmla="*/ 5 w 38"/>
                <a:gd name="T37" fmla="*/ 11 h 54"/>
                <a:gd name="T38" fmla="*/ 6 w 38"/>
                <a:gd name="T39" fmla="*/ 10 h 54"/>
                <a:gd name="T40" fmla="*/ 7 w 38"/>
                <a:gd name="T41" fmla="*/ 7 h 54"/>
                <a:gd name="T42" fmla="*/ 5 w 38"/>
                <a:gd name="T43" fmla="*/ 7 h 54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</a:gdLst>
              <a:ahLst/>
              <a:cxnLst>
                <a:cxn ang="T44">
                  <a:pos x="T0" y="T1"/>
                </a:cxn>
                <a:cxn ang="T45">
                  <a:pos x="T2" y="T3"/>
                </a:cxn>
                <a:cxn ang="T46">
                  <a:pos x="T4" y="T5"/>
                </a:cxn>
                <a:cxn ang="T47">
                  <a:pos x="T6" y="T7"/>
                </a:cxn>
                <a:cxn ang="T48">
                  <a:pos x="T8" y="T9"/>
                </a:cxn>
                <a:cxn ang="T49">
                  <a:pos x="T10" y="T11"/>
                </a:cxn>
                <a:cxn ang="T50">
                  <a:pos x="T12" y="T13"/>
                </a:cxn>
                <a:cxn ang="T51">
                  <a:pos x="T14" y="T15"/>
                </a:cxn>
                <a:cxn ang="T52">
                  <a:pos x="T16" y="T17"/>
                </a:cxn>
                <a:cxn ang="T53">
                  <a:pos x="T18" y="T19"/>
                </a:cxn>
                <a:cxn ang="T54">
                  <a:pos x="T20" y="T21"/>
                </a:cxn>
                <a:cxn ang="T55">
                  <a:pos x="T22" y="T23"/>
                </a:cxn>
                <a:cxn ang="T56">
                  <a:pos x="T24" y="T25"/>
                </a:cxn>
                <a:cxn ang="T57">
                  <a:pos x="T26" y="T27"/>
                </a:cxn>
                <a:cxn ang="T58">
                  <a:pos x="T28" y="T29"/>
                </a:cxn>
                <a:cxn ang="T59">
                  <a:pos x="T30" y="T31"/>
                </a:cxn>
                <a:cxn ang="T60">
                  <a:pos x="T32" y="T33"/>
                </a:cxn>
                <a:cxn ang="T61">
                  <a:pos x="T34" y="T35"/>
                </a:cxn>
                <a:cxn ang="T62">
                  <a:pos x="T36" y="T37"/>
                </a:cxn>
                <a:cxn ang="T63">
                  <a:pos x="T38" y="T39"/>
                </a:cxn>
                <a:cxn ang="T64">
                  <a:pos x="T40" y="T41"/>
                </a:cxn>
                <a:cxn ang="T65">
                  <a:pos x="T42" y="T43"/>
                </a:cxn>
              </a:cxnLst>
              <a:rect l="0" t="0" r="r" b="b"/>
              <a:pathLst>
                <a:path w="38" h="54">
                  <a:moveTo>
                    <a:pt x="16" y="22"/>
                  </a:moveTo>
                  <a:lnTo>
                    <a:pt x="10" y="18"/>
                  </a:lnTo>
                  <a:lnTo>
                    <a:pt x="4" y="14"/>
                  </a:lnTo>
                  <a:lnTo>
                    <a:pt x="0" y="6"/>
                  </a:lnTo>
                  <a:lnTo>
                    <a:pt x="6" y="2"/>
                  </a:lnTo>
                  <a:lnTo>
                    <a:pt x="12" y="0"/>
                  </a:lnTo>
                  <a:lnTo>
                    <a:pt x="22" y="0"/>
                  </a:lnTo>
                  <a:lnTo>
                    <a:pt x="32" y="4"/>
                  </a:lnTo>
                  <a:lnTo>
                    <a:pt x="36" y="12"/>
                  </a:lnTo>
                  <a:lnTo>
                    <a:pt x="36" y="18"/>
                  </a:lnTo>
                  <a:lnTo>
                    <a:pt x="38" y="26"/>
                  </a:lnTo>
                  <a:lnTo>
                    <a:pt x="38" y="30"/>
                  </a:lnTo>
                  <a:lnTo>
                    <a:pt x="36" y="38"/>
                  </a:lnTo>
                  <a:lnTo>
                    <a:pt x="34" y="46"/>
                  </a:lnTo>
                  <a:lnTo>
                    <a:pt x="32" y="52"/>
                  </a:lnTo>
                  <a:lnTo>
                    <a:pt x="24" y="54"/>
                  </a:lnTo>
                  <a:lnTo>
                    <a:pt x="18" y="52"/>
                  </a:lnTo>
                  <a:lnTo>
                    <a:pt x="10" y="46"/>
                  </a:lnTo>
                  <a:lnTo>
                    <a:pt x="16" y="38"/>
                  </a:lnTo>
                  <a:lnTo>
                    <a:pt x="20" y="34"/>
                  </a:lnTo>
                  <a:lnTo>
                    <a:pt x="22" y="26"/>
                  </a:lnTo>
                  <a:lnTo>
                    <a:pt x="16" y="22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59" name="Freeform 47"/>
            <p:cNvSpPr>
              <a:spLocks/>
            </p:cNvSpPr>
            <p:nvPr/>
          </p:nvSpPr>
          <p:spPr bwMode="auto">
            <a:xfrm>
              <a:off x="4637" y="3681"/>
              <a:ext cx="27" cy="23"/>
            </a:xfrm>
            <a:custGeom>
              <a:avLst/>
              <a:gdLst>
                <a:gd name="T0" fmla="*/ 12 w 32"/>
                <a:gd name="T1" fmla="*/ 0 h 28"/>
                <a:gd name="T2" fmla="*/ 12 w 32"/>
                <a:gd name="T3" fmla="*/ 2 h 28"/>
                <a:gd name="T4" fmla="*/ 10 w 32"/>
                <a:gd name="T5" fmla="*/ 4 h 28"/>
                <a:gd name="T6" fmla="*/ 7 w 32"/>
                <a:gd name="T7" fmla="*/ 5 h 28"/>
                <a:gd name="T8" fmla="*/ 6 w 32"/>
                <a:gd name="T9" fmla="*/ 7 h 28"/>
                <a:gd name="T10" fmla="*/ 4 w 32"/>
                <a:gd name="T11" fmla="*/ 8 h 28"/>
                <a:gd name="T12" fmla="*/ 2 w 32"/>
                <a:gd name="T13" fmla="*/ 9 h 28"/>
                <a:gd name="T14" fmla="*/ 0 w 32"/>
                <a:gd name="T15" fmla="*/ 7 h 28"/>
                <a:gd name="T16" fmla="*/ 3 w 32"/>
                <a:gd name="T17" fmla="*/ 5 h 28"/>
                <a:gd name="T18" fmla="*/ 3 w 32"/>
                <a:gd name="T19" fmla="*/ 3 h 28"/>
                <a:gd name="T20" fmla="*/ 6 w 32"/>
                <a:gd name="T21" fmla="*/ 2 h 28"/>
                <a:gd name="T22" fmla="*/ 8 w 32"/>
                <a:gd name="T23" fmla="*/ 2 h 28"/>
                <a:gd name="T24" fmla="*/ 10 w 32"/>
                <a:gd name="T25" fmla="*/ 0 h 28"/>
                <a:gd name="T26" fmla="*/ 12 w 32"/>
                <a:gd name="T27" fmla="*/ 0 h 28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0" t="0" r="r" b="b"/>
              <a:pathLst>
                <a:path w="32" h="28">
                  <a:moveTo>
                    <a:pt x="32" y="0"/>
                  </a:moveTo>
                  <a:lnTo>
                    <a:pt x="32" y="8"/>
                  </a:lnTo>
                  <a:lnTo>
                    <a:pt x="28" y="12"/>
                  </a:lnTo>
                  <a:lnTo>
                    <a:pt x="18" y="16"/>
                  </a:lnTo>
                  <a:lnTo>
                    <a:pt x="16" y="22"/>
                  </a:lnTo>
                  <a:lnTo>
                    <a:pt x="12" y="26"/>
                  </a:lnTo>
                  <a:lnTo>
                    <a:pt x="2" y="28"/>
                  </a:lnTo>
                  <a:lnTo>
                    <a:pt x="0" y="22"/>
                  </a:lnTo>
                  <a:lnTo>
                    <a:pt x="4" y="16"/>
                  </a:lnTo>
                  <a:lnTo>
                    <a:pt x="8" y="10"/>
                  </a:lnTo>
                  <a:lnTo>
                    <a:pt x="16" y="8"/>
                  </a:lnTo>
                  <a:lnTo>
                    <a:pt x="22" y="6"/>
                  </a:lnTo>
                  <a:lnTo>
                    <a:pt x="26" y="0"/>
                  </a:lnTo>
                  <a:lnTo>
                    <a:pt x="32" y="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60" name="Freeform 48"/>
            <p:cNvSpPr>
              <a:spLocks/>
            </p:cNvSpPr>
            <p:nvPr/>
          </p:nvSpPr>
          <p:spPr bwMode="auto">
            <a:xfrm>
              <a:off x="4553" y="3420"/>
              <a:ext cx="23" cy="18"/>
            </a:xfrm>
            <a:custGeom>
              <a:avLst/>
              <a:gdLst>
                <a:gd name="T0" fmla="*/ 9 w 28"/>
                <a:gd name="T1" fmla="*/ 2 h 22"/>
                <a:gd name="T2" fmla="*/ 7 w 28"/>
                <a:gd name="T3" fmla="*/ 4 h 22"/>
                <a:gd name="T4" fmla="*/ 5 w 28"/>
                <a:gd name="T5" fmla="*/ 7 h 22"/>
                <a:gd name="T6" fmla="*/ 2 w 28"/>
                <a:gd name="T7" fmla="*/ 7 h 22"/>
                <a:gd name="T8" fmla="*/ 0 w 28"/>
                <a:gd name="T9" fmla="*/ 6 h 22"/>
                <a:gd name="T10" fmla="*/ 2 w 28"/>
                <a:gd name="T11" fmla="*/ 3 h 22"/>
                <a:gd name="T12" fmla="*/ 3 w 28"/>
                <a:gd name="T13" fmla="*/ 2 h 22"/>
                <a:gd name="T14" fmla="*/ 6 w 28"/>
                <a:gd name="T15" fmla="*/ 2 h 22"/>
                <a:gd name="T16" fmla="*/ 7 w 28"/>
                <a:gd name="T17" fmla="*/ 0 h 22"/>
                <a:gd name="T18" fmla="*/ 8 w 28"/>
                <a:gd name="T19" fmla="*/ 0 h 22"/>
                <a:gd name="T20" fmla="*/ 9 w 28"/>
                <a:gd name="T21" fmla="*/ 2 h 22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28" h="22">
                  <a:moveTo>
                    <a:pt x="28" y="4"/>
                  </a:moveTo>
                  <a:lnTo>
                    <a:pt x="24" y="14"/>
                  </a:lnTo>
                  <a:lnTo>
                    <a:pt x="14" y="22"/>
                  </a:lnTo>
                  <a:lnTo>
                    <a:pt x="4" y="22"/>
                  </a:lnTo>
                  <a:lnTo>
                    <a:pt x="0" y="20"/>
                  </a:lnTo>
                  <a:lnTo>
                    <a:pt x="2" y="10"/>
                  </a:lnTo>
                  <a:lnTo>
                    <a:pt x="10" y="4"/>
                  </a:lnTo>
                  <a:lnTo>
                    <a:pt x="18" y="2"/>
                  </a:lnTo>
                  <a:lnTo>
                    <a:pt x="22" y="0"/>
                  </a:lnTo>
                  <a:lnTo>
                    <a:pt x="26" y="0"/>
                  </a:lnTo>
                  <a:lnTo>
                    <a:pt x="28" y="4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61" name="Freeform 49"/>
            <p:cNvSpPr>
              <a:spLocks/>
            </p:cNvSpPr>
            <p:nvPr/>
          </p:nvSpPr>
          <p:spPr bwMode="auto">
            <a:xfrm>
              <a:off x="4682" y="3653"/>
              <a:ext cx="42" cy="22"/>
            </a:xfrm>
            <a:custGeom>
              <a:avLst/>
              <a:gdLst>
                <a:gd name="T0" fmla="*/ 2 w 52"/>
                <a:gd name="T1" fmla="*/ 4 h 26"/>
                <a:gd name="T2" fmla="*/ 2 w 52"/>
                <a:gd name="T3" fmla="*/ 3 h 26"/>
                <a:gd name="T4" fmla="*/ 5 w 52"/>
                <a:gd name="T5" fmla="*/ 3 h 26"/>
                <a:gd name="T6" fmla="*/ 6 w 52"/>
                <a:gd name="T7" fmla="*/ 3 h 26"/>
                <a:gd name="T8" fmla="*/ 8 w 52"/>
                <a:gd name="T9" fmla="*/ 3 h 26"/>
                <a:gd name="T10" fmla="*/ 10 w 52"/>
                <a:gd name="T11" fmla="*/ 2 h 26"/>
                <a:gd name="T12" fmla="*/ 11 w 52"/>
                <a:gd name="T13" fmla="*/ 0 h 26"/>
                <a:gd name="T14" fmla="*/ 14 w 52"/>
                <a:gd name="T15" fmla="*/ 0 h 26"/>
                <a:gd name="T16" fmla="*/ 15 w 52"/>
                <a:gd name="T17" fmla="*/ 3 h 26"/>
                <a:gd name="T18" fmla="*/ 12 w 52"/>
                <a:gd name="T19" fmla="*/ 5 h 26"/>
                <a:gd name="T20" fmla="*/ 12 w 52"/>
                <a:gd name="T21" fmla="*/ 5 h 26"/>
                <a:gd name="T22" fmla="*/ 10 w 52"/>
                <a:gd name="T23" fmla="*/ 8 h 26"/>
                <a:gd name="T24" fmla="*/ 8 w 52"/>
                <a:gd name="T25" fmla="*/ 8 h 26"/>
                <a:gd name="T26" fmla="*/ 6 w 52"/>
                <a:gd name="T27" fmla="*/ 7 h 26"/>
                <a:gd name="T28" fmla="*/ 4 w 52"/>
                <a:gd name="T29" fmla="*/ 7 h 26"/>
                <a:gd name="T30" fmla="*/ 3 w 52"/>
                <a:gd name="T31" fmla="*/ 10 h 26"/>
                <a:gd name="T32" fmla="*/ 0 w 52"/>
                <a:gd name="T33" fmla="*/ 7 h 26"/>
                <a:gd name="T34" fmla="*/ 2 w 52"/>
                <a:gd name="T35" fmla="*/ 4 h 2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0" t="0" r="r" b="b"/>
              <a:pathLst>
                <a:path w="52" h="26">
                  <a:moveTo>
                    <a:pt x="6" y="12"/>
                  </a:moveTo>
                  <a:lnTo>
                    <a:pt x="10" y="8"/>
                  </a:lnTo>
                  <a:lnTo>
                    <a:pt x="16" y="4"/>
                  </a:lnTo>
                  <a:lnTo>
                    <a:pt x="22" y="4"/>
                  </a:lnTo>
                  <a:lnTo>
                    <a:pt x="28" y="4"/>
                  </a:lnTo>
                  <a:lnTo>
                    <a:pt x="34" y="2"/>
                  </a:lnTo>
                  <a:lnTo>
                    <a:pt x="38" y="0"/>
                  </a:lnTo>
                  <a:lnTo>
                    <a:pt x="48" y="0"/>
                  </a:lnTo>
                  <a:lnTo>
                    <a:pt x="52" y="4"/>
                  </a:lnTo>
                  <a:lnTo>
                    <a:pt x="46" y="14"/>
                  </a:lnTo>
                  <a:lnTo>
                    <a:pt x="42" y="14"/>
                  </a:lnTo>
                  <a:lnTo>
                    <a:pt x="36" y="24"/>
                  </a:lnTo>
                  <a:lnTo>
                    <a:pt x="28" y="22"/>
                  </a:lnTo>
                  <a:lnTo>
                    <a:pt x="20" y="20"/>
                  </a:lnTo>
                  <a:lnTo>
                    <a:pt x="14" y="20"/>
                  </a:lnTo>
                  <a:lnTo>
                    <a:pt x="12" y="26"/>
                  </a:lnTo>
                  <a:lnTo>
                    <a:pt x="0" y="20"/>
                  </a:lnTo>
                  <a:lnTo>
                    <a:pt x="6" y="12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62" name="Freeform 50"/>
            <p:cNvSpPr>
              <a:spLocks/>
            </p:cNvSpPr>
            <p:nvPr/>
          </p:nvSpPr>
          <p:spPr bwMode="auto">
            <a:xfrm>
              <a:off x="4589" y="3502"/>
              <a:ext cx="68" cy="42"/>
            </a:xfrm>
            <a:custGeom>
              <a:avLst/>
              <a:gdLst>
                <a:gd name="T0" fmla="*/ 6 w 84"/>
                <a:gd name="T1" fmla="*/ 12 h 52"/>
                <a:gd name="T2" fmla="*/ 2 w 84"/>
                <a:gd name="T3" fmla="*/ 11 h 52"/>
                <a:gd name="T4" fmla="*/ 0 w 84"/>
                <a:gd name="T5" fmla="*/ 10 h 52"/>
                <a:gd name="T6" fmla="*/ 2 w 84"/>
                <a:gd name="T7" fmla="*/ 6 h 52"/>
                <a:gd name="T8" fmla="*/ 2 w 84"/>
                <a:gd name="T9" fmla="*/ 6 h 52"/>
                <a:gd name="T10" fmla="*/ 6 w 84"/>
                <a:gd name="T11" fmla="*/ 5 h 52"/>
                <a:gd name="T12" fmla="*/ 7 w 84"/>
                <a:gd name="T13" fmla="*/ 2 h 52"/>
                <a:gd name="T14" fmla="*/ 8 w 84"/>
                <a:gd name="T15" fmla="*/ 2 h 52"/>
                <a:gd name="T16" fmla="*/ 9 w 84"/>
                <a:gd name="T17" fmla="*/ 2 h 52"/>
                <a:gd name="T18" fmla="*/ 11 w 84"/>
                <a:gd name="T19" fmla="*/ 0 h 52"/>
                <a:gd name="T20" fmla="*/ 12 w 84"/>
                <a:gd name="T21" fmla="*/ 0 h 52"/>
                <a:gd name="T22" fmla="*/ 15 w 84"/>
                <a:gd name="T23" fmla="*/ 3 h 52"/>
                <a:gd name="T24" fmla="*/ 19 w 84"/>
                <a:gd name="T25" fmla="*/ 6 h 52"/>
                <a:gd name="T26" fmla="*/ 21 w 84"/>
                <a:gd name="T27" fmla="*/ 8 h 52"/>
                <a:gd name="T28" fmla="*/ 23 w 84"/>
                <a:gd name="T29" fmla="*/ 10 h 52"/>
                <a:gd name="T30" fmla="*/ 22 w 84"/>
                <a:gd name="T31" fmla="*/ 12 h 52"/>
                <a:gd name="T32" fmla="*/ 19 w 84"/>
                <a:gd name="T33" fmla="*/ 15 h 52"/>
                <a:gd name="T34" fmla="*/ 15 w 84"/>
                <a:gd name="T35" fmla="*/ 14 h 52"/>
                <a:gd name="T36" fmla="*/ 12 w 84"/>
                <a:gd name="T37" fmla="*/ 14 h 52"/>
                <a:gd name="T38" fmla="*/ 11 w 84"/>
                <a:gd name="T39" fmla="*/ 14 h 52"/>
                <a:gd name="T40" fmla="*/ 8 w 84"/>
                <a:gd name="T41" fmla="*/ 12 h 52"/>
                <a:gd name="T42" fmla="*/ 10 w 84"/>
                <a:gd name="T43" fmla="*/ 11 h 52"/>
                <a:gd name="T44" fmla="*/ 11 w 84"/>
                <a:gd name="T45" fmla="*/ 10 h 52"/>
                <a:gd name="T46" fmla="*/ 12 w 84"/>
                <a:gd name="T47" fmla="*/ 8 h 52"/>
                <a:gd name="T48" fmla="*/ 10 w 84"/>
                <a:gd name="T49" fmla="*/ 7 h 52"/>
                <a:gd name="T50" fmla="*/ 8 w 84"/>
                <a:gd name="T51" fmla="*/ 8 h 52"/>
                <a:gd name="T52" fmla="*/ 8 w 84"/>
                <a:gd name="T53" fmla="*/ 10 h 52"/>
                <a:gd name="T54" fmla="*/ 8 w 84"/>
                <a:gd name="T55" fmla="*/ 12 h 52"/>
                <a:gd name="T56" fmla="*/ 6 w 84"/>
                <a:gd name="T57" fmla="*/ 12 h 52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0" t="0" r="r" b="b"/>
              <a:pathLst>
                <a:path w="84" h="52">
                  <a:moveTo>
                    <a:pt x="22" y="42"/>
                  </a:moveTo>
                  <a:lnTo>
                    <a:pt x="8" y="40"/>
                  </a:lnTo>
                  <a:lnTo>
                    <a:pt x="0" y="34"/>
                  </a:lnTo>
                  <a:lnTo>
                    <a:pt x="2" y="24"/>
                  </a:lnTo>
                  <a:lnTo>
                    <a:pt x="10" y="20"/>
                  </a:lnTo>
                  <a:lnTo>
                    <a:pt x="22" y="16"/>
                  </a:lnTo>
                  <a:lnTo>
                    <a:pt x="26" y="8"/>
                  </a:lnTo>
                  <a:lnTo>
                    <a:pt x="28" y="6"/>
                  </a:lnTo>
                  <a:lnTo>
                    <a:pt x="32" y="2"/>
                  </a:lnTo>
                  <a:lnTo>
                    <a:pt x="40" y="0"/>
                  </a:lnTo>
                  <a:lnTo>
                    <a:pt x="46" y="0"/>
                  </a:lnTo>
                  <a:lnTo>
                    <a:pt x="56" y="12"/>
                  </a:lnTo>
                  <a:lnTo>
                    <a:pt x="64" y="22"/>
                  </a:lnTo>
                  <a:lnTo>
                    <a:pt x="76" y="28"/>
                  </a:lnTo>
                  <a:lnTo>
                    <a:pt x="84" y="36"/>
                  </a:lnTo>
                  <a:lnTo>
                    <a:pt x="78" y="46"/>
                  </a:lnTo>
                  <a:lnTo>
                    <a:pt x="64" y="52"/>
                  </a:lnTo>
                  <a:lnTo>
                    <a:pt x="56" y="48"/>
                  </a:lnTo>
                  <a:lnTo>
                    <a:pt x="46" y="50"/>
                  </a:lnTo>
                  <a:lnTo>
                    <a:pt x="38" y="50"/>
                  </a:lnTo>
                  <a:lnTo>
                    <a:pt x="30" y="46"/>
                  </a:lnTo>
                  <a:lnTo>
                    <a:pt x="36" y="40"/>
                  </a:lnTo>
                  <a:lnTo>
                    <a:pt x="40" y="34"/>
                  </a:lnTo>
                  <a:lnTo>
                    <a:pt x="44" y="28"/>
                  </a:lnTo>
                  <a:lnTo>
                    <a:pt x="36" y="26"/>
                  </a:lnTo>
                  <a:lnTo>
                    <a:pt x="30" y="30"/>
                  </a:lnTo>
                  <a:lnTo>
                    <a:pt x="28" y="36"/>
                  </a:lnTo>
                  <a:lnTo>
                    <a:pt x="28" y="42"/>
                  </a:lnTo>
                  <a:lnTo>
                    <a:pt x="22" y="42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63" name="Freeform 51"/>
            <p:cNvSpPr>
              <a:spLocks/>
            </p:cNvSpPr>
            <p:nvPr/>
          </p:nvSpPr>
          <p:spPr bwMode="auto">
            <a:xfrm>
              <a:off x="4688" y="3342"/>
              <a:ext cx="15" cy="11"/>
            </a:xfrm>
            <a:custGeom>
              <a:avLst/>
              <a:gdLst>
                <a:gd name="T0" fmla="*/ 3 w 18"/>
                <a:gd name="T1" fmla="*/ 2 h 14"/>
                <a:gd name="T2" fmla="*/ 5 w 18"/>
                <a:gd name="T3" fmla="*/ 0 h 14"/>
                <a:gd name="T4" fmla="*/ 7 w 18"/>
                <a:gd name="T5" fmla="*/ 2 h 14"/>
                <a:gd name="T6" fmla="*/ 7 w 18"/>
                <a:gd name="T7" fmla="*/ 2 h 14"/>
                <a:gd name="T8" fmla="*/ 4 w 18"/>
                <a:gd name="T9" fmla="*/ 4 h 14"/>
                <a:gd name="T10" fmla="*/ 3 w 18"/>
                <a:gd name="T11" fmla="*/ 4 h 14"/>
                <a:gd name="T12" fmla="*/ 0 w 18"/>
                <a:gd name="T13" fmla="*/ 2 h 14"/>
                <a:gd name="T14" fmla="*/ 2 w 18"/>
                <a:gd name="T15" fmla="*/ 2 h 14"/>
                <a:gd name="T16" fmla="*/ 3 w 18"/>
                <a:gd name="T17" fmla="*/ 2 h 14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18" h="14">
                  <a:moveTo>
                    <a:pt x="4" y="2"/>
                  </a:moveTo>
                  <a:lnTo>
                    <a:pt x="14" y="0"/>
                  </a:lnTo>
                  <a:lnTo>
                    <a:pt x="18" y="2"/>
                  </a:lnTo>
                  <a:lnTo>
                    <a:pt x="18" y="8"/>
                  </a:lnTo>
                  <a:lnTo>
                    <a:pt x="12" y="14"/>
                  </a:lnTo>
                  <a:lnTo>
                    <a:pt x="6" y="14"/>
                  </a:lnTo>
                  <a:lnTo>
                    <a:pt x="0" y="10"/>
                  </a:lnTo>
                  <a:lnTo>
                    <a:pt x="2" y="4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3943" name="Freeform 52"/>
          <p:cNvSpPr>
            <a:spLocks/>
          </p:cNvSpPr>
          <p:nvPr/>
        </p:nvSpPr>
        <p:spPr bwMode="auto">
          <a:xfrm>
            <a:off x="6989763" y="6154738"/>
            <a:ext cx="28575" cy="38100"/>
          </a:xfrm>
          <a:custGeom>
            <a:avLst/>
            <a:gdLst>
              <a:gd name="T0" fmla="*/ 0 w 22"/>
              <a:gd name="T1" fmla="*/ 2147483647 h 30"/>
              <a:gd name="T2" fmla="*/ 2147483647 w 22"/>
              <a:gd name="T3" fmla="*/ 0 h 30"/>
              <a:gd name="T4" fmla="*/ 2147483647 w 22"/>
              <a:gd name="T5" fmla="*/ 2147483647 h 30"/>
              <a:gd name="T6" fmla="*/ 2147483647 w 22"/>
              <a:gd name="T7" fmla="*/ 2147483647 h 30"/>
              <a:gd name="T8" fmla="*/ 2147483647 w 22"/>
              <a:gd name="T9" fmla="*/ 2147483647 h 30"/>
              <a:gd name="T10" fmla="*/ 2147483647 w 22"/>
              <a:gd name="T11" fmla="*/ 2147483647 h 30"/>
              <a:gd name="T12" fmla="*/ 2147483647 w 22"/>
              <a:gd name="T13" fmla="*/ 2147483647 h 30"/>
              <a:gd name="T14" fmla="*/ 2147483647 w 22"/>
              <a:gd name="T15" fmla="*/ 2147483647 h 30"/>
              <a:gd name="T16" fmla="*/ 2147483647 w 22"/>
              <a:gd name="T17" fmla="*/ 2147483647 h 30"/>
              <a:gd name="T18" fmla="*/ 2147483647 w 22"/>
              <a:gd name="T19" fmla="*/ 2147483647 h 30"/>
              <a:gd name="T20" fmla="*/ 0 w 22"/>
              <a:gd name="T21" fmla="*/ 2147483647 h 30"/>
              <a:gd name="T22" fmla="*/ 0 w 22"/>
              <a:gd name="T23" fmla="*/ 2147483647 h 30"/>
              <a:gd name="T24" fmla="*/ 0 w 22"/>
              <a:gd name="T25" fmla="*/ 2147483647 h 30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22" h="30">
                <a:moveTo>
                  <a:pt x="0" y="4"/>
                </a:moveTo>
                <a:lnTo>
                  <a:pt x="6" y="0"/>
                </a:lnTo>
                <a:lnTo>
                  <a:pt x="10" y="6"/>
                </a:lnTo>
                <a:lnTo>
                  <a:pt x="12" y="8"/>
                </a:lnTo>
                <a:lnTo>
                  <a:pt x="14" y="12"/>
                </a:lnTo>
                <a:lnTo>
                  <a:pt x="22" y="12"/>
                </a:lnTo>
                <a:lnTo>
                  <a:pt x="22" y="20"/>
                </a:lnTo>
                <a:lnTo>
                  <a:pt x="18" y="26"/>
                </a:lnTo>
                <a:lnTo>
                  <a:pt x="10" y="30"/>
                </a:lnTo>
                <a:lnTo>
                  <a:pt x="4" y="24"/>
                </a:lnTo>
                <a:lnTo>
                  <a:pt x="0" y="14"/>
                </a:lnTo>
                <a:lnTo>
                  <a:pt x="0" y="8"/>
                </a:lnTo>
                <a:lnTo>
                  <a:pt x="0" y="4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44" name="Freeform 53"/>
          <p:cNvSpPr>
            <a:spLocks/>
          </p:cNvSpPr>
          <p:nvPr/>
        </p:nvSpPr>
        <p:spPr bwMode="auto">
          <a:xfrm>
            <a:off x="7172325" y="6035675"/>
            <a:ext cx="31750" cy="36513"/>
          </a:xfrm>
          <a:custGeom>
            <a:avLst/>
            <a:gdLst>
              <a:gd name="T0" fmla="*/ 2147483647 w 24"/>
              <a:gd name="T1" fmla="*/ 0 h 28"/>
              <a:gd name="T2" fmla="*/ 2147483647 w 24"/>
              <a:gd name="T3" fmla="*/ 2147483647 h 28"/>
              <a:gd name="T4" fmla="*/ 2147483647 w 24"/>
              <a:gd name="T5" fmla="*/ 2147483647 h 28"/>
              <a:gd name="T6" fmla="*/ 2147483647 w 24"/>
              <a:gd name="T7" fmla="*/ 2147483647 h 28"/>
              <a:gd name="T8" fmla="*/ 2147483647 w 24"/>
              <a:gd name="T9" fmla="*/ 2147483647 h 28"/>
              <a:gd name="T10" fmla="*/ 0 w 24"/>
              <a:gd name="T11" fmla="*/ 2147483647 h 28"/>
              <a:gd name="T12" fmla="*/ 2147483647 w 24"/>
              <a:gd name="T13" fmla="*/ 2147483647 h 28"/>
              <a:gd name="T14" fmla="*/ 2147483647 w 24"/>
              <a:gd name="T15" fmla="*/ 2147483647 h 28"/>
              <a:gd name="T16" fmla="*/ 2147483647 w 24"/>
              <a:gd name="T17" fmla="*/ 2147483647 h 28"/>
              <a:gd name="T18" fmla="*/ 2147483647 w 24"/>
              <a:gd name="T19" fmla="*/ 0 h 28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24" h="28">
                <a:moveTo>
                  <a:pt x="20" y="0"/>
                </a:moveTo>
                <a:lnTo>
                  <a:pt x="24" y="4"/>
                </a:lnTo>
                <a:lnTo>
                  <a:pt x="24" y="14"/>
                </a:lnTo>
                <a:lnTo>
                  <a:pt x="18" y="24"/>
                </a:lnTo>
                <a:lnTo>
                  <a:pt x="4" y="28"/>
                </a:lnTo>
                <a:lnTo>
                  <a:pt x="0" y="22"/>
                </a:lnTo>
                <a:lnTo>
                  <a:pt x="4" y="14"/>
                </a:lnTo>
                <a:lnTo>
                  <a:pt x="12" y="12"/>
                </a:lnTo>
                <a:lnTo>
                  <a:pt x="16" y="6"/>
                </a:lnTo>
                <a:lnTo>
                  <a:pt x="20" y="0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45" name="Freeform 54"/>
          <p:cNvSpPr>
            <a:spLocks/>
          </p:cNvSpPr>
          <p:nvPr/>
        </p:nvSpPr>
        <p:spPr bwMode="auto">
          <a:xfrm>
            <a:off x="7061200" y="5370513"/>
            <a:ext cx="36513" cy="33337"/>
          </a:xfrm>
          <a:custGeom>
            <a:avLst/>
            <a:gdLst>
              <a:gd name="T0" fmla="*/ 2147483647 w 28"/>
              <a:gd name="T1" fmla="*/ 2147483647 h 26"/>
              <a:gd name="T2" fmla="*/ 2147483647 w 28"/>
              <a:gd name="T3" fmla="*/ 2147483647 h 26"/>
              <a:gd name="T4" fmla="*/ 2147483647 w 28"/>
              <a:gd name="T5" fmla="*/ 2147483647 h 26"/>
              <a:gd name="T6" fmla="*/ 2147483647 w 28"/>
              <a:gd name="T7" fmla="*/ 2147483647 h 26"/>
              <a:gd name="T8" fmla="*/ 0 w 28"/>
              <a:gd name="T9" fmla="*/ 2147483647 h 26"/>
              <a:gd name="T10" fmla="*/ 2147483647 w 28"/>
              <a:gd name="T11" fmla="*/ 2147483647 h 26"/>
              <a:gd name="T12" fmla="*/ 2147483647 w 28"/>
              <a:gd name="T13" fmla="*/ 0 h 26"/>
              <a:gd name="T14" fmla="*/ 2147483647 w 28"/>
              <a:gd name="T15" fmla="*/ 0 h 26"/>
              <a:gd name="T16" fmla="*/ 2147483647 w 28"/>
              <a:gd name="T17" fmla="*/ 2147483647 h 2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28" h="26">
                <a:moveTo>
                  <a:pt x="22" y="4"/>
                </a:moveTo>
                <a:lnTo>
                  <a:pt x="28" y="12"/>
                </a:lnTo>
                <a:lnTo>
                  <a:pt x="22" y="26"/>
                </a:lnTo>
                <a:lnTo>
                  <a:pt x="8" y="24"/>
                </a:lnTo>
                <a:lnTo>
                  <a:pt x="0" y="16"/>
                </a:lnTo>
                <a:lnTo>
                  <a:pt x="2" y="6"/>
                </a:lnTo>
                <a:lnTo>
                  <a:pt x="6" y="0"/>
                </a:lnTo>
                <a:lnTo>
                  <a:pt x="14" y="0"/>
                </a:lnTo>
                <a:lnTo>
                  <a:pt x="22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46" name="Freeform 55" descr="90%"/>
          <p:cNvSpPr>
            <a:spLocks/>
          </p:cNvSpPr>
          <p:nvPr/>
        </p:nvSpPr>
        <p:spPr bwMode="auto">
          <a:xfrm>
            <a:off x="6227763" y="2792413"/>
            <a:ext cx="558800" cy="442912"/>
          </a:xfrm>
          <a:custGeom>
            <a:avLst/>
            <a:gdLst>
              <a:gd name="T0" fmla="*/ 2147483647 w 432"/>
              <a:gd name="T1" fmla="*/ 2147483647 h 342"/>
              <a:gd name="T2" fmla="*/ 2147483647 w 432"/>
              <a:gd name="T3" fmla="*/ 2147483647 h 342"/>
              <a:gd name="T4" fmla="*/ 0 w 432"/>
              <a:gd name="T5" fmla="*/ 2147483647 h 342"/>
              <a:gd name="T6" fmla="*/ 2147483647 w 432"/>
              <a:gd name="T7" fmla="*/ 2147483647 h 342"/>
              <a:gd name="T8" fmla="*/ 2147483647 w 432"/>
              <a:gd name="T9" fmla="*/ 2147483647 h 342"/>
              <a:gd name="T10" fmla="*/ 2147483647 w 432"/>
              <a:gd name="T11" fmla="*/ 2147483647 h 342"/>
              <a:gd name="T12" fmla="*/ 2147483647 w 432"/>
              <a:gd name="T13" fmla="*/ 2147483647 h 342"/>
              <a:gd name="T14" fmla="*/ 2147483647 w 432"/>
              <a:gd name="T15" fmla="*/ 2147483647 h 342"/>
              <a:gd name="T16" fmla="*/ 2147483647 w 432"/>
              <a:gd name="T17" fmla="*/ 2147483647 h 342"/>
              <a:gd name="T18" fmla="*/ 2147483647 w 432"/>
              <a:gd name="T19" fmla="*/ 2147483647 h 342"/>
              <a:gd name="T20" fmla="*/ 2147483647 w 432"/>
              <a:gd name="T21" fmla="*/ 2147483647 h 342"/>
              <a:gd name="T22" fmla="*/ 2147483647 w 432"/>
              <a:gd name="T23" fmla="*/ 2147483647 h 342"/>
              <a:gd name="T24" fmla="*/ 2147483647 w 432"/>
              <a:gd name="T25" fmla="*/ 2147483647 h 342"/>
              <a:gd name="T26" fmla="*/ 2147483647 w 432"/>
              <a:gd name="T27" fmla="*/ 2147483647 h 342"/>
              <a:gd name="T28" fmla="*/ 2147483647 w 432"/>
              <a:gd name="T29" fmla="*/ 2147483647 h 342"/>
              <a:gd name="T30" fmla="*/ 2147483647 w 432"/>
              <a:gd name="T31" fmla="*/ 2147483647 h 342"/>
              <a:gd name="T32" fmla="*/ 2147483647 w 432"/>
              <a:gd name="T33" fmla="*/ 2147483647 h 342"/>
              <a:gd name="T34" fmla="*/ 2147483647 w 432"/>
              <a:gd name="T35" fmla="*/ 2147483647 h 342"/>
              <a:gd name="T36" fmla="*/ 2147483647 w 432"/>
              <a:gd name="T37" fmla="*/ 2147483647 h 342"/>
              <a:gd name="T38" fmla="*/ 2147483647 w 432"/>
              <a:gd name="T39" fmla="*/ 2147483647 h 342"/>
              <a:gd name="T40" fmla="*/ 2147483647 w 432"/>
              <a:gd name="T41" fmla="*/ 2147483647 h 342"/>
              <a:gd name="T42" fmla="*/ 2147483647 w 432"/>
              <a:gd name="T43" fmla="*/ 2147483647 h 342"/>
              <a:gd name="T44" fmla="*/ 2147483647 w 432"/>
              <a:gd name="T45" fmla="*/ 2147483647 h 342"/>
              <a:gd name="T46" fmla="*/ 2147483647 w 432"/>
              <a:gd name="T47" fmla="*/ 2147483647 h 342"/>
              <a:gd name="T48" fmla="*/ 2147483647 w 432"/>
              <a:gd name="T49" fmla="*/ 2147483647 h 342"/>
              <a:gd name="T50" fmla="*/ 2147483647 w 432"/>
              <a:gd name="T51" fmla="*/ 2147483647 h 342"/>
              <a:gd name="T52" fmla="*/ 2147483647 w 432"/>
              <a:gd name="T53" fmla="*/ 2147483647 h 342"/>
              <a:gd name="T54" fmla="*/ 2147483647 w 432"/>
              <a:gd name="T55" fmla="*/ 2147483647 h 342"/>
              <a:gd name="T56" fmla="*/ 2147483647 w 432"/>
              <a:gd name="T57" fmla="*/ 2147483647 h 342"/>
              <a:gd name="T58" fmla="*/ 2147483647 w 432"/>
              <a:gd name="T59" fmla="*/ 2147483647 h 342"/>
              <a:gd name="T60" fmla="*/ 2147483647 w 432"/>
              <a:gd name="T61" fmla="*/ 2147483647 h 342"/>
              <a:gd name="T62" fmla="*/ 2147483647 w 432"/>
              <a:gd name="T63" fmla="*/ 2147483647 h 342"/>
              <a:gd name="T64" fmla="*/ 2147483647 w 432"/>
              <a:gd name="T65" fmla="*/ 2147483647 h 342"/>
              <a:gd name="T66" fmla="*/ 2147483647 w 432"/>
              <a:gd name="T67" fmla="*/ 2147483647 h 342"/>
              <a:gd name="T68" fmla="*/ 2147483647 w 432"/>
              <a:gd name="T69" fmla="*/ 2147483647 h 342"/>
              <a:gd name="T70" fmla="*/ 2147483647 w 432"/>
              <a:gd name="T71" fmla="*/ 2147483647 h 342"/>
              <a:gd name="T72" fmla="*/ 2147483647 w 432"/>
              <a:gd name="T73" fmla="*/ 2147483647 h 342"/>
              <a:gd name="T74" fmla="*/ 2147483647 w 432"/>
              <a:gd name="T75" fmla="*/ 2147483647 h 342"/>
              <a:gd name="T76" fmla="*/ 2147483647 w 432"/>
              <a:gd name="T77" fmla="*/ 2147483647 h 342"/>
              <a:gd name="T78" fmla="*/ 2147483647 w 432"/>
              <a:gd name="T79" fmla="*/ 2147483647 h 342"/>
              <a:gd name="T80" fmla="*/ 2147483647 w 432"/>
              <a:gd name="T81" fmla="*/ 2147483647 h 342"/>
              <a:gd name="T82" fmla="*/ 2147483647 w 432"/>
              <a:gd name="T83" fmla="*/ 2147483647 h 342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432" h="342">
                <a:moveTo>
                  <a:pt x="34" y="194"/>
                </a:moveTo>
                <a:lnTo>
                  <a:pt x="26" y="170"/>
                </a:lnTo>
                <a:lnTo>
                  <a:pt x="14" y="150"/>
                </a:lnTo>
                <a:lnTo>
                  <a:pt x="2" y="130"/>
                </a:lnTo>
                <a:lnTo>
                  <a:pt x="4" y="104"/>
                </a:lnTo>
                <a:lnTo>
                  <a:pt x="0" y="94"/>
                </a:lnTo>
                <a:lnTo>
                  <a:pt x="4" y="96"/>
                </a:lnTo>
                <a:lnTo>
                  <a:pt x="10" y="92"/>
                </a:lnTo>
                <a:lnTo>
                  <a:pt x="12" y="88"/>
                </a:lnTo>
                <a:lnTo>
                  <a:pt x="16" y="78"/>
                </a:lnTo>
                <a:lnTo>
                  <a:pt x="36" y="62"/>
                </a:lnTo>
                <a:lnTo>
                  <a:pt x="66" y="42"/>
                </a:lnTo>
                <a:lnTo>
                  <a:pt x="92" y="36"/>
                </a:lnTo>
                <a:lnTo>
                  <a:pt x="112" y="42"/>
                </a:lnTo>
                <a:lnTo>
                  <a:pt x="124" y="32"/>
                </a:lnTo>
                <a:lnTo>
                  <a:pt x="134" y="42"/>
                </a:lnTo>
                <a:lnTo>
                  <a:pt x="146" y="42"/>
                </a:lnTo>
                <a:lnTo>
                  <a:pt x="154" y="32"/>
                </a:lnTo>
                <a:lnTo>
                  <a:pt x="168" y="34"/>
                </a:lnTo>
                <a:lnTo>
                  <a:pt x="182" y="24"/>
                </a:lnTo>
                <a:lnTo>
                  <a:pt x="202" y="24"/>
                </a:lnTo>
                <a:lnTo>
                  <a:pt x="208" y="34"/>
                </a:lnTo>
                <a:lnTo>
                  <a:pt x="222" y="32"/>
                </a:lnTo>
                <a:lnTo>
                  <a:pt x="228" y="24"/>
                </a:lnTo>
                <a:lnTo>
                  <a:pt x="238" y="28"/>
                </a:lnTo>
                <a:lnTo>
                  <a:pt x="248" y="12"/>
                </a:lnTo>
                <a:lnTo>
                  <a:pt x="264" y="0"/>
                </a:lnTo>
                <a:lnTo>
                  <a:pt x="272" y="14"/>
                </a:lnTo>
                <a:lnTo>
                  <a:pt x="282" y="24"/>
                </a:lnTo>
                <a:lnTo>
                  <a:pt x="296" y="28"/>
                </a:lnTo>
                <a:lnTo>
                  <a:pt x="318" y="24"/>
                </a:lnTo>
                <a:lnTo>
                  <a:pt x="328" y="28"/>
                </a:lnTo>
                <a:lnTo>
                  <a:pt x="344" y="38"/>
                </a:lnTo>
                <a:lnTo>
                  <a:pt x="360" y="46"/>
                </a:lnTo>
                <a:lnTo>
                  <a:pt x="374" y="60"/>
                </a:lnTo>
                <a:lnTo>
                  <a:pt x="388" y="70"/>
                </a:lnTo>
                <a:lnTo>
                  <a:pt x="406" y="70"/>
                </a:lnTo>
                <a:lnTo>
                  <a:pt x="404" y="112"/>
                </a:lnTo>
                <a:lnTo>
                  <a:pt x="432" y="114"/>
                </a:lnTo>
                <a:lnTo>
                  <a:pt x="422" y="140"/>
                </a:lnTo>
                <a:lnTo>
                  <a:pt x="408" y="136"/>
                </a:lnTo>
                <a:lnTo>
                  <a:pt x="396" y="146"/>
                </a:lnTo>
                <a:lnTo>
                  <a:pt x="398" y="164"/>
                </a:lnTo>
                <a:lnTo>
                  <a:pt x="380" y="172"/>
                </a:lnTo>
                <a:lnTo>
                  <a:pt x="372" y="186"/>
                </a:lnTo>
                <a:lnTo>
                  <a:pt x="370" y="208"/>
                </a:lnTo>
                <a:lnTo>
                  <a:pt x="378" y="222"/>
                </a:lnTo>
                <a:lnTo>
                  <a:pt x="372" y="232"/>
                </a:lnTo>
                <a:lnTo>
                  <a:pt x="370" y="254"/>
                </a:lnTo>
                <a:lnTo>
                  <a:pt x="386" y="256"/>
                </a:lnTo>
                <a:lnTo>
                  <a:pt x="390" y="266"/>
                </a:lnTo>
                <a:lnTo>
                  <a:pt x="386" y="276"/>
                </a:lnTo>
                <a:lnTo>
                  <a:pt x="372" y="280"/>
                </a:lnTo>
                <a:lnTo>
                  <a:pt x="370" y="266"/>
                </a:lnTo>
                <a:lnTo>
                  <a:pt x="362" y="264"/>
                </a:lnTo>
                <a:lnTo>
                  <a:pt x="358" y="270"/>
                </a:lnTo>
                <a:lnTo>
                  <a:pt x="350" y="274"/>
                </a:lnTo>
                <a:lnTo>
                  <a:pt x="336" y="290"/>
                </a:lnTo>
                <a:lnTo>
                  <a:pt x="326" y="290"/>
                </a:lnTo>
                <a:lnTo>
                  <a:pt x="318" y="296"/>
                </a:lnTo>
                <a:lnTo>
                  <a:pt x="326" y="306"/>
                </a:lnTo>
                <a:lnTo>
                  <a:pt x="324" y="314"/>
                </a:lnTo>
                <a:lnTo>
                  <a:pt x="310" y="314"/>
                </a:lnTo>
                <a:lnTo>
                  <a:pt x="292" y="334"/>
                </a:lnTo>
                <a:lnTo>
                  <a:pt x="278" y="324"/>
                </a:lnTo>
                <a:lnTo>
                  <a:pt x="264" y="328"/>
                </a:lnTo>
                <a:lnTo>
                  <a:pt x="238" y="342"/>
                </a:lnTo>
                <a:lnTo>
                  <a:pt x="226" y="342"/>
                </a:lnTo>
                <a:lnTo>
                  <a:pt x="220" y="318"/>
                </a:lnTo>
                <a:lnTo>
                  <a:pt x="206" y="302"/>
                </a:lnTo>
                <a:lnTo>
                  <a:pt x="194" y="300"/>
                </a:lnTo>
                <a:lnTo>
                  <a:pt x="174" y="288"/>
                </a:lnTo>
                <a:lnTo>
                  <a:pt x="164" y="290"/>
                </a:lnTo>
                <a:lnTo>
                  <a:pt x="152" y="280"/>
                </a:lnTo>
                <a:lnTo>
                  <a:pt x="154" y="250"/>
                </a:lnTo>
                <a:lnTo>
                  <a:pt x="160" y="236"/>
                </a:lnTo>
                <a:lnTo>
                  <a:pt x="150" y="226"/>
                </a:lnTo>
                <a:lnTo>
                  <a:pt x="138" y="216"/>
                </a:lnTo>
                <a:lnTo>
                  <a:pt x="130" y="212"/>
                </a:lnTo>
                <a:lnTo>
                  <a:pt x="108" y="212"/>
                </a:lnTo>
                <a:lnTo>
                  <a:pt x="94" y="218"/>
                </a:lnTo>
                <a:lnTo>
                  <a:pt x="68" y="210"/>
                </a:lnTo>
                <a:lnTo>
                  <a:pt x="44" y="200"/>
                </a:lnTo>
                <a:lnTo>
                  <a:pt x="34" y="194"/>
                </a:lnTo>
                <a:close/>
              </a:path>
            </a:pathLst>
          </a:custGeom>
          <a:pattFill prst="pct90">
            <a:fgClr>
              <a:srgbClr val="FF6600"/>
            </a:fgClr>
            <a:bgClr>
              <a:schemeClr val="tx1"/>
            </a:bgClr>
          </a:patt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47" name="Freeform 56"/>
          <p:cNvSpPr>
            <a:spLocks/>
          </p:cNvSpPr>
          <p:nvPr/>
        </p:nvSpPr>
        <p:spPr bwMode="auto">
          <a:xfrm>
            <a:off x="6210300" y="2522538"/>
            <a:ext cx="666750" cy="393700"/>
          </a:xfrm>
          <a:custGeom>
            <a:avLst/>
            <a:gdLst>
              <a:gd name="T0" fmla="*/ 2147483647 w 516"/>
              <a:gd name="T1" fmla="*/ 2147483647 h 304"/>
              <a:gd name="T2" fmla="*/ 2147483647 w 516"/>
              <a:gd name="T3" fmla="*/ 2147483647 h 304"/>
              <a:gd name="T4" fmla="*/ 2147483647 w 516"/>
              <a:gd name="T5" fmla="*/ 2147483647 h 304"/>
              <a:gd name="T6" fmla="*/ 2147483647 w 516"/>
              <a:gd name="T7" fmla="*/ 2147483647 h 304"/>
              <a:gd name="T8" fmla="*/ 2147483647 w 516"/>
              <a:gd name="T9" fmla="*/ 2147483647 h 304"/>
              <a:gd name="T10" fmla="*/ 2147483647 w 516"/>
              <a:gd name="T11" fmla="*/ 2147483647 h 304"/>
              <a:gd name="T12" fmla="*/ 2147483647 w 516"/>
              <a:gd name="T13" fmla="*/ 2147483647 h 304"/>
              <a:gd name="T14" fmla="*/ 2147483647 w 516"/>
              <a:gd name="T15" fmla="*/ 2147483647 h 304"/>
              <a:gd name="T16" fmla="*/ 2147483647 w 516"/>
              <a:gd name="T17" fmla="*/ 2147483647 h 304"/>
              <a:gd name="T18" fmla="*/ 2147483647 w 516"/>
              <a:gd name="T19" fmla="*/ 2147483647 h 304"/>
              <a:gd name="T20" fmla="*/ 2147483647 w 516"/>
              <a:gd name="T21" fmla="*/ 2147483647 h 304"/>
              <a:gd name="T22" fmla="*/ 2147483647 w 516"/>
              <a:gd name="T23" fmla="*/ 0 h 304"/>
              <a:gd name="T24" fmla="*/ 2147483647 w 516"/>
              <a:gd name="T25" fmla="*/ 0 h 304"/>
              <a:gd name="T26" fmla="*/ 2147483647 w 516"/>
              <a:gd name="T27" fmla="*/ 2147483647 h 304"/>
              <a:gd name="T28" fmla="*/ 2147483647 w 516"/>
              <a:gd name="T29" fmla="*/ 2147483647 h 304"/>
              <a:gd name="T30" fmla="*/ 2147483647 w 516"/>
              <a:gd name="T31" fmla="*/ 2147483647 h 304"/>
              <a:gd name="T32" fmla="*/ 2147483647 w 516"/>
              <a:gd name="T33" fmla="*/ 2147483647 h 304"/>
              <a:gd name="T34" fmla="*/ 2147483647 w 516"/>
              <a:gd name="T35" fmla="*/ 2147483647 h 304"/>
              <a:gd name="T36" fmla="*/ 2147483647 w 516"/>
              <a:gd name="T37" fmla="*/ 2147483647 h 304"/>
              <a:gd name="T38" fmla="*/ 2147483647 w 516"/>
              <a:gd name="T39" fmla="*/ 2147483647 h 304"/>
              <a:gd name="T40" fmla="*/ 2147483647 w 516"/>
              <a:gd name="T41" fmla="*/ 2147483647 h 304"/>
              <a:gd name="T42" fmla="*/ 2147483647 w 516"/>
              <a:gd name="T43" fmla="*/ 2147483647 h 304"/>
              <a:gd name="T44" fmla="*/ 2147483647 w 516"/>
              <a:gd name="T45" fmla="*/ 2147483647 h 304"/>
              <a:gd name="T46" fmla="*/ 2147483647 w 516"/>
              <a:gd name="T47" fmla="*/ 2147483647 h 304"/>
              <a:gd name="T48" fmla="*/ 2147483647 w 516"/>
              <a:gd name="T49" fmla="*/ 2147483647 h 304"/>
              <a:gd name="T50" fmla="*/ 2147483647 w 516"/>
              <a:gd name="T51" fmla="*/ 2147483647 h 304"/>
              <a:gd name="T52" fmla="*/ 2147483647 w 516"/>
              <a:gd name="T53" fmla="*/ 2147483647 h 304"/>
              <a:gd name="T54" fmla="*/ 2147483647 w 516"/>
              <a:gd name="T55" fmla="*/ 2147483647 h 304"/>
              <a:gd name="T56" fmla="*/ 2147483647 w 516"/>
              <a:gd name="T57" fmla="*/ 2147483647 h 304"/>
              <a:gd name="T58" fmla="*/ 2147483647 w 516"/>
              <a:gd name="T59" fmla="*/ 2147483647 h 304"/>
              <a:gd name="T60" fmla="*/ 2147483647 w 516"/>
              <a:gd name="T61" fmla="*/ 2147483647 h 304"/>
              <a:gd name="T62" fmla="*/ 2147483647 w 516"/>
              <a:gd name="T63" fmla="*/ 2147483647 h 304"/>
              <a:gd name="T64" fmla="*/ 2147483647 w 516"/>
              <a:gd name="T65" fmla="*/ 2147483647 h 304"/>
              <a:gd name="T66" fmla="*/ 2147483647 w 516"/>
              <a:gd name="T67" fmla="*/ 2147483647 h 304"/>
              <a:gd name="T68" fmla="*/ 2147483647 w 516"/>
              <a:gd name="T69" fmla="*/ 2147483647 h 304"/>
              <a:gd name="T70" fmla="*/ 2147483647 w 516"/>
              <a:gd name="T71" fmla="*/ 2147483647 h 304"/>
              <a:gd name="T72" fmla="*/ 2147483647 w 516"/>
              <a:gd name="T73" fmla="*/ 2147483647 h 304"/>
              <a:gd name="T74" fmla="*/ 2147483647 w 516"/>
              <a:gd name="T75" fmla="*/ 2147483647 h 304"/>
              <a:gd name="T76" fmla="*/ 2147483647 w 516"/>
              <a:gd name="T77" fmla="*/ 2147483647 h 304"/>
              <a:gd name="T78" fmla="*/ 2147483647 w 516"/>
              <a:gd name="T79" fmla="*/ 2147483647 h 304"/>
              <a:gd name="T80" fmla="*/ 2147483647 w 516"/>
              <a:gd name="T81" fmla="*/ 2147483647 h 304"/>
              <a:gd name="T82" fmla="*/ 2147483647 w 516"/>
              <a:gd name="T83" fmla="*/ 2147483647 h 304"/>
              <a:gd name="T84" fmla="*/ 2147483647 w 516"/>
              <a:gd name="T85" fmla="*/ 2147483647 h 304"/>
              <a:gd name="T86" fmla="*/ 2147483647 w 516"/>
              <a:gd name="T87" fmla="*/ 2147483647 h 304"/>
              <a:gd name="T88" fmla="*/ 2147483647 w 516"/>
              <a:gd name="T89" fmla="*/ 2147483647 h 304"/>
              <a:gd name="T90" fmla="*/ 2147483647 w 516"/>
              <a:gd name="T91" fmla="*/ 2147483647 h 304"/>
              <a:gd name="T92" fmla="*/ 2147483647 w 516"/>
              <a:gd name="T93" fmla="*/ 2147483647 h 304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0" t="0" r="r" b="b"/>
            <a:pathLst>
              <a:path w="516" h="304">
                <a:moveTo>
                  <a:pt x="2" y="204"/>
                </a:moveTo>
                <a:lnTo>
                  <a:pt x="20" y="184"/>
                </a:lnTo>
                <a:lnTo>
                  <a:pt x="20" y="168"/>
                </a:lnTo>
                <a:lnTo>
                  <a:pt x="16" y="148"/>
                </a:lnTo>
                <a:lnTo>
                  <a:pt x="24" y="122"/>
                </a:lnTo>
                <a:lnTo>
                  <a:pt x="32" y="106"/>
                </a:lnTo>
                <a:lnTo>
                  <a:pt x="48" y="102"/>
                </a:lnTo>
                <a:lnTo>
                  <a:pt x="66" y="86"/>
                </a:lnTo>
                <a:lnTo>
                  <a:pt x="84" y="74"/>
                </a:lnTo>
                <a:lnTo>
                  <a:pt x="88" y="88"/>
                </a:lnTo>
                <a:lnTo>
                  <a:pt x="110" y="102"/>
                </a:lnTo>
                <a:lnTo>
                  <a:pt x="122" y="114"/>
                </a:lnTo>
                <a:lnTo>
                  <a:pt x="136" y="124"/>
                </a:lnTo>
                <a:lnTo>
                  <a:pt x="146" y="142"/>
                </a:lnTo>
                <a:lnTo>
                  <a:pt x="158" y="156"/>
                </a:lnTo>
                <a:lnTo>
                  <a:pt x="188" y="162"/>
                </a:lnTo>
                <a:lnTo>
                  <a:pt x="204" y="142"/>
                </a:lnTo>
                <a:lnTo>
                  <a:pt x="220" y="122"/>
                </a:lnTo>
                <a:lnTo>
                  <a:pt x="218" y="88"/>
                </a:lnTo>
                <a:lnTo>
                  <a:pt x="210" y="66"/>
                </a:lnTo>
                <a:lnTo>
                  <a:pt x="200" y="46"/>
                </a:lnTo>
                <a:lnTo>
                  <a:pt x="202" y="36"/>
                </a:lnTo>
                <a:lnTo>
                  <a:pt x="218" y="22"/>
                </a:lnTo>
                <a:lnTo>
                  <a:pt x="246" y="0"/>
                </a:lnTo>
                <a:lnTo>
                  <a:pt x="258" y="4"/>
                </a:lnTo>
                <a:lnTo>
                  <a:pt x="268" y="0"/>
                </a:lnTo>
                <a:lnTo>
                  <a:pt x="288" y="12"/>
                </a:lnTo>
                <a:lnTo>
                  <a:pt x="304" y="16"/>
                </a:lnTo>
                <a:lnTo>
                  <a:pt x="318" y="16"/>
                </a:lnTo>
                <a:lnTo>
                  <a:pt x="340" y="42"/>
                </a:lnTo>
                <a:lnTo>
                  <a:pt x="354" y="42"/>
                </a:lnTo>
                <a:lnTo>
                  <a:pt x="360" y="48"/>
                </a:lnTo>
                <a:lnTo>
                  <a:pt x="366" y="46"/>
                </a:lnTo>
                <a:lnTo>
                  <a:pt x="382" y="32"/>
                </a:lnTo>
                <a:lnTo>
                  <a:pt x="400" y="34"/>
                </a:lnTo>
                <a:lnTo>
                  <a:pt x="414" y="32"/>
                </a:lnTo>
                <a:lnTo>
                  <a:pt x="430" y="34"/>
                </a:lnTo>
                <a:lnTo>
                  <a:pt x="432" y="42"/>
                </a:lnTo>
                <a:lnTo>
                  <a:pt x="450" y="50"/>
                </a:lnTo>
                <a:lnTo>
                  <a:pt x="462" y="60"/>
                </a:lnTo>
                <a:lnTo>
                  <a:pt x="462" y="70"/>
                </a:lnTo>
                <a:lnTo>
                  <a:pt x="456" y="78"/>
                </a:lnTo>
                <a:lnTo>
                  <a:pt x="462" y="86"/>
                </a:lnTo>
                <a:lnTo>
                  <a:pt x="460" y="106"/>
                </a:lnTo>
                <a:lnTo>
                  <a:pt x="476" y="108"/>
                </a:lnTo>
                <a:lnTo>
                  <a:pt x="480" y="122"/>
                </a:lnTo>
                <a:lnTo>
                  <a:pt x="494" y="138"/>
                </a:lnTo>
                <a:lnTo>
                  <a:pt x="508" y="158"/>
                </a:lnTo>
                <a:lnTo>
                  <a:pt x="516" y="170"/>
                </a:lnTo>
                <a:lnTo>
                  <a:pt x="516" y="192"/>
                </a:lnTo>
                <a:lnTo>
                  <a:pt x="506" y="194"/>
                </a:lnTo>
                <a:lnTo>
                  <a:pt x="490" y="222"/>
                </a:lnTo>
                <a:lnTo>
                  <a:pt x="488" y="250"/>
                </a:lnTo>
                <a:lnTo>
                  <a:pt x="462" y="254"/>
                </a:lnTo>
                <a:lnTo>
                  <a:pt x="448" y="250"/>
                </a:lnTo>
                <a:lnTo>
                  <a:pt x="438" y="260"/>
                </a:lnTo>
                <a:lnTo>
                  <a:pt x="438" y="270"/>
                </a:lnTo>
                <a:lnTo>
                  <a:pt x="420" y="278"/>
                </a:lnTo>
                <a:lnTo>
                  <a:pt x="402" y="278"/>
                </a:lnTo>
                <a:lnTo>
                  <a:pt x="388" y="268"/>
                </a:lnTo>
                <a:lnTo>
                  <a:pt x="374" y="254"/>
                </a:lnTo>
                <a:lnTo>
                  <a:pt x="358" y="248"/>
                </a:lnTo>
                <a:lnTo>
                  <a:pt x="342" y="236"/>
                </a:lnTo>
                <a:lnTo>
                  <a:pt x="332" y="232"/>
                </a:lnTo>
                <a:lnTo>
                  <a:pt x="310" y="236"/>
                </a:lnTo>
                <a:lnTo>
                  <a:pt x="296" y="232"/>
                </a:lnTo>
                <a:lnTo>
                  <a:pt x="288" y="224"/>
                </a:lnTo>
                <a:lnTo>
                  <a:pt x="278" y="208"/>
                </a:lnTo>
                <a:lnTo>
                  <a:pt x="262" y="220"/>
                </a:lnTo>
                <a:lnTo>
                  <a:pt x="252" y="236"/>
                </a:lnTo>
                <a:lnTo>
                  <a:pt x="242" y="232"/>
                </a:lnTo>
                <a:lnTo>
                  <a:pt x="236" y="240"/>
                </a:lnTo>
                <a:lnTo>
                  <a:pt x="222" y="242"/>
                </a:lnTo>
                <a:lnTo>
                  <a:pt x="216" y="232"/>
                </a:lnTo>
                <a:lnTo>
                  <a:pt x="196" y="232"/>
                </a:lnTo>
                <a:lnTo>
                  <a:pt x="182" y="242"/>
                </a:lnTo>
                <a:lnTo>
                  <a:pt x="168" y="240"/>
                </a:lnTo>
                <a:lnTo>
                  <a:pt x="160" y="250"/>
                </a:lnTo>
                <a:lnTo>
                  <a:pt x="148" y="250"/>
                </a:lnTo>
                <a:lnTo>
                  <a:pt x="138" y="240"/>
                </a:lnTo>
                <a:lnTo>
                  <a:pt x="130" y="248"/>
                </a:lnTo>
                <a:lnTo>
                  <a:pt x="126" y="250"/>
                </a:lnTo>
                <a:lnTo>
                  <a:pt x="106" y="244"/>
                </a:lnTo>
                <a:lnTo>
                  <a:pt x="80" y="250"/>
                </a:lnTo>
                <a:lnTo>
                  <a:pt x="48" y="270"/>
                </a:lnTo>
                <a:lnTo>
                  <a:pt x="30" y="286"/>
                </a:lnTo>
                <a:lnTo>
                  <a:pt x="26" y="296"/>
                </a:lnTo>
                <a:lnTo>
                  <a:pt x="24" y="300"/>
                </a:lnTo>
                <a:lnTo>
                  <a:pt x="18" y="304"/>
                </a:lnTo>
                <a:lnTo>
                  <a:pt x="14" y="302"/>
                </a:lnTo>
                <a:lnTo>
                  <a:pt x="4" y="288"/>
                </a:lnTo>
                <a:lnTo>
                  <a:pt x="4" y="258"/>
                </a:lnTo>
                <a:lnTo>
                  <a:pt x="0" y="222"/>
                </a:lnTo>
                <a:lnTo>
                  <a:pt x="2" y="204"/>
                </a:lnTo>
                <a:close/>
              </a:path>
            </a:pathLst>
          </a:custGeom>
          <a:solidFill>
            <a:srgbClr val="FFCC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48" name="Freeform 57"/>
          <p:cNvSpPr>
            <a:spLocks/>
          </p:cNvSpPr>
          <p:nvPr/>
        </p:nvSpPr>
        <p:spPr bwMode="auto">
          <a:xfrm>
            <a:off x="6237288" y="2459038"/>
            <a:ext cx="127000" cy="141287"/>
          </a:xfrm>
          <a:custGeom>
            <a:avLst/>
            <a:gdLst>
              <a:gd name="T0" fmla="*/ 2147483647 w 98"/>
              <a:gd name="T1" fmla="*/ 2147483647 h 110"/>
              <a:gd name="T2" fmla="*/ 2147483647 w 98"/>
              <a:gd name="T3" fmla="*/ 2147483647 h 110"/>
              <a:gd name="T4" fmla="*/ 2147483647 w 98"/>
              <a:gd name="T5" fmla="*/ 2147483647 h 110"/>
              <a:gd name="T6" fmla="*/ 2147483647 w 98"/>
              <a:gd name="T7" fmla="*/ 2147483647 h 110"/>
              <a:gd name="T8" fmla="*/ 2147483647 w 98"/>
              <a:gd name="T9" fmla="*/ 2147483647 h 110"/>
              <a:gd name="T10" fmla="*/ 2147483647 w 98"/>
              <a:gd name="T11" fmla="*/ 2147483647 h 110"/>
              <a:gd name="T12" fmla="*/ 2147483647 w 98"/>
              <a:gd name="T13" fmla="*/ 2147483647 h 110"/>
              <a:gd name="T14" fmla="*/ 2147483647 w 98"/>
              <a:gd name="T15" fmla="*/ 2147483647 h 110"/>
              <a:gd name="T16" fmla="*/ 2147483647 w 98"/>
              <a:gd name="T17" fmla="*/ 2147483647 h 110"/>
              <a:gd name="T18" fmla="*/ 2147483647 w 98"/>
              <a:gd name="T19" fmla="*/ 2147483647 h 110"/>
              <a:gd name="T20" fmla="*/ 2147483647 w 98"/>
              <a:gd name="T21" fmla="*/ 2147483647 h 110"/>
              <a:gd name="T22" fmla="*/ 2147483647 w 98"/>
              <a:gd name="T23" fmla="*/ 2147483647 h 110"/>
              <a:gd name="T24" fmla="*/ 2147483647 w 98"/>
              <a:gd name="T25" fmla="*/ 2147483647 h 110"/>
              <a:gd name="T26" fmla="*/ 2147483647 w 98"/>
              <a:gd name="T27" fmla="*/ 2147483647 h 110"/>
              <a:gd name="T28" fmla="*/ 2147483647 w 98"/>
              <a:gd name="T29" fmla="*/ 2147483647 h 110"/>
              <a:gd name="T30" fmla="*/ 0 w 98"/>
              <a:gd name="T31" fmla="*/ 2147483647 h 110"/>
              <a:gd name="T32" fmla="*/ 2147483647 w 98"/>
              <a:gd name="T33" fmla="*/ 2147483647 h 110"/>
              <a:gd name="T34" fmla="*/ 2147483647 w 98"/>
              <a:gd name="T35" fmla="*/ 2147483647 h 110"/>
              <a:gd name="T36" fmla="*/ 2147483647 w 98"/>
              <a:gd name="T37" fmla="*/ 2147483647 h 110"/>
              <a:gd name="T38" fmla="*/ 2147483647 w 98"/>
              <a:gd name="T39" fmla="*/ 2147483647 h 110"/>
              <a:gd name="T40" fmla="*/ 2147483647 w 98"/>
              <a:gd name="T41" fmla="*/ 2147483647 h 110"/>
              <a:gd name="T42" fmla="*/ 2147483647 w 98"/>
              <a:gd name="T43" fmla="*/ 2147483647 h 110"/>
              <a:gd name="T44" fmla="*/ 2147483647 w 98"/>
              <a:gd name="T45" fmla="*/ 2147483647 h 110"/>
              <a:gd name="T46" fmla="*/ 2147483647 w 98"/>
              <a:gd name="T47" fmla="*/ 2147483647 h 110"/>
              <a:gd name="T48" fmla="*/ 2147483647 w 98"/>
              <a:gd name="T49" fmla="*/ 2147483647 h 110"/>
              <a:gd name="T50" fmla="*/ 2147483647 w 98"/>
              <a:gd name="T51" fmla="*/ 0 h 110"/>
              <a:gd name="T52" fmla="*/ 2147483647 w 98"/>
              <a:gd name="T53" fmla="*/ 2147483647 h 110"/>
              <a:gd name="T54" fmla="*/ 2147483647 w 98"/>
              <a:gd name="T55" fmla="*/ 2147483647 h 110"/>
              <a:gd name="T56" fmla="*/ 2147483647 w 98"/>
              <a:gd name="T57" fmla="*/ 2147483647 h 110"/>
              <a:gd name="T58" fmla="*/ 2147483647 w 98"/>
              <a:gd name="T59" fmla="*/ 2147483647 h 110"/>
              <a:gd name="T60" fmla="*/ 2147483647 w 98"/>
              <a:gd name="T61" fmla="*/ 2147483647 h 110"/>
              <a:gd name="T62" fmla="*/ 2147483647 w 98"/>
              <a:gd name="T63" fmla="*/ 2147483647 h 110"/>
              <a:gd name="T64" fmla="*/ 2147483647 w 98"/>
              <a:gd name="T65" fmla="*/ 2147483647 h 110"/>
              <a:gd name="T66" fmla="*/ 2147483647 w 98"/>
              <a:gd name="T67" fmla="*/ 2147483647 h 110"/>
              <a:gd name="T68" fmla="*/ 2147483647 w 98"/>
              <a:gd name="T69" fmla="*/ 2147483647 h 110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0" t="0" r="r" b="b"/>
            <a:pathLst>
              <a:path w="98" h="110">
                <a:moveTo>
                  <a:pt x="62" y="62"/>
                </a:moveTo>
                <a:lnTo>
                  <a:pt x="38" y="66"/>
                </a:lnTo>
                <a:lnTo>
                  <a:pt x="32" y="74"/>
                </a:lnTo>
                <a:lnTo>
                  <a:pt x="32" y="84"/>
                </a:lnTo>
                <a:lnTo>
                  <a:pt x="32" y="98"/>
                </a:lnTo>
                <a:lnTo>
                  <a:pt x="22" y="110"/>
                </a:lnTo>
                <a:lnTo>
                  <a:pt x="16" y="104"/>
                </a:lnTo>
                <a:lnTo>
                  <a:pt x="18" y="92"/>
                </a:lnTo>
                <a:lnTo>
                  <a:pt x="22" y="84"/>
                </a:lnTo>
                <a:lnTo>
                  <a:pt x="20" y="76"/>
                </a:lnTo>
                <a:lnTo>
                  <a:pt x="12" y="70"/>
                </a:lnTo>
                <a:lnTo>
                  <a:pt x="6" y="68"/>
                </a:lnTo>
                <a:lnTo>
                  <a:pt x="6" y="58"/>
                </a:lnTo>
                <a:lnTo>
                  <a:pt x="8" y="50"/>
                </a:lnTo>
                <a:lnTo>
                  <a:pt x="4" y="46"/>
                </a:lnTo>
                <a:lnTo>
                  <a:pt x="0" y="40"/>
                </a:lnTo>
                <a:lnTo>
                  <a:pt x="4" y="32"/>
                </a:lnTo>
                <a:lnTo>
                  <a:pt x="12" y="40"/>
                </a:lnTo>
                <a:lnTo>
                  <a:pt x="18" y="34"/>
                </a:lnTo>
                <a:lnTo>
                  <a:pt x="28" y="22"/>
                </a:lnTo>
                <a:lnTo>
                  <a:pt x="46" y="14"/>
                </a:lnTo>
                <a:lnTo>
                  <a:pt x="60" y="14"/>
                </a:lnTo>
                <a:lnTo>
                  <a:pt x="72" y="12"/>
                </a:lnTo>
                <a:lnTo>
                  <a:pt x="78" y="12"/>
                </a:lnTo>
                <a:lnTo>
                  <a:pt x="78" y="2"/>
                </a:lnTo>
                <a:lnTo>
                  <a:pt x="88" y="0"/>
                </a:lnTo>
                <a:lnTo>
                  <a:pt x="94" y="4"/>
                </a:lnTo>
                <a:lnTo>
                  <a:pt x="98" y="14"/>
                </a:lnTo>
                <a:lnTo>
                  <a:pt x="90" y="16"/>
                </a:lnTo>
                <a:lnTo>
                  <a:pt x="80" y="18"/>
                </a:lnTo>
                <a:lnTo>
                  <a:pt x="80" y="24"/>
                </a:lnTo>
                <a:lnTo>
                  <a:pt x="82" y="36"/>
                </a:lnTo>
                <a:lnTo>
                  <a:pt x="76" y="44"/>
                </a:lnTo>
                <a:lnTo>
                  <a:pt x="70" y="52"/>
                </a:lnTo>
                <a:lnTo>
                  <a:pt x="62" y="6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49" name="Freeform 58"/>
          <p:cNvSpPr>
            <a:spLocks/>
          </p:cNvSpPr>
          <p:nvPr/>
        </p:nvSpPr>
        <p:spPr bwMode="auto">
          <a:xfrm>
            <a:off x="6240463" y="2395538"/>
            <a:ext cx="82550" cy="71437"/>
          </a:xfrm>
          <a:custGeom>
            <a:avLst/>
            <a:gdLst>
              <a:gd name="T0" fmla="*/ 2147483647 w 64"/>
              <a:gd name="T1" fmla="*/ 2147483647 h 54"/>
              <a:gd name="T2" fmla="*/ 2147483647 w 64"/>
              <a:gd name="T3" fmla="*/ 2147483647 h 54"/>
              <a:gd name="T4" fmla="*/ 2147483647 w 64"/>
              <a:gd name="T5" fmla="*/ 2147483647 h 54"/>
              <a:gd name="T6" fmla="*/ 2147483647 w 64"/>
              <a:gd name="T7" fmla="*/ 2147483647 h 54"/>
              <a:gd name="T8" fmla="*/ 2147483647 w 64"/>
              <a:gd name="T9" fmla="*/ 2147483647 h 54"/>
              <a:gd name="T10" fmla="*/ 2147483647 w 64"/>
              <a:gd name="T11" fmla="*/ 2147483647 h 54"/>
              <a:gd name="T12" fmla="*/ 2147483647 w 64"/>
              <a:gd name="T13" fmla="*/ 2147483647 h 54"/>
              <a:gd name="T14" fmla="*/ 2147483647 w 64"/>
              <a:gd name="T15" fmla="*/ 2147483647 h 54"/>
              <a:gd name="T16" fmla="*/ 2147483647 w 64"/>
              <a:gd name="T17" fmla="*/ 2147483647 h 54"/>
              <a:gd name="T18" fmla="*/ 2147483647 w 64"/>
              <a:gd name="T19" fmla="*/ 2147483647 h 54"/>
              <a:gd name="T20" fmla="*/ 0 w 64"/>
              <a:gd name="T21" fmla="*/ 2147483647 h 54"/>
              <a:gd name="T22" fmla="*/ 2147483647 w 64"/>
              <a:gd name="T23" fmla="*/ 2147483647 h 54"/>
              <a:gd name="T24" fmla="*/ 2147483647 w 64"/>
              <a:gd name="T25" fmla="*/ 2147483647 h 54"/>
              <a:gd name="T26" fmla="*/ 2147483647 w 64"/>
              <a:gd name="T27" fmla="*/ 2147483647 h 54"/>
              <a:gd name="T28" fmla="*/ 2147483647 w 64"/>
              <a:gd name="T29" fmla="*/ 2147483647 h 54"/>
              <a:gd name="T30" fmla="*/ 2147483647 w 64"/>
              <a:gd name="T31" fmla="*/ 0 h 54"/>
              <a:gd name="T32" fmla="*/ 2147483647 w 64"/>
              <a:gd name="T33" fmla="*/ 2147483647 h 54"/>
              <a:gd name="T34" fmla="*/ 2147483647 w 64"/>
              <a:gd name="T35" fmla="*/ 2147483647 h 54"/>
              <a:gd name="T36" fmla="*/ 2147483647 w 64"/>
              <a:gd name="T37" fmla="*/ 2147483647 h 54"/>
              <a:gd name="T38" fmla="*/ 2147483647 w 64"/>
              <a:gd name="T39" fmla="*/ 2147483647 h 54"/>
              <a:gd name="T40" fmla="*/ 2147483647 w 64"/>
              <a:gd name="T41" fmla="*/ 2147483647 h 54"/>
              <a:gd name="T42" fmla="*/ 2147483647 w 64"/>
              <a:gd name="T43" fmla="*/ 2147483647 h 54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0" t="0" r="r" b="b"/>
            <a:pathLst>
              <a:path w="64" h="54">
                <a:moveTo>
                  <a:pt x="58" y="38"/>
                </a:moveTo>
                <a:lnTo>
                  <a:pt x="48" y="38"/>
                </a:lnTo>
                <a:lnTo>
                  <a:pt x="44" y="42"/>
                </a:lnTo>
                <a:lnTo>
                  <a:pt x="46" y="50"/>
                </a:lnTo>
                <a:lnTo>
                  <a:pt x="42" y="54"/>
                </a:lnTo>
                <a:lnTo>
                  <a:pt x="30" y="52"/>
                </a:lnTo>
                <a:lnTo>
                  <a:pt x="30" y="42"/>
                </a:lnTo>
                <a:lnTo>
                  <a:pt x="22" y="32"/>
                </a:lnTo>
                <a:lnTo>
                  <a:pt x="14" y="34"/>
                </a:lnTo>
                <a:lnTo>
                  <a:pt x="6" y="34"/>
                </a:lnTo>
                <a:lnTo>
                  <a:pt x="0" y="28"/>
                </a:lnTo>
                <a:lnTo>
                  <a:pt x="8" y="22"/>
                </a:lnTo>
                <a:lnTo>
                  <a:pt x="20" y="20"/>
                </a:lnTo>
                <a:lnTo>
                  <a:pt x="28" y="16"/>
                </a:lnTo>
                <a:lnTo>
                  <a:pt x="30" y="8"/>
                </a:lnTo>
                <a:lnTo>
                  <a:pt x="34" y="0"/>
                </a:lnTo>
                <a:lnTo>
                  <a:pt x="40" y="10"/>
                </a:lnTo>
                <a:lnTo>
                  <a:pt x="50" y="10"/>
                </a:lnTo>
                <a:lnTo>
                  <a:pt x="56" y="14"/>
                </a:lnTo>
                <a:lnTo>
                  <a:pt x="64" y="24"/>
                </a:lnTo>
                <a:lnTo>
                  <a:pt x="62" y="30"/>
                </a:lnTo>
                <a:lnTo>
                  <a:pt x="58" y="3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50" name="Freeform 59" descr="90%"/>
          <p:cNvSpPr>
            <a:spLocks/>
          </p:cNvSpPr>
          <p:nvPr/>
        </p:nvSpPr>
        <p:spPr bwMode="auto">
          <a:xfrm>
            <a:off x="6329363" y="2238375"/>
            <a:ext cx="447675" cy="347663"/>
          </a:xfrm>
          <a:custGeom>
            <a:avLst/>
            <a:gdLst>
              <a:gd name="T0" fmla="*/ 2147483647 w 346"/>
              <a:gd name="T1" fmla="*/ 2147483647 h 268"/>
              <a:gd name="T2" fmla="*/ 2147483647 w 346"/>
              <a:gd name="T3" fmla="*/ 2147483647 h 268"/>
              <a:gd name="T4" fmla="*/ 2147483647 w 346"/>
              <a:gd name="T5" fmla="*/ 2147483647 h 268"/>
              <a:gd name="T6" fmla="*/ 2147483647 w 346"/>
              <a:gd name="T7" fmla="*/ 2147483647 h 268"/>
              <a:gd name="T8" fmla="*/ 2147483647 w 346"/>
              <a:gd name="T9" fmla="*/ 2147483647 h 268"/>
              <a:gd name="T10" fmla="*/ 2147483647 w 346"/>
              <a:gd name="T11" fmla="*/ 2147483647 h 268"/>
              <a:gd name="T12" fmla="*/ 2147483647 w 346"/>
              <a:gd name="T13" fmla="*/ 2147483647 h 268"/>
              <a:gd name="T14" fmla="*/ 2147483647 w 346"/>
              <a:gd name="T15" fmla="*/ 2147483647 h 268"/>
              <a:gd name="T16" fmla="*/ 2147483647 w 346"/>
              <a:gd name="T17" fmla="*/ 2147483647 h 268"/>
              <a:gd name="T18" fmla="*/ 2147483647 w 346"/>
              <a:gd name="T19" fmla="*/ 2147483647 h 268"/>
              <a:gd name="T20" fmla="*/ 2147483647 w 346"/>
              <a:gd name="T21" fmla="*/ 2147483647 h 268"/>
              <a:gd name="T22" fmla="*/ 2147483647 w 346"/>
              <a:gd name="T23" fmla="*/ 2147483647 h 268"/>
              <a:gd name="T24" fmla="*/ 2147483647 w 346"/>
              <a:gd name="T25" fmla="*/ 2147483647 h 268"/>
              <a:gd name="T26" fmla="*/ 2147483647 w 346"/>
              <a:gd name="T27" fmla="*/ 2147483647 h 268"/>
              <a:gd name="T28" fmla="*/ 2147483647 w 346"/>
              <a:gd name="T29" fmla="*/ 2147483647 h 268"/>
              <a:gd name="T30" fmla="*/ 2147483647 w 346"/>
              <a:gd name="T31" fmla="*/ 0 h 268"/>
              <a:gd name="T32" fmla="*/ 2147483647 w 346"/>
              <a:gd name="T33" fmla="*/ 2147483647 h 268"/>
              <a:gd name="T34" fmla="*/ 2147483647 w 346"/>
              <a:gd name="T35" fmla="*/ 2147483647 h 268"/>
              <a:gd name="T36" fmla="*/ 2147483647 w 346"/>
              <a:gd name="T37" fmla="*/ 2147483647 h 268"/>
              <a:gd name="T38" fmla="*/ 2147483647 w 346"/>
              <a:gd name="T39" fmla="*/ 2147483647 h 268"/>
              <a:gd name="T40" fmla="*/ 2147483647 w 346"/>
              <a:gd name="T41" fmla="*/ 2147483647 h 268"/>
              <a:gd name="T42" fmla="*/ 2147483647 w 346"/>
              <a:gd name="T43" fmla="*/ 2147483647 h 268"/>
              <a:gd name="T44" fmla="*/ 2147483647 w 346"/>
              <a:gd name="T45" fmla="*/ 2147483647 h 268"/>
              <a:gd name="T46" fmla="*/ 2147483647 w 346"/>
              <a:gd name="T47" fmla="*/ 2147483647 h 268"/>
              <a:gd name="T48" fmla="*/ 2147483647 w 346"/>
              <a:gd name="T49" fmla="*/ 2147483647 h 268"/>
              <a:gd name="T50" fmla="*/ 2147483647 w 346"/>
              <a:gd name="T51" fmla="*/ 2147483647 h 268"/>
              <a:gd name="T52" fmla="*/ 2147483647 w 346"/>
              <a:gd name="T53" fmla="*/ 2147483647 h 268"/>
              <a:gd name="T54" fmla="*/ 2147483647 w 346"/>
              <a:gd name="T55" fmla="*/ 2147483647 h 268"/>
              <a:gd name="T56" fmla="*/ 2147483647 w 346"/>
              <a:gd name="T57" fmla="*/ 2147483647 h 268"/>
              <a:gd name="T58" fmla="*/ 2147483647 w 346"/>
              <a:gd name="T59" fmla="*/ 2147483647 h 268"/>
              <a:gd name="T60" fmla="*/ 2147483647 w 346"/>
              <a:gd name="T61" fmla="*/ 2147483647 h 268"/>
              <a:gd name="T62" fmla="*/ 2147483647 w 346"/>
              <a:gd name="T63" fmla="*/ 2147483647 h 268"/>
              <a:gd name="T64" fmla="*/ 2147483647 w 346"/>
              <a:gd name="T65" fmla="*/ 2147483647 h 268"/>
              <a:gd name="T66" fmla="*/ 2147483647 w 346"/>
              <a:gd name="T67" fmla="*/ 2147483647 h 268"/>
              <a:gd name="T68" fmla="*/ 2147483647 w 346"/>
              <a:gd name="T69" fmla="*/ 2147483647 h 268"/>
              <a:gd name="T70" fmla="*/ 2147483647 w 346"/>
              <a:gd name="T71" fmla="*/ 2147483647 h 268"/>
              <a:gd name="T72" fmla="*/ 2147483647 w 346"/>
              <a:gd name="T73" fmla="*/ 2147483647 h 268"/>
              <a:gd name="T74" fmla="*/ 2147483647 w 346"/>
              <a:gd name="T75" fmla="*/ 2147483647 h 268"/>
              <a:gd name="T76" fmla="*/ 2147483647 w 346"/>
              <a:gd name="T77" fmla="*/ 2147483647 h 268"/>
              <a:gd name="T78" fmla="*/ 2147483647 w 346"/>
              <a:gd name="T79" fmla="*/ 2147483647 h 268"/>
              <a:gd name="T80" fmla="*/ 2147483647 w 346"/>
              <a:gd name="T81" fmla="*/ 2147483647 h 268"/>
              <a:gd name="T82" fmla="*/ 2147483647 w 346"/>
              <a:gd name="T83" fmla="*/ 2147483647 h 268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346" h="268">
                <a:moveTo>
                  <a:pt x="20" y="134"/>
                </a:moveTo>
                <a:lnTo>
                  <a:pt x="8" y="132"/>
                </a:lnTo>
                <a:lnTo>
                  <a:pt x="0" y="130"/>
                </a:lnTo>
                <a:lnTo>
                  <a:pt x="4" y="122"/>
                </a:lnTo>
                <a:lnTo>
                  <a:pt x="16" y="122"/>
                </a:lnTo>
                <a:lnTo>
                  <a:pt x="24" y="116"/>
                </a:lnTo>
                <a:lnTo>
                  <a:pt x="24" y="104"/>
                </a:lnTo>
                <a:lnTo>
                  <a:pt x="20" y="94"/>
                </a:lnTo>
                <a:lnTo>
                  <a:pt x="36" y="92"/>
                </a:lnTo>
                <a:lnTo>
                  <a:pt x="36" y="84"/>
                </a:lnTo>
                <a:lnTo>
                  <a:pt x="54" y="84"/>
                </a:lnTo>
                <a:lnTo>
                  <a:pt x="56" y="70"/>
                </a:lnTo>
                <a:lnTo>
                  <a:pt x="70" y="54"/>
                </a:lnTo>
                <a:lnTo>
                  <a:pt x="84" y="50"/>
                </a:lnTo>
                <a:lnTo>
                  <a:pt x="98" y="50"/>
                </a:lnTo>
                <a:lnTo>
                  <a:pt x="102" y="40"/>
                </a:lnTo>
                <a:lnTo>
                  <a:pt x="120" y="38"/>
                </a:lnTo>
                <a:lnTo>
                  <a:pt x="140" y="34"/>
                </a:lnTo>
                <a:lnTo>
                  <a:pt x="144" y="32"/>
                </a:lnTo>
                <a:lnTo>
                  <a:pt x="148" y="30"/>
                </a:lnTo>
                <a:lnTo>
                  <a:pt x="146" y="24"/>
                </a:lnTo>
                <a:lnTo>
                  <a:pt x="144" y="18"/>
                </a:lnTo>
                <a:lnTo>
                  <a:pt x="156" y="22"/>
                </a:lnTo>
                <a:lnTo>
                  <a:pt x="160" y="14"/>
                </a:lnTo>
                <a:lnTo>
                  <a:pt x="196" y="12"/>
                </a:lnTo>
                <a:lnTo>
                  <a:pt x="216" y="8"/>
                </a:lnTo>
                <a:lnTo>
                  <a:pt x="232" y="22"/>
                </a:lnTo>
                <a:lnTo>
                  <a:pt x="246" y="20"/>
                </a:lnTo>
                <a:lnTo>
                  <a:pt x="256" y="16"/>
                </a:lnTo>
                <a:lnTo>
                  <a:pt x="286" y="10"/>
                </a:lnTo>
                <a:lnTo>
                  <a:pt x="300" y="8"/>
                </a:lnTo>
                <a:lnTo>
                  <a:pt x="308" y="0"/>
                </a:lnTo>
                <a:lnTo>
                  <a:pt x="316" y="2"/>
                </a:lnTo>
                <a:lnTo>
                  <a:pt x="322" y="10"/>
                </a:lnTo>
                <a:lnTo>
                  <a:pt x="316" y="16"/>
                </a:lnTo>
                <a:lnTo>
                  <a:pt x="304" y="28"/>
                </a:lnTo>
                <a:lnTo>
                  <a:pt x="304" y="66"/>
                </a:lnTo>
                <a:lnTo>
                  <a:pt x="296" y="76"/>
                </a:lnTo>
                <a:lnTo>
                  <a:pt x="290" y="90"/>
                </a:lnTo>
                <a:lnTo>
                  <a:pt x="296" y="106"/>
                </a:lnTo>
                <a:lnTo>
                  <a:pt x="304" y="124"/>
                </a:lnTo>
                <a:lnTo>
                  <a:pt x="312" y="144"/>
                </a:lnTo>
                <a:lnTo>
                  <a:pt x="310" y="164"/>
                </a:lnTo>
                <a:lnTo>
                  <a:pt x="320" y="178"/>
                </a:lnTo>
                <a:lnTo>
                  <a:pt x="328" y="180"/>
                </a:lnTo>
                <a:lnTo>
                  <a:pt x="332" y="194"/>
                </a:lnTo>
                <a:lnTo>
                  <a:pt x="346" y="204"/>
                </a:lnTo>
                <a:lnTo>
                  <a:pt x="340" y="214"/>
                </a:lnTo>
                <a:lnTo>
                  <a:pt x="332" y="214"/>
                </a:lnTo>
                <a:lnTo>
                  <a:pt x="326" y="228"/>
                </a:lnTo>
                <a:lnTo>
                  <a:pt x="324" y="234"/>
                </a:lnTo>
                <a:lnTo>
                  <a:pt x="322" y="252"/>
                </a:lnTo>
                <a:lnTo>
                  <a:pt x="304" y="254"/>
                </a:lnTo>
                <a:lnTo>
                  <a:pt x="290" y="252"/>
                </a:lnTo>
                <a:lnTo>
                  <a:pt x="274" y="266"/>
                </a:lnTo>
                <a:lnTo>
                  <a:pt x="268" y="268"/>
                </a:lnTo>
                <a:lnTo>
                  <a:pt x="262" y="262"/>
                </a:lnTo>
                <a:lnTo>
                  <a:pt x="248" y="262"/>
                </a:lnTo>
                <a:lnTo>
                  <a:pt x="226" y="236"/>
                </a:lnTo>
                <a:lnTo>
                  <a:pt x="212" y="236"/>
                </a:lnTo>
                <a:lnTo>
                  <a:pt x="196" y="232"/>
                </a:lnTo>
                <a:lnTo>
                  <a:pt x="176" y="220"/>
                </a:lnTo>
                <a:lnTo>
                  <a:pt x="166" y="224"/>
                </a:lnTo>
                <a:lnTo>
                  <a:pt x="154" y="220"/>
                </a:lnTo>
                <a:lnTo>
                  <a:pt x="124" y="244"/>
                </a:lnTo>
                <a:lnTo>
                  <a:pt x="110" y="256"/>
                </a:lnTo>
                <a:lnTo>
                  <a:pt x="110" y="238"/>
                </a:lnTo>
                <a:lnTo>
                  <a:pt x="114" y="216"/>
                </a:lnTo>
                <a:lnTo>
                  <a:pt x="110" y="208"/>
                </a:lnTo>
                <a:lnTo>
                  <a:pt x="114" y="200"/>
                </a:lnTo>
                <a:lnTo>
                  <a:pt x="110" y="190"/>
                </a:lnTo>
                <a:lnTo>
                  <a:pt x="100" y="190"/>
                </a:lnTo>
                <a:lnTo>
                  <a:pt x="90" y="200"/>
                </a:lnTo>
                <a:lnTo>
                  <a:pt x="88" y="214"/>
                </a:lnTo>
                <a:lnTo>
                  <a:pt x="78" y="210"/>
                </a:lnTo>
                <a:lnTo>
                  <a:pt x="74" y="206"/>
                </a:lnTo>
                <a:lnTo>
                  <a:pt x="58" y="204"/>
                </a:lnTo>
                <a:lnTo>
                  <a:pt x="48" y="180"/>
                </a:lnTo>
                <a:lnTo>
                  <a:pt x="36" y="182"/>
                </a:lnTo>
                <a:lnTo>
                  <a:pt x="34" y="162"/>
                </a:lnTo>
                <a:lnTo>
                  <a:pt x="48" y="152"/>
                </a:lnTo>
                <a:lnTo>
                  <a:pt x="30" y="150"/>
                </a:lnTo>
                <a:lnTo>
                  <a:pt x="30" y="142"/>
                </a:lnTo>
                <a:lnTo>
                  <a:pt x="24" y="140"/>
                </a:lnTo>
                <a:lnTo>
                  <a:pt x="20" y="134"/>
                </a:lnTo>
                <a:close/>
              </a:path>
            </a:pathLst>
          </a:custGeom>
          <a:pattFill prst="pct90">
            <a:fgClr>
              <a:srgbClr val="FFCC00"/>
            </a:fgClr>
            <a:bgClr>
              <a:schemeClr val="tx1"/>
            </a:bgClr>
          </a:patt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51" name="Freeform 60"/>
          <p:cNvSpPr>
            <a:spLocks/>
          </p:cNvSpPr>
          <p:nvPr/>
        </p:nvSpPr>
        <p:spPr bwMode="auto">
          <a:xfrm>
            <a:off x="6357938" y="112713"/>
            <a:ext cx="1408112" cy="3271837"/>
          </a:xfrm>
          <a:custGeom>
            <a:avLst/>
            <a:gdLst>
              <a:gd name="T0" fmla="*/ 2147483647 w 1088"/>
              <a:gd name="T1" fmla="*/ 2147483647 h 2527"/>
              <a:gd name="T2" fmla="*/ 2147483647 w 1088"/>
              <a:gd name="T3" fmla="*/ 2147483647 h 2527"/>
              <a:gd name="T4" fmla="*/ 2147483647 w 1088"/>
              <a:gd name="T5" fmla="*/ 2147483647 h 2527"/>
              <a:gd name="T6" fmla="*/ 2147483647 w 1088"/>
              <a:gd name="T7" fmla="*/ 2147483647 h 2527"/>
              <a:gd name="T8" fmla="*/ 2147483647 w 1088"/>
              <a:gd name="T9" fmla="*/ 2147483647 h 2527"/>
              <a:gd name="T10" fmla="*/ 2147483647 w 1088"/>
              <a:gd name="T11" fmla="*/ 2147483647 h 2527"/>
              <a:gd name="T12" fmla="*/ 2147483647 w 1088"/>
              <a:gd name="T13" fmla="*/ 2147483647 h 2527"/>
              <a:gd name="T14" fmla="*/ 2147483647 w 1088"/>
              <a:gd name="T15" fmla="*/ 2147483647 h 2527"/>
              <a:gd name="T16" fmla="*/ 2147483647 w 1088"/>
              <a:gd name="T17" fmla="*/ 2147483647 h 2527"/>
              <a:gd name="T18" fmla="*/ 2147483647 w 1088"/>
              <a:gd name="T19" fmla="*/ 2147483647 h 2527"/>
              <a:gd name="T20" fmla="*/ 2147483647 w 1088"/>
              <a:gd name="T21" fmla="*/ 2147483647 h 2527"/>
              <a:gd name="T22" fmla="*/ 2147483647 w 1088"/>
              <a:gd name="T23" fmla="*/ 2147483647 h 2527"/>
              <a:gd name="T24" fmla="*/ 2147483647 w 1088"/>
              <a:gd name="T25" fmla="*/ 2147483647 h 2527"/>
              <a:gd name="T26" fmla="*/ 2147483647 w 1088"/>
              <a:gd name="T27" fmla="*/ 2147483647 h 2527"/>
              <a:gd name="T28" fmla="*/ 2147483647 w 1088"/>
              <a:gd name="T29" fmla="*/ 2147483647 h 2527"/>
              <a:gd name="T30" fmla="*/ 2147483647 w 1088"/>
              <a:gd name="T31" fmla="*/ 2147483647 h 2527"/>
              <a:gd name="T32" fmla="*/ 2147483647 w 1088"/>
              <a:gd name="T33" fmla="*/ 2147483647 h 2527"/>
              <a:gd name="T34" fmla="*/ 2147483647 w 1088"/>
              <a:gd name="T35" fmla="*/ 2147483647 h 2527"/>
              <a:gd name="T36" fmla="*/ 2147483647 w 1088"/>
              <a:gd name="T37" fmla="*/ 2147483647 h 2527"/>
              <a:gd name="T38" fmla="*/ 2147483647 w 1088"/>
              <a:gd name="T39" fmla="*/ 2147483647 h 2527"/>
              <a:gd name="T40" fmla="*/ 2147483647 w 1088"/>
              <a:gd name="T41" fmla="*/ 2147483647 h 2527"/>
              <a:gd name="T42" fmla="*/ 2147483647 w 1088"/>
              <a:gd name="T43" fmla="*/ 2147483647 h 2527"/>
              <a:gd name="T44" fmla="*/ 2147483647 w 1088"/>
              <a:gd name="T45" fmla="*/ 2147483647 h 2527"/>
              <a:gd name="T46" fmla="*/ 2147483647 w 1088"/>
              <a:gd name="T47" fmla="*/ 2147483647 h 2527"/>
              <a:gd name="T48" fmla="*/ 2147483647 w 1088"/>
              <a:gd name="T49" fmla="*/ 2147483647 h 2527"/>
              <a:gd name="T50" fmla="*/ 2147483647 w 1088"/>
              <a:gd name="T51" fmla="*/ 2147483647 h 2527"/>
              <a:gd name="T52" fmla="*/ 2147483647 w 1088"/>
              <a:gd name="T53" fmla="*/ 2147483647 h 2527"/>
              <a:gd name="T54" fmla="*/ 2147483647 w 1088"/>
              <a:gd name="T55" fmla="*/ 2147483647 h 2527"/>
              <a:gd name="T56" fmla="*/ 2147483647 w 1088"/>
              <a:gd name="T57" fmla="*/ 2147483647 h 2527"/>
              <a:gd name="T58" fmla="*/ 2147483647 w 1088"/>
              <a:gd name="T59" fmla="*/ 2147483647 h 2527"/>
              <a:gd name="T60" fmla="*/ 2147483647 w 1088"/>
              <a:gd name="T61" fmla="*/ 2147483647 h 2527"/>
              <a:gd name="T62" fmla="*/ 2147483647 w 1088"/>
              <a:gd name="T63" fmla="*/ 2147483647 h 2527"/>
              <a:gd name="T64" fmla="*/ 2147483647 w 1088"/>
              <a:gd name="T65" fmla="*/ 2147483647 h 2527"/>
              <a:gd name="T66" fmla="*/ 2147483647 w 1088"/>
              <a:gd name="T67" fmla="*/ 2147483647 h 2527"/>
              <a:gd name="T68" fmla="*/ 2147483647 w 1088"/>
              <a:gd name="T69" fmla="*/ 2147483647 h 2527"/>
              <a:gd name="T70" fmla="*/ 2147483647 w 1088"/>
              <a:gd name="T71" fmla="*/ 2147483647 h 2527"/>
              <a:gd name="T72" fmla="*/ 2147483647 w 1088"/>
              <a:gd name="T73" fmla="*/ 2147483647 h 2527"/>
              <a:gd name="T74" fmla="*/ 2147483647 w 1088"/>
              <a:gd name="T75" fmla="*/ 2147483647 h 2527"/>
              <a:gd name="T76" fmla="*/ 2147483647 w 1088"/>
              <a:gd name="T77" fmla="*/ 2147483647 h 2527"/>
              <a:gd name="T78" fmla="*/ 2147483647 w 1088"/>
              <a:gd name="T79" fmla="*/ 2147483647 h 2527"/>
              <a:gd name="T80" fmla="*/ 2147483647 w 1088"/>
              <a:gd name="T81" fmla="*/ 2147483647 h 2527"/>
              <a:gd name="T82" fmla="*/ 2147483647 w 1088"/>
              <a:gd name="T83" fmla="*/ 2147483647 h 2527"/>
              <a:gd name="T84" fmla="*/ 2147483647 w 1088"/>
              <a:gd name="T85" fmla="*/ 2147483647 h 2527"/>
              <a:gd name="T86" fmla="*/ 2147483647 w 1088"/>
              <a:gd name="T87" fmla="*/ 2147483647 h 2527"/>
              <a:gd name="T88" fmla="*/ 2147483647 w 1088"/>
              <a:gd name="T89" fmla="*/ 2147483647 h 2527"/>
              <a:gd name="T90" fmla="*/ 2147483647 w 1088"/>
              <a:gd name="T91" fmla="*/ 2147483647 h 2527"/>
              <a:gd name="T92" fmla="*/ 2147483647 w 1088"/>
              <a:gd name="T93" fmla="*/ 2147483647 h 2527"/>
              <a:gd name="T94" fmla="*/ 2147483647 w 1088"/>
              <a:gd name="T95" fmla="*/ 2147483647 h 2527"/>
              <a:gd name="T96" fmla="*/ 2147483647 w 1088"/>
              <a:gd name="T97" fmla="*/ 2147483647 h 2527"/>
              <a:gd name="T98" fmla="*/ 2147483647 w 1088"/>
              <a:gd name="T99" fmla="*/ 2147483647 h 2527"/>
              <a:gd name="T100" fmla="*/ 2147483647 w 1088"/>
              <a:gd name="T101" fmla="*/ 2147483647 h 2527"/>
              <a:gd name="T102" fmla="*/ 2147483647 w 1088"/>
              <a:gd name="T103" fmla="*/ 2147483647 h 2527"/>
              <a:gd name="T104" fmla="*/ 2147483647 w 1088"/>
              <a:gd name="T105" fmla="*/ 2147483647 h 2527"/>
              <a:gd name="T106" fmla="*/ 2147483647 w 1088"/>
              <a:gd name="T107" fmla="*/ 2147483647 h 2527"/>
              <a:gd name="T108" fmla="*/ 2147483647 w 1088"/>
              <a:gd name="T109" fmla="*/ 2147483647 h 2527"/>
              <a:gd name="T110" fmla="*/ 2147483647 w 1088"/>
              <a:gd name="T111" fmla="*/ 2147483647 h 2527"/>
              <a:gd name="T112" fmla="*/ 2147483647 w 1088"/>
              <a:gd name="T113" fmla="*/ 2147483647 h 2527"/>
              <a:gd name="T114" fmla="*/ 2147483647 w 1088"/>
              <a:gd name="T115" fmla="*/ 2147483647 h 2527"/>
              <a:gd name="T116" fmla="*/ 2147483647 w 1088"/>
              <a:gd name="T117" fmla="*/ 2147483647 h 2527"/>
              <a:gd name="T118" fmla="*/ 2147483647 w 1088"/>
              <a:gd name="T119" fmla="*/ 2147483647 h 2527"/>
              <a:gd name="T120" fmla="*/ 2147483647 w 1088"/>
              <a:gd name="T121" fmla="*/ 2147483647 h 2527"/>
              <a:gd name="T122" fmla="*/ 2147483647 w 1088"/>
              <a:gd name="T123" fmla="*/ 2147483647 h 2527"/>
              <a:gd name="T124" fmla="*/ 2147483647 w 1088"/>
              <a:gd name="T125" fmla="*/ 2147483647 h 2527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1088" h="2527">
                <a:moveTo>
                  <a:pt x="286" y="1642"/>
                </a:moveTo>
                <a:lnTo>
                  <a:pt x="288" y="1626"/>
                </a:lnTo>
                <a:lnTo>
                  <a:pt x="280" y="1620"/>
                </a:lnTo>
                <a:lnTo>
                  <a:pt x="276" y="1610"/>
                </a:lnTo>
                <a:lnTo>
                  <a:pt x="282" y="1602"/>
                </a:lnTo>
                <a:lnTo>
                  <a:pt x="292" y="1608"/>
                </a:lnTo>
                <a:lnTo>
                  <a:pt x="302" y="1614"/>
                </a:lnTo>
                <a:lnTo>
                  <a:pt x="302" y="1590"/>
                </a:lnTo>
                <a:lnTo>
                  <a:pt x="310" y="1588"/>
                </a:lnTo>
                <a:lnTo>
                  <a:pt x="328" y="1590"/>
                </a:lnTo>
                <a:lnTo>
                  <a:pt x="332" y="1586"/>
                </a:lnTo>
                <a:lnTo>
                  <a:pt x="334" y="1582"/>
                </a:lnTo>
                <a:lnTo>
                  <a:pt x="336" y="1560"/>
                </a:lnTo>
                <a:lnTo>
                  <a:pt x="350" y="1554"/>
                </a:lnTo>
                <a:lnTo>
                  <a:pt x="374" y="1550"/>
                </a:lnTo>
                <a:lnTo>
                  <a:pt x="386" y="1554"/>
                </a:lnTo>
                <a:lnTo>
                  <a:pt x="398" y="1558"/>
                </a:lnTo>
                <a:lnTo>
                  <a:pt x="412" y="1552"/>
                </a:lnTo>
                <a:lnTo>
                  <a:pt x="420" y="1546"/>
                </a:lnTo>
                <a:lnTo>
                  <a:pt x="426" y="1546"/>
                </a:lnTo>
                <a:lnTo>
                  <a:pt x="434" y="1552"/>
                </a:lnTo>
                <a:lnTo>
                  <a:pt x="450" y="1552"/>
                </a:lnTo>
                <a:lnTo>
                  <a:pt x="462" y="1538"/>
                </a:lnTo>
                <a:lnTo>
                  <a:pt x="464" y="1526"/>
                </a:lnTo>
                <a:lnTo>
                  <a:pt x="478" y="1528"/>
                </a:lnTo>
                <a:lnTo>
                  <a:pt x="482" y="1528"/>
                </a:lnTo>
                <a:lnTo>
                  <a:pt x="488" y="1524"/>
                </a:lnTo>
                <a:lnTo>
                  <a:pt x="496" y="1520"/>
                </a:lnTo>
                <a:lnTo>
                  <a:pt x="488" y="1504"/>
                </a:lnTo>
                <a:lnTo>
                  <a:pt x="490" y="1486"/>
                </a:lnTo>
                <a:lnTo>
                  <a:pt x="504" y="1474"/>
                </a:lnTo>
                <a:lnTo>
                  <a:pt x="516" y="1476"/>
                </a:lnTo>
                <a:lnTo>
                  <a:pt x="532" y="1482"/>
                </a:lnTo>
                <a:lnTo>
                  <a:pt x="548" y="1472"/>
                </a:lnTo>
                <a:lnTo>
                  <a:pt x="544" y="1452"/>
                </a:lnTo>
                <a:lnTo>
                  <a:pt x="544" y="1438"/>
                </a:lnTo>
                <a:lnTo>
                  <a:pt x="540" y="1426"/>
                </a:lnTo>
                <a:lnTo>
                  <a:pt x="554" y="1426"/>
                </a:lnTo>
                <a:lnTo>
                  <a:pt x="564" y="1416"/>
                </a:lnTo>
                <a:lnTo>
                  <a:pt x="566" y="1412"/>
                </a:lnTo>
                <a:lnTo>
                  <a:pt x="568" y="1406"/>
                </a:lnTo>
                <a:lnTo>
                  <a:pt x="570" y="1396"/>
                </a:lnTo>
                <a:lnTo>
                  <a:pt x="588" y="1378"/>
                </a:lnTo>
                <a:lnTo>
                  <a:pt x="594" y="1366"/>
                </a:lnTo>
                <a:lnTo>
                  <a:pt x="594" y="1360"/>
                </a:lnTo>
                <a:lnTo>
                  <a:pt x="594" y="1354"/>
                </a:lnTo>
                <a:lnTo>
                  <a:pt x="596" y="1350"/>
                </a:lnTo>
                <a:lnTo>
                  <a:pt x="604" y="1348"/>
                </a:lnTo>
                <a:lnTo>
                  <a:pt x="610" y="1348"/>
                </a:lnTo>
                <a:lnTo>
                  <a:pt x="624" y="1342"/>
                </a:lnTo>
                <a:lnTo>
                  <a:pt x="636" y="1328"/>
                </a:lnTo>
                <a:lnTo>
                  <a:pt x="650" y="1322"/>
                </a:lnTo>
                <a:lnTo>
                  <a:pt x="654" y="1310"/>
                </a:lnTo>
                <a:lnTo>
                  <a:pt x="666" y="1306"/>
                </a:lnTo>
                <a:lnTo>
                  <a:pt x="680" y="1308"/>
                </a:lnTo>
                <a:lnTo>
                  <a:pt x="688" y="1304"/>
                </a:lnTo>
                <a:lnTo>
                  <a:pt x="692" y="1314"/>
                </a:lnTo>
                <a:lnTo>
                  <a:pt x="706" y="1316"/>
                </a:lnTo>
                <a:lnTo>
                  <a:pt x="720" y="1310"/>
                </a:lnTo>
                <a:lnTo>
                  <a:pt x="722" y="1298"/>
                </a:lnTo>
                <a:lnTo>
                  <a:pt x="728" y="1282"/>
                </a:lnTo>
                <a:lnTo>
                  <a:pt x="734" y="1274"/>
                </a:lnTo>
                <a:lnTo>
                  <a:pt x="732" y="1254"/>
                </a:lnTo>
                <a:lnTo>
                  <a:pt x="730" y="1238"/>
                </a:lnTo>
                <a:lnTo>
                  <a:pt x="724" y="1232"/>
                </a:lnTo>
                <a:lnTo>
                  <a:pt x="712" y="1228"/>
                </a:lnTo>
                <a:lnTo>
                  <a:pt x="698" y="1216"/>
                </a:lnTo>
                <a:lnTo>
                  <a:pt x="676" y="1196"/>
                </a:lnTo>
                <a:lnTo>
                  <a:pt x="670" y="1184"/>
                </a:lnTo>
                <a:lnTo>
                  <a:pt x="658" y="1176"/>
                </a:lnTo>
                <a:lnTo>
                  <a:pt x="652" y="1168"/>
                </a:lnTo>
                <a:lnTo>
                  <a:pt x="650" y="1146"/>
                </a:lnTo>
                <a:lnTo>
                  <a:pt x="648" y="1126"/>
                </a:lnTo>
                <a:lnTo>
                  <a:pt x="632" y="1114"/>
                </a:lnTo>
                <a:lnTo>
                  <a:pt x="610" y="1108"/>
                </a:lnTo>
                <a:lnTo>
                  <a:pt x="588" y="1104"/>
                </a:lnTo>
                <a:lnTo>
                  <a:pt x="578" y="1094"/>
                </a:lnTo>
                <a:lnTo>
                  <a:pt x="562" y="1098"/>
                </a:lnTo>
                <a:lnTo>
                  <a:pt x="552" y="1092"/>
                </a:lnTo>
                <a:lnTo>
                  <a:pt x="550" y="1100"/>
                </a:lnTo>
                <a:lnTo>
                  <a:pt x="560" y="1112"/>
                </a:lnTo>
                <a:lnTo>
                  <a:pt x="576" y="1124"/>
                </a:lnTo>
                <a:lnTo>
                  <a:pt x="590" y="1120"/>
                </a:lnTo>
                <a:lnTo>
                  <a:pt x="610" y="1120"/>
                </a:lnTo>
                <a:lnTo>
                  <a:pt x="624" y="1134"/>
                </a:lnTo>
                <a:lnTo>
                  <a:pt x="636" y="1146"/>
                </a:lnTo>
                <a:lnTo>
                  <a:pt x="638" y="1158"/>
                </a:lnTo>
                <a:lnTo>
                  <a:pt x="634" y="1166"/>
                </a:lnTo>
                <a:lnTo>
                  <a:pt x="624" y="1166"/>
                </a:lnTo>
                <a:lnTo>
                  <a:pt x="614" y="1166"/>
                </a:lnTo>
                <a:lnTo>
                  <a:pt x="616" y="1174"/>
                </a:lnTo>
                <a:lnTo>
                  <a:pt x="624" y="1180"/>
                </a:lnTo>
                <a:lnTo>
                  <a:pt x="620" y="1186"/>
                </a:lnTo>
                <a:lnTo>
                  <a:pt x="608" y="1178"/>
                </a:lnTo>
                <a:lnTo>
                  <a:pt x="598" y="1166"/>
                </a:lnTo>
                <a:lnTo>
                  <a:pt x="588" y="1152"/>
                </a:lnTo>
                <a:lnTo>
                  <a:pt x="576" y="1142"/>
                </a:lnTo>
                <a:lnTo>
                  <a:pt x="572" y="1142"/>
                </a:lnTo>
                <a:lnTo>
                  <a:pt x="574" y="1150"/>
                </a:lnTo>
                <a:lnTo>
                  <a:pt x="582" y="1160"/>
                </a:lnTo>
                <a:lnTo>
                  <a:pt x="590" y="1164"/>
                </a:lnTo>
                <a:lnTo>
                  <a:pt x="592" y="1174"/>
                </a:lnTo>
                <a:lnTo>
                  <a:pt x="590" y="1180"/>
                </a:lnTo>
                <a:lnTo>
                  <a:pt x="594" y="1188"/>
                </a:lnTo>
                <a:lnTo>
                  <a:pt x="598" y="1194"/>
                </a:lnTo>
                <a:lnTo>
                  <a:pt x="588" y="1196"/>
                </a:lnTo>
                <a:lnTo>
                  <a:pt x="576" y="1188"/>
                </a:lnTo>
                <a:lnTo>
                  <a:pt x="568" y="1182"/>
                </a:lnTo>
                <a:lnTo>
                  <a:pt x="564" y="1170"/>
                </a:lnTo>
                <a:lnTo>
                  <a:pt x="556" y="1168"/>
                </a:lnTo>
                <a:lnTo>
                  <a:pt x="560" y="1174"/>
                </a:lnTo>
                <a:lnTo>
                  <a:pt x="566" y="1190"/>
                </a:lnTo>
                <a:lnTo>
                  <a:pt x="574" y="1196"/>
                </a:lnTo>
                <a:lnTo>
                  <a:pt x="586" y="1202"/>
                </a:lnTo>
                <a:lnTo>
                  <a:pt x="596" y="1208"/>
                </a:lnTo>
                <a:lnTo>
                  <a:pt x="602" y="1216"/>
                </a:lnTo>
                <a:lnTo>
                  <a:pt x="602" y="1226"/>
                </a:lnTo>
                <a:lnTo>
                  <a:pt x="592" y="1228"/>
                </a:lnTo>
                <a:lnTo>
                  <a:pt x="600" y="1238"/>
                </a:lnTo>
                <a:lnTo>
                  <a:pt x="612" y="1248"/>
                </a:lnTo>
                <a:lnTo>
                  <a:pt x="626" y="1254"/>
                </a:lnTo>
                <a:lnTo>
                  <a:pt x="640" y="1256"/>
                </a:lnTo>
                <a:lnTo>
                  <a:pt x="656" y="1254"/>
                </a:lnTo>
                <a:lnTo>
                  <a:pt x="666" y="1262"/>
                </a:lnTo>
                <a:lnTo>
                  <a:pt x="670" y="1264"/>
                </a:lnTo>
                <a:lnTo>
                  <a:pt x="674" y="1266"/>
                </a:lnTo>
                <a:lnTo>
                  <a:pt x="678" y="1268"/>
                </a:lnTo>
                <a:lnTo>
                  <a:pt x="690" y="1282"/>
                </a:lnTo>
                <a:lnTo>
                  <a:pt x="698" y="1290"/>
                </a:lnTo>
                <a:lnTo>
                  <a:pt x="696" y="1304"/>
                </a:lnTo>
                <a:lnTo>
                  <a:pt x="692" y="1304"/>
                </a:lnTo>
                <a:lnTo>
                  <a:pt x="688" y="1302"/>
                </a:lnTo>
                <a:lnTo>
                  <a:pt x="682" y="1306"/>
                </a:lnTo>
                <a:lnTo>
                  <a:pt x="676" y="1306"/>
                </a:lnTo>
                <a:lnTo>
                  <a:pt x="670" y="1304"/>
                </a:lnTo>
                <a:lnTo>
                  <a:pt x="664" y="1304"/>
                </a:lnTo>
                <a:lnTo>
                  <a:pt x="660" y="1302"/>
                </a:lnTo>
                <a:lnTo>
                  <a:pt x="654" y="1294"/>
                </a:lnTo>
                <a:lnTo>
                  <a:pt x="642" y="1294"/>
                </a:lnTo>
                <a:lnTo>
                  <a:pt x="642" y="1304"/>
                </a:lnTo>
                <a:lnTo>
                  <a:pt x="648" y="1310"/>
                </a:lnTo>
                <a:lnTo>
                  <a:pt x="652" y="1314"/>
                </a:lnTo>
                <a:lnTo>
                  <a:pt x="648" y="1320"/>
                </a:lnTo>
                <a:lnTo>
                  <a:pt x="634" y="1326"/>
                </a:lnTo>
                <a:lnTo>
                  <a:pt x="622" y="1342"/>
                </a:lnTo>
                <a:lnTo>
                  <a:pt x="610" y="1346"/>
                </a:lnTo>
                <a:lnTo>
                  <a:pt x="594" y="1350"/>
                </a:lnTo>
                <a:lnTo>
                  <a:pt x="592" y="1354"/>
                </a:lnTo>
                <a:lnTo>
                  <a:pt x="592" y="1358"/>
                </a:lnTo>
                <a:lnTo>
                  <a:pt x="592" y="1366"/>
                </a:lnTo>
                <a:lnTo>
                  <a:pt x="586" y="1376"/>
                </a:lnTo>
                <a:lnTo>
                  <a:pt x="568" y="1394"/>
                </a:lnTo>
                <a:lnTo>
                  <a:pt x="568" y="1398"/>
                </a:lnTo>
                <a:lnTo>
                  <a:pt x="564" y="1410"/>
                </a:lnTo>
                <a:lnTo>
                  <a:pt x="554" y="1420"/>
                </a:lnTo>
                <a:lnTo>
                  <a:pt x="550" y="1416"/>
                </a:lnTo>
                <a:lnTo>
                  <a:pt x="550" y="1402"/>
                </a:lnTo>
                <a:lnTo>
                  <a:pt x="538" y="1400"/>
                </a:lnTo>
                <a:lnTo>
                  <a:pt x="538" y="1390"/>
                </a:lnTo>
                <a:lnTo>
                  <a:pt x="524" y="1372"/>
                </a:lnTo>
                <a:lnTo>
                  <a:pt x="502" y="1352"/>
                </a:lnTo>
                <a:lnTo>
                  <a:pt x="478" y="1346"/>
                </a:lnTo>
                <a:lnTo>
                  <a:pt x="462" y="1342"/>
                </a:lnTo>
                <a:lnTo>
                  <a:pt x="438" y="1334"/>
                </a:lnTo>
                <a:lnTo>
                  <a:pt x="426" y="1322"/>
                </a:lnTo>
                <a:lnTo>
                  <a:pt x="416" y="1314"/>
                </a:lnTo>
                <a:lnTo>
                  <a:pt x="406" y="1312"/>
                </a:lnTo>
                <a:lnTo>
                  <a:pt x="404" y="1318"/>
                </a:lnTo>
                <a:lnTo>
                  <a:pt x="394" y="1316"/>
                </a:lnTo>
                <a:lnTo>
                  <a:pt x="388" y="1308"/>
                </a:lnTo>
                <a:lnTo>
                  <a:pt x="376" y="1310"/>
                </a:lnTo>
                <a:lnTo>
                  <a:pt x="374" y="1320"/>
                </a:lnTo>
                <a:lnTo>
                  <a:pt x="376" y="1340"/>
                </a:lnTo>
                <a:lnTo>
                  <a:pt x="368" y="1346"/>
                </a:lnTo>
                <a:lnTo>
                  <a:pt x="356" y="1354"/>
                </a:lnTo>
                <a:lnTo>
                  <a:pt x="356" y="1366"/>
                </a:lnTo>
                <a:lnTo>
                  <a:pt x="358" y="1372"/>
                </a:lnTo>
                <a:lnTo>
                  <a:pt x="356" y="1376"/>
                </a:lnTo>
                <a:lnTo>
                  <a:pt x="356" y="1378"/>
                </a:lnTo>
                <a:lnTo>
                  <a:pt x="354" y="1380"/>
                </a:lnTo>
                <a:lnTo>
                  <a:pt x="344" y="1382"/>
                </a:lnTo>
                <a:lnTo>
                  <a:pt x="348" y="1394"/>
                </a:lnTo>
                <a:lnTo>
                  <a:pt x="366" y="1406"/>
                </a:lnTo>
                <a:lnTo>
                  <a:pt x="380" y="1416"/>
                </a:lnTo>
                <a:lnTo>
                  <a:pt x="398" y="1430"/>
                </a:lnTo>
                <a:lnTo>
                  <a:pt x="398" y="1442"/>
                </a:lnTo>
                <a:lnTo>
                  <a:pt x="406" y="1454"/>
                </a:lnTo>
                <a:lnTo>
                  <a:pt x="416" y="1456"/>
                </a:lnTo>
                <a:lnTo>
                  <a:pt x="426" y="1472"/>
                </a:lnTo>
                <a:lnTo>
                  <a:pt x="440" y="1484"/>
                </a:lnTo>
                <a:lnTo>
                  <a:pt x="444" y="1490"/>
                </a:lnTo>
                <a:lnTo>
                  <a:pt x="448" y="1498"/>
                </a:lnTo>
                <a:lnTo>
                  <a:pt x="458" y="1506"/>
                </a:lnTo>
                <a:lnTo>
                  <a:pt x="462" y="1510"/>
                </a:lnTo>
                <a:lnTo>
                  <a:pt x="464" y="1512"/>
                </a:lnTo>
                <a:lnTo>
                  <a:pt x="466" y="1516"/>
                </a:lnTo>
                <a:lnTo>
                  <a:pt x="464" y="1520"/>
                </a:lnTo>
                <a:lnTo>
                  <a:pt x="462" y="1524"/>
                </a:lnTo>
                <a:lnTo>
                  <a:pt x="462" y="1526"/>
                </a:lnTo>
                <a:lnTo>
                  <a:pt x="460" y="1538"/>
                </a:lnTo>
                <a:lnTo>
                  <a:pt x="448" y="1550"/>
                </a:lnTo>
                <a:lnTo>
                  <a:pt x="434" y="1550"/>
                </a:lnTo>
                <a:lnTo>
                  <a:pt x="428" y="1544"/>
                </a:lnTo>
                <a:lnTo>
                  <a:pt x="418" y="1544"/>
                </a:lnTo>
                <a:lnTo>
                  <a:pt x="412" y="1548"/>
                </a:lnTo>
                <a:lnTo>
                  <a:pt x="406" y="1540"/>
                </a:lnTo>
                <a:lnTo>
                  <a:pt x="392" y="1540"/>
                </a:lnTo>
                <a:lnTo>
                  <a:pt x="380" y="1526"/>
                </a:lnTo>
                <a:lnTo>
                  <a:pt x="356" y="1526"/>
                </a:lnTo>
                <a:lnTo>
                  <a:pt x="346" y="1532"/>
                </a:lnTo>
                <a:lnTo>
                  <a:pt x="326" y="1538"/>
                </a:lnTo>
                <a:lnTo>
                  <a:pt x="308" y="1520"/>
                </a:lnTo>
                <a:lnTo>
                  <a:pt x="298" y="1520"/>
                </a:lnTo>
                <a:lnTo>
                  <a:pt x="284" y="1506"/>
                </a:lnTo>
                <a:lnTo>
                  <a:pt x="286" y="1500"/>
                </a:lnTo>
                <a:lnTo>
                  <a:pt x="292" y="1500"/>
                </a:lnTo>
                <a:lnTo>
                  <a:pt x="286" y="1490"/>
                </a:lnTo>
                <a:lnTo>
                  <a:pt x="286" y="1482"/>
                </a:lnTo>
                <a:lnTo>
                  <a:pt x="282" y="1474"/>
                </a:lnTo>
                <a:lnTo>
                  <a:pt x="272" y="1486"/>
                </a:lnTo>
                <a:lnTo>
                  <a:pt x="264" y="1500"/>
                </a:lnTo>
                <a:lnTo>
                  <a:pt x="256" y="1510"/>
                </a:lnTo>
                <a:lnTo>
                  <a:pt x="236" y="1510"/>
                </a:lnTo>
                <a:lnTo>
                  <a:pt x="248" y="1488"/>
                </a:lnTo>
                <a:lnTo>
                  <a:pt x="268" y="1446"/>
                </a:lnTo>
                <a:lnTo>
                  <a:pt x="278" y="1438"/>
                </a:lnTo>
                <a:lnTo>
                  <a:pt x="284" y="1422"/>
                </a:lnTo>
                <a:lnTo>
                  <a:pt x="298" y="1402"/>
                </a:lnTo>
                <a:lnTo>
                  <a:pt x="314" y="1358"/>
                </a:lnTo>
                <a:lnTo>
                  <a:pt x="340" y="1302"/>
                </a:lnTo>
                <a:lnTo>
                  <a:pt x="358" y="1246"/>
                </a:lnTo>
                <a:lnTo>
                  <a:pt x="378" y="1204"/>
                </a:lnTo>
                <a:lnTo>
                  <a:pt x="378" y="1142"/>
                </a:lnTo>
                <a:lnTo>
                  <a:pt x="356" y="1128"/>
                </a:lnTo>
                <a:lnTo>
                  <a:pt x="348" y="1112"/>
                </a:lnTo>
                <a:lnTo>
                  <a:pt x="326" y="1102"/>
                </a:lnTo>
                <a:lnTo>
                  <a:pt x="300" y="1094"/>
                </a:lnTo>
                <a:lnTo>
                  <a:pt x="258" y="1068"/>
                </a:lnTo>
                <a:lnTo>
                  <a:pt x="274" y="1052"/>
                </a:lnTo>
                <a:lnTo>
                  <a:pt x="274" y="1034"/>
                </a:lnTo>
                <a:lnTo>
                  <a:pt x="282" y="1022"/>
                </a:lnTo>
                <a:lnTo>
                  <a:pt x="282" y="1012"/>
                </a:lnTo>
                <a:lnTo>
                  <a:pt x="274" y="994"/>
                </a:lnTo>
                <a:lnTo>
                  <a:pt x="260" y="988"/>
                </a:lnTo>
                <a:lnTo>
                  <a:pt x="242" y="986"/>
                </a:lnTo>
                <a:lnTo>
                  <a:pt x="240" y="970"/>
                </a:lnTo>
                <a:lnTo>
                  <a:pt x="228" y="966"/>
                </a:lnTo>
                <a:lnTo>
                  <a:pt x="228" y="956"/>
                </a:lnTo>
                <a:lnTo>
                  <a:pt x="238" y="942"/>
                </a:lnTo>
                <a:lnTo>
                  <a:pt x="226" y="932"/>
                </a:lnTo>
                <a:lnTo>
                  <a:pt x="210" y="936"/>
                </a:lnTo>
                <a:lnTo>
                  <a:pt x="198" y="920"/>
                </a:lnTo>
                <a:lnTo>
                  <a:pt x="190" y="906"/>
                </a:lnTo>
                <a:lnTo>
                  <a:pt x="202" y="892"/>
                </a:lnTo>
                <a:lnTo>
                  <a:pt x="200" y="884"/>
                </a:lnTo>
                <a:lnTo>
                  <a:pt x="186" y="882"/>
                </a:lnTo>
                <a:lnTo>
                  <a:pt x="184" y="860"/>
                </a:lnTo>
                <a:lnTo>
                  <a:pt x="180" y="842"/>
                </a:lnTo>
                <a:lnTo>
                  <a:pt x="180" y="824"/>
                </a:lnTo>
                <a:lnTo>
                  <a:pt x="196" y="816"/>
                </a:lnTo>
                <a:lnTo>
                  <a:pt x="184" y="788"/>
                </a:lnTo>
                <a:lnTo>
                  <a:pt x="162" y="756"/>
                </a:lnTo>
                <a:lnTo>
                  <a:pt x="144" y="734"/>
                </a:lnTo>
                <a:lnTo>
                  <a:pt x="116" y="698"/>
                </a:lnTo>
                <a:lnTo>
                  <a:pt x="100" y="680"/>
                </a:lnTo>
                <a:lnTo>
                  <a:pt x="96" y="650"/>
                </a:lnTo>
                <a:lnTo>
                  <a:pt x="106" y="616"/>
                </a:lnTo>
                <a:lnTo>
                  <a:pt x="116" y="590"/>
                </a:lnTo>
                <a:lnTo>
                  <a:pt x="122" y="570"/>
                </a:lnTo>
                <a:lnTo>
                  <a:pt x="114" y="558"/>
                </a:lnTo>
                <a:lnTo>
                  <a:pt x="94" y="550"/>
                </a:lnTo>
                <a:lnTo>
                  <a:pt x="70" y="520"/>
                </a:lnTo>
                <a:lnTo>
                  <a:pt x="40" y="516"/>
                </a:lnTo>
                <a:lnTo>
                  <a:pt x="14" y="478"/>
                </a:lnTo>
                <a:lnTo>
                  <a:pt x="10" y="464"/>
                </a:lnTo>
                <a:lnTo>
                  <a:pt x="16" y="424"/>
                </a:lnTo>
                <a:lnTo>
                  <a:pt x="0" y="422"/>
                </a:lnTo>
                <a:lnTo>
                  <a:pt x="20" y="400"/>
                </a:lnTo>
                <a:lnTo>
                  <a:pt x="30" y="390"/>
                </a:lnTo>
                <a:lnTo>
                  <a:pt x="28" y="358"/>
                </a:lnTo>
                <a:lnTo>
                  <a:pt x="56" y="338"/>
                </a:lnTo>
                <a:lnTo>
                  <a:pt x="56" y="306"/>
                </a:lnTo>
                <a:lnTo>
                  <a:pt x="68" y="308"/>
                </a:lnTo>
                <a:lnTo>
                  <a:pt x="82" y="310"/>
                </a:lnTo>
                <a:lnTo>
                  <a:pt x="88" y="302"/>
                </a:lnTo>
                <a:lnTo>
                  <a:pt x="84" y="288"/>
                </a:lnTo>
                <a:lnTo>
                  <a:pt x="80" y="278"/>
                </a:lnTo>
                <a:lnTo>
                  <a:pt x="98" y="276"/>
                </a:lnTo>
                <a:lnTo>
                  <a:pt x="110" y="284"/>
                </a:lnTo>
                <a:lnTo>
                  <a:pt x="122" y="276"/>
                </a:lnTo>
                <a:lnTo>
                  <a:pt x="116" y="256"/>
                </a:lnTo>
                <a:lnTo>
                  <a:pt x="130" y="256"/>
                </a:lnTo>
                <a:lnTo>
                  <a:pt x="138" y="272"/>
                </a:lnTo>
                <a:lnTo>
                  <a:pt x="140" y="284"/>
                </a:lnTo>
                <a:lnTo>
                  <a:pt x="152" y="284"/>
                </a:lnTo>
                <a:lnTo>
                  <a:pt x="158" y="294"/>
                </a:lnTo>
                <a:lnTo>
                  <a:pt x="182" y="290"/>
                </a:lnTo>
                <a:lnTo>
                  <a:pt x="186" y="300"/>
                </a:lnTo>
                <a:lnTo>
                  <a:pt x="212" y="288"/>
                </a:lnTo>
                <a:lnTo>
                  <a:pt x="214" y="314"/>
                </a:lnTo>
                <a:lnTo>
                  <a:pt x="216" y="326"/>
                </a:lnTo>
                <a:lnTo>
                  <a:pt x="222" y="328"/>
                </a:lnTo>
                <a:lnTo>
                  <a:pt x="224" y="308"/>
                </a:lnTo>
                <a:lnTo>
                  <a:pt x="226" y="296"/>
                </a:lnTo>
                <a:lnTo>
                  <a:pt x="240" y="290"/>
                </a:lnTo>
                <a:lnTo>
                  <a:pt x="242" y="280"/>
                </a:lnTo>
                <a:lnTo>
                  <a:pt x="256" y="288"/>
                </a:lnTo>
                <a:lnTo>
                  <a:pt x="300" y="292"/>
                </a:lnTo>
                <a:lnTo>
                  <a:pt x="302" y="278"/>
                </a:lnTo>
                <a:lnTo>
                  <a:pt x="346" y="280"/>
                </a:lnTo>
                <a:lnTo>
                  <a:pt x="414" y="302"/>
                </a:lnTo>
                <a:lnTo>
                  <a:pt x="442" y="308"/>
                </a:lnTo>
                <a:lnTo>
                  <a:pt x="470" y="328"/>
                </a:lnTo>
                <a:lnTo>
                  <a:pt x="486" y="330"/>
                </a:lnTo>
                <a:lnTo>
                  <a:pt x="496" y="340"/>
                </a:lnTo>
                <a:lnTo>
                  <a:pt x="514" y="334"/>
                </a:lnTo>
                <a:lnTo>
                  <a:pt x="540" y="342"/>
                </a:lnTo>
                <a:lnTo>
                  <a:pt x="554" y="352"/>
                </a:lnTo>
                <a:lnTo>
                  <a:pt x="572" y="350"/>
                </a:lnTo>
                <a:lnTo>
                  <a:pt x="574" y="342"/>
                </a:lnTo>
                <a:lnTo>
                  <a:pt x="590" y="352"/>
                </a:lnTo>
                <a:lnTo>
                  <a:pt x="612" y="362"/>
                </a:lnTo>
                <a:lnTo>
                  <a:pt x="614" y="374"/>
                </a:lnTo>
                <a:lnTo>
                  <a:pt x="620" y="366"/>
                </a:lnTo>
                <a:lnTo>
                  <a:pt x="650" y="366"/>
                </a:lnTo>
                <a:lnTo>
                  <a:pt x="660" y="394"/>
                </a:lnTo>
                <a:lnTo>
                  <a:pt x="670" y="400"/>
                </a:lnTo>
                <a:lnTo>
                  <a:pt x="676" y="418"/>
                </a:lnTo>
                <a:lnTo>
                  <a:pt x="692" y="422"/>
                </a:lnTo>
                <a:lnTo>
                  <a:pt x="702" y="450"/>
                </a:lnTo>
                <a:lnTo>
                  <a:pt x="702" y="482"/>
                </a:lnTo>
                <a:lnTo>
                  <a:pt x="698" y="526"/>
                </a:lnTo>
                <a:lnTo>
                  <a:pt x="676" y="568"/>
                </a:lnTo>
                <a:lnTo>
                  <a:pt x="650" y="596"/>
                </a:lnTo>
                <a:lnTo>
                  <a:pt x="618" y="622"/>
                </a:lnTo>
                <a:lnTo>
                  <a:pt x="584" y="630"/>
                </a:lnTo>
                <a:lnTo>
                  <a:pt x="554" y="628"/>
                </a:lnTo>
                <a:lnTo>
                  <a:pt x="510" y="628"/>
                </a:lnTo>
                <a:lnTo>
                  <a:pt x="502" y="634"/>
                </a:lnTo>
                <a:lnTo>
                  <a:pt x="470" y="638"/>
                </a:lnTo>
                <a:lnTo>
                  <a:pt x="436" y="638"/>
                </a:lnTo>
                <a:lnTo>
                  <a:pt x="406" y="626"/>
                </a:lnTo>
                <a:lnTo>
                  <a:pt x="392" y="634"/>
                </a:lnTo>
                <a:lnTo>
                  <a:pt x="384" y="638"/>
                </a:lnTo>
                <a:lnTo>
                  <a:pt x="376" y="626"/>
                </a:lnTo>
                <a:lnTo>
                  <a:pt x="364" y="626"/>
                </a:lnTo>
                <a:lnTo>
                  <a:pt x="350" y="626"/>
                </a:lnTo>
                <a:lnTo>
                  <a:pt x="334" y="618"/>
                </a:lnTo>
                <a:lnTo>
                  <a:pt x="328" y="618"/>
                </a:lnTo>
                <a:lnTo>
                  <a:pt x="328" y="628"/>
                </a:lnTo>
                <a:lnTo>
                  <a:pt x="312" y="626"/>
                </a:lnTo>
                <a:lnTo>
                  <a:pt x="290" y="614"/>
                </a:lnTo>
                <a:lnTo>
                  <a:pt x="282" y="608"/>
                </a:lnTo>
                <a:lnTo>
                  <a:pt x="284" y="598"/>
                </a:lnTo>
                <a:lnTo>
                  <a:pt x="250" y="594"/>
                </a:lnTo>
                <a:lnTo>
                  <a:pt x="246" y="602"/>
                </a:lnTo>
                <a:lnTo>
                  <a:pt x="256" y="608"/>
                </a:lnTo>
                <a:lnTo>
                  <a:pt x="270" y="612"/>
                </a:lnTo>
                <a:lnTo>
                  <a:pt x="272" y="628"/>
                </a:lnTo>
                <a:lnTo>
                  <a:pt x="296" y="636"/>
                </a:lnTo>
                <a:lnTo>
                  <a:pt x="302" y="644"/>
                </a:lnTo>
                <a:lnTo>
                  <a:pt x="318" y="646"/>
                </a:lnTo>
                <a:lnTo>
                  <a:pt x="334" y="652"/>
                </a:lnTo>
                <a:lnTo>
                  <a:pt x="324" y="660"/>
                </a:lnTo>
                <a:lnTo>
                  <a:pt x="352" y="666"/>
                </a:lnTo>
                <a:lnTo>
                  <a:pt x="352" y="682"/>
                </a:lnTo>
                <a:lnTo>
                  <a:pt x="374" y="688"/>
                </a:lnTo>
                <a:lnTo>
                  <a:pt x="402" y="690"/>
                </a:lnTo>
                <a:lnTo>
                  <a:pt x="428" y="708"/>
                </a:lnTo>
                <a:lnTo>
                  <a:pt x="446" y="728"/>
                </a:lnTo>
                <a:lnTo>
                  <a:pt x="442" y="732"/>
                </a:lnTo>
                <a:lnTo>
                  <a:pt x="434" y="734"/>
                </a:lnTo>
                <a:lnTo>
                  <a:pt x="436" y="742"/>
                </a:lnTo>
                <a:lnTo>
                  <a:pt x="440" y="750"/>
                </a:lnTo>
                <a:lnTo>
                  <a:pt x="446" y="754"/>
                </a:lnTo>
                <a:lnTo>
                  <a:pt x="446" y="778"/>
                </a:lnTo>
                <a:lnTo>
                  <a:pt x="436" y="782"/>
                </a:lnTo>
                <a:lnTo>
                  <a:pt x="438" y="790"/>
                </a:lnTo>
                <a:lnTo>
                  <a:pt x="456" y="808"/>
                </a:lnTo>
                <a:lnTo>
                  <a:pt x="468" y="816"/>
                </a:lnTo>
                <a:lnTo>
                  <a:pt x="472" y="834"/>
                </a:lnTo>
                <a:lnTo>
                  <a:pt x="486" y="844"/>
                </a:lnTo>
                <a:lnTo>
                  <a:pt x="492" y="850"/>
                </a:lnTo>
                <a:lnTo>
                  <a:pt x="494" y="866"/>
                </a:lnTo>
                <a:lnTo>
                  <a:pt x="494" y="884"/>
                </a:lnTo>
                <a:lnTo>
                  <a:pt x="524" y="896"/>
                </a:lnTo>
                <a:lnTo>
                  <a:pt x="542" y="896"/>
                </a:lnTo>
                <a:lnTo>
                  <a:pt x="546" y="888"/>
                </a:lnTo>
                <a:lnTo>
                  <a:pt x="558" y="884"/>
                </a:lnTo>
                <a:lnTo>
                  <a:pt x="566" y="900"/>
                </a:lnTo>
                <a:lnTo>
                  <a:pt x="580" y="896"/>
                </a:lnTo>
                <a:lnTo>
                  <a:pt x="592" y="906"/>
                </a:lnTo>
                <a:lnTo>
                  <a:pt x="596" y="916"/>
                </a:lnTo>
                <a:lnTo>
                  <a:pt x="628" y="920"/>
                </a:lnTo>
                <a:lnTo>
                  <a:pt x="656" y="916"/>
                </a:lnTo>
                <a:lnTo>
                  <a:pt x="666" y="922"/>
                </a:lnTo>
                <a:lnTo>
                  <a:pt x="674" y="918"/>
                </a:lnTo>
                <a:lnTo>
                  <a:pt x="676" y="904"/>
                </a:lnTo>
                <a:lnTo>
                  <a:pt x="690" y="894"/>
                </a:lnTo>
                <a:lnTo>
                  <a:pt x="692" y="876"/>
                </a:lnTo>
                <a:lnTo>
                  <a:pt x="674" y="858"/>
                </a:lnTo>
                <a:lnTo>
                  <a:pt x="674" y="848"/>
                </a:lnTo>
                <a:lnTo>
                  <a:pt x="652" y="834"/>
                </a:lnTo>
                <a:lnTo>
                  <a:pt x="644" y="850"/>
                </a:lnTo>
                <a:lnTo>
                  <a:pt x="630" y="854"/>
                </a:lnTo>
                <a:lnTo>
                  <a:pt x="588" y="822"/>
                </a:lnTo>
                <a:lnTo>
                  <a:pt x="578" y="822"/>
                </a:lnTo>
                <a:lnTo>
                  <a:pt x="566" y="804"/>
                </a:lnTo>
                <a:lnTo>
                  <a:pt x="582" y="790"/>
                </a:lnTo>
                <a:lnTo>
                  <a:pt x="574" y="774"/>
                </a:lnTo>
                <a:lnTo>
                  <a:pt x="578" y="756"/>
                </a:lnTo>
                <a:lnTo>
                  <a:pt x="610" y="756"/>
                </a:lnTo>
                <a:lnTo>
                  <a:pt x="630" y="766"/>
                </a:lnTo>
                <a:lnTo>
                  <a:pt x="638" y="774"/>
                </a:lnTo>
                <a:lnTo>
                  <a:pt x="668" y="776"/>
                </a:lnTo>
                <a:lnTo>
                  <a:pt x="662" y="784"/>
                </a:lnTo>
                <a:lnTo>
                  <a:pt x="660" y="792"/>
                </a:lnTo>
                <a:lnTo>
                  <a:pt x="666" y="794"/>
                </a:lnTo>
                <a:lnTo>
                  <a:pt x="672" y="784"/>
                </a:lnTo>
                <a:lnTo>
                  <a:pt x="676" y="774"/>
                </a:lnTo>
                <a:lnTo>
                  <a:pt x="706" y="774"/>
                </a:lnTo>
                <a:lnTo>
                  <a:pt x="738" y="778"/>
                </a:lnTo>
                <a:lnTo>
                  <a:pt x="754" y="776"/>
                </a:lnTo>
                <a:lnTo>
                  <a:pt x="758" y="764"/>
                </a:lnTo>
                <a:lnTo>
                  <a:pt x="804" y="764"/>
                </a:lnTo>
                <a:lnTo>
                  <a:pt x="818" y="762"/>
                </a:lnTo>
                <a:lnTo>
                  <a:pt x="810" y="754"/>
                </a:lnTo>
                <a:lnTo>
                  <a:pt x="800" y="758"/>
                </a:lnTo>
                <a:lnTo>
                  <a:pt x="786" y="750"/>
                </a:lnTo>
                <a:lnTo>
                  <a:pt x="782" y="740"/>
                </a:lnTo>
                <a:lnTo>
                  <a:pt x="782" y="732"/>
                </a:lnTo>
                <a:lnTo>
                  <a:pt x="760" y="710"/>
                </a:lnTo>
                <a:lnTo>
                  <a:pt x="738" y="700"/>
                </a:lnTo>
                <a:lnTo>
                  <a:pt x="718" y="684"/>
                </a:lnTo>
                <a:lnTo>
                  <a:pt x="704" y="666"/>
                </a:lnTo>
                <a:lnTo>
                  <a:pt x="704" y="642"/>
                </a:lnTo>
                <a:lnTo>
                  <a:pt x="718" y="628"/>
                </a:lnTo>
                <a:lnTo>
                  <a:pt x="722" y="622"/>
                </a:lnTo>
                <a:lnTo>
                  <a:pt x="726" y="612"/>
                </a:lnTo>
                <a:lnTo>
                  <a:pt x="726" y="584"/>
                </a:lnTo>
                <a:lnTo>
                  <a:pt x="754" y="562"/>
                </a:lnTo>
                <a:lnTo>
                  <a:pt x="766" y="528"/>
                </a:lnTo>
                <a:lnTo>
                  <a:pt x="768" y="504"/>
                </a:lnTo>
                <a:lnTo>
                  <a:pt x="770" y="482"/>
                </a:lnTo>
                <a:lnTo>
                  <a:pt x="794" y="482"/>
                </a:lnTo>
                <a:lnTo>
                  <a:pt x="804" y="486"/>
                </a:lnTo>
                <a:lnTo>
                  <a:pt x="828" y="470"/>
                </a:lnTo>
                <a:lnTo>
                  <a:pt x="842" y="478"/>
                </a:lnTo>
                <a:lnTo>
                  <a:pt x="858" y="480"/>
                </a:lnTo>
                <a:lnTo>
                  <a:pt x="856" y="492"/>
                </a:lnTo>
                <a:lnTo>
                  <a:pt x="850" y="504"/>
                </a:lnTo>
                <a:lnTo>
                  <a:pt x="854" y="512"/>
                </a:lnTo>
                <a:lnTo>
                  <a:pt x="858" y="506"/>
                </a:lnTo>
                <a:lnTo>
                  <a:pt x="864" y="490"/>
                </a:lnTo>
                <a:lnTo>
                  <a:pt x="874" y="484"/>
                </a:lnTo>
                <a:lnTo>
                  <a:pt x="882" y="494"/>
                </a:lnTo>
                <a:lnTo>
                  <a:pt x="894" y="508"/>
                </a:lnTo>
                <a:lnTo>
                  <a:pt x="894" y="496"/>
                </a:lnTo>
                <a:lnTo>
                  <a:pt x="878" y="472"/>
                </a:lnTo>
                <a:lnTo>
                  <a:pt x="874" y="440"/>
                </a:lnTo>
                <a:lnTo>
                  <a:pt x="872" y="410"/>
                </a:lnTo>
                <a:lnTo>
                  <a:pt x="860" y="404"/>
                </a:lnTo>
                <a:lnTo>
                  <a:pt x="858" y="388"/>
                </a:lnTo>
                <a:lnTo>
                  <a:pt x="844" y="374"/>
                </a:lnTo>
                <a:lnTo>
                  <a:pt x="828" y="364"/>
                </a:lnTo>
                <a:lnTo>
                  <a:pt x="818" y="364"/>
                </a:lnTo>
                <a:lnTo>
                  <a:pt x="812" y="372"/>
                </a:lnTo>
                <a:lnTo>
                  <a:pt x="804" y="362"/>
                </a:lnTo>
                <a:lnTo>
                  <a:pt x="796" y="346"/>
                </a:lnTo>
                <a:lnTo>
                  <a:pt x="790" y="300"/>
                </a:lnTo>
                <a:lnTo>
                  <a:pt x="778" y="262"/>
                </a:lnTo>
                <a:lnTo>
                  <a:pt x="768" y="242"/>
                </a:lnTo>
                <a:lnTo>
                  <a:pt x="756" y="222"/>
                </a:lnTo>
                <a:lnTo>
                  <a:pt x="742" y="216"/>
                </a:lnTo>
                <a:lnTo>
                  <a:pt x="722" y="216"/>
                </a:lnTo>
                <a:lnTo>
                  <a:pt x="708" y="210"/>
                </a:lnTo>
                <a:lnTo>
                  <a:pt x="698" y="204"/>
                </a:lnTo>
                <a:lnTo>
                  <a:pt x="694" y="198"/>
                </a:lnTo>
                <a:lnTo>
                  <a:pt x="704" y="190"/>
                </a:lnTo>
                <a:lnTo>
                  <a:pt x="716" y="194"/>
                </a:lnTo>
                <a:lnTo>
                  <a:pt x="734" y="196"/>
                </a:lnTo>
                <a:lnTo>
                  <a:pt x="748" y="188"/>
                </a:lnTo>
                <a:lnTo>
                  <a:pt x="774" y="172"/>
                </a:lnTo>
                <a:lnTo>
                  <a:pt x="788" y="164"/>
                </a:lnTo>
                <a:lnTo>
                  <a:pt x="822" y="162"/>
                </a:lnTo>
                <a:lnTo>
                  <a:pt x="832" y="170"/>
                </a:lnTo>
                <a:lnTo>
                  <a:pt x="850" y="184"/>
                </a:lnTo>
                <a:lnTo>
                  <a:pt x="870" y="184"/>
                </a:lnTo>
                <a:lnTo>
                  <a:pt x="886" y="202"/>
                </a:lnTo>
                <a:lnTo>
                  <a:pt x="904" y="218"/>
                </a:lnTo>
                <a:lnTo>
                  <a:pt x="896" y="226"/>
                </a:lnTo>
                <a:lnTo>
                  <a:pt x="878" y="234"/>
                </a:lnTo>
                <a:lnTo>
                  <a:pt x="860" y="252"/>
                </a:lnTo>
                <a:lnTo>
                  <a:pt x="846" y="266"/>
                </a:lnTo>
                <a:lnTo>
                  <a:pt x="850" y="282"/>
                </a:lnTo>
                <a:lnTo>
                  <a:pt x="844" y="298"/>
                </a:lnTo>
                <a:lnTo>
                  <a:pt x="848" y="318"/>
                </a:lnTo>
                <a:lnTo>
                  <a:pt x="862" y="324"/>
                </a:lnTo>
                <a:lnTo>
                  <a:pt x="882" y="324"/>
                </a:lnTo>
                <a:lnTo>
                  <a:pt x="892" y="326"/>
                </a:lnTo>
                <a:lnTo>
                  <a:pt x="906" y="338"/>
                </a:lnTo>
                <a:lnTo>
                  <a:pt x="922" y="352"/>
                </a:lnTo>
                <a:lnTo>
                  <a:pt x="928" y="354"/>
                </a:lnTo>
                <a:lnTo>
                  <a:pt x="936" y="356"/>
                </a:lnTo>
                <a:lnTo>
                  <a:pt x="946" y="346"/>
                </a:lnTo>
                <a:lnTo>
                  <a:pt x="952" y="338"/>
                </a:lnTo>
                <a:lnTo>
                  <a:pt x="956" y="346"/>
                </a:lnTo>
                <a:lnTo>
                  <a:pt x="974" y="330"/>
                </a:lnTo>
                <a:lnTo>
                  <a:pt x="994" y="306"/>
                </a:lnTo>
                <a:lnTo>
                  <a:pt x="1000" y="306"/>
                </a:lnTo>
                <a:lnTo>
                  <a:pt x="1000" y="286"/>
                </a:lnTo>
                <a:lnTo>
                  <a:pt x="988" y="266"/>
                </a:lnTo>
                <a:lnTo>
                  <a:pt x="982" y="236"/>
                </a:lnTo>
                <a:lnTo>
                  <a:pt x="966" y="218"/>
                </a:lnTo>
                <a:lnTo>
                  <a:pt x="982" y="198"/>
                </a:lnTo>
                <a:lnTo>
                  <a:pt x="998" y="186"/>
                </a:lnTo>
                <a:lnTo>
                  <a:pt x="1004" y="184"/>
                </a:lnTo>
                <a:lnTo>
                  <a:pt x="1002" y="174"/>
                </a:lnTo>
                <a:lnTo>
                  <a:pt x="988" y="164"/>
                </a:lnTo>
                <a:lnTo>
                  <a:pt x="994" y="162"/>
                </a:lnTo>
                <a:lnTo>
                  <a:pt x="1006" y="152"/>
                </a:lnTo>
                <a:lnTo>
                  <a:pt x="1028" y="116"/>
                </a:lnTo>
                <a:lnTo>
                  <a:pt x="1036" y="80"/>
                </a:lnTo>
                <a:lnTo>
                  <a:pt x="1042" y="54"/>
                </a:lnTo>
                <a:lnTo>
                  <a:pt x="1054" y="52"/>
                </a:lnTo>
                <a:lnTo>
                  <a:pt x="1070" y="20"/>
                </a:lnTo>
                <a:lnTo>
                  <a:pt x="1082" y="4"/>
                </a:lnTo>
                <a:lnTo>
                  <a:pt x="1088" y="0"/>
                </a:lnTo>
                <a:lnTo>
                  <a:pt x="1088" y="2512"/>
                </a:lnTo>
                <a:lnTo>
                  <a:pt x="1076" y="2523"/>
                </a:lnTo>
                <a:lnTo>
                  <a:pt x="1068" y="2523"/>
                </a:lnTo>
                <a:lnTo>
                  <a:pt x="1062" y="2518"/>
                </a:lnTo>
                <a:lnTo>
                  <a:pt x="1040" y="2527"/>
                </a:lnTo>
                <a:lnTo>
                  <a:pt x="1030" y="2525"/>
                </a:lnTo>
                <a:lnTo>
                  <a:pt x="1030" y="2512"/>
                </a:lnTo>
                <a:lnTo>
                  <a:pt x="1022" y="2510"/>
                </a:lnTo>
                <a:lnTo>
                  <a:pt x="1020" y="2496"/>
                </a:lnTo>
                <a:lnTo>
                  <a:pt x="1004" y="2478"/>
                </a:lnTo>
                <a:lnTo>
                  <a:pt x="1026" y="2464"/>
                </a:lnTo>
                <a:lnTo>
                  <a:pt x="1008" y="2446"/>
                </a:lnTo>
                <a:lnTo>
                  <a:pt x="990" y="2442"/>
                </a:lnTo>
                <a:lnTo>
                  <a:pt x="982" y="2420"/>
                </a:lnTo>
                <a:lnTo>
                  <a:pt x="950" y="2404"/>
                </a:lnTo>
                <a:lnTo>
                  <a:pt x="936" y="2412"/>
                </a:lnTo>
                <a:lnTo>
                  <a:pt x="924" y="2410"/>
                </a:lnTo>
                <a:lnTo>
                  <a:pt x="906" y="2416"/>
                </a:lnTo>
                <a:lnTo>
                  <a:pt x="886" y="2438"/>
                </a:lnTo>
                <a:lnTo>
                  <a:pt x="848" y="2442"/>
                </a:lnTo>
                <a:lnTo>
                  <a:pt x="846" y="2476"/>
                </a:lnTo>
                <a:lnTo>
                  <a:pt x="826" y="2486"/>
                </a:lnTo>
                <a:lnTo>
                  <a:pt x="812" y="2482"/>
                </a:lnTo>
                <a:lnTo>
                  <a:pt x="792" y="2466"/>
                </a:lnTo>
                <a:lnTo>
                  <a:pt x="782" y="2452"/>
                </a:lnTo>
                <a:lnTo>
                  <a:pt x="778" y="2430"/>
                </a:lnTo>
                <a:lnTo>
                  <a:pt x="768" y="2422"/>
                </a:lnTo>
                <a:lnTo>
                  <a:pt x="768" y="2402"/>
                </a:lnTo>
                <a:lnTo>
                  <a:pt x="752" y="2396"/>
                </a:lnTo>
                <a:lnTo>
                  <a:pt x="738" y="2380"/>
                </a:lnTo>
                <a:lnTo>
                  <a:pt x="740" y="2354"/>
                </a:lnTo>
                <a:lnTo>
                  <a:pt x="746" y="2352"/>
                </a:lnTo>
                <a:lnTo>
                  <a:pt x="766" y="2348"/>
                </a:lnTo>
                <a:lnTo>
                  <a:pt x="780" y="2356"/>
                </a:lnTo>
                <a:lnTo>
                  <a:pt x="786" y="2356"/>
                </a:lnTo>
                <a:lnTo>
                  <a:pt x="800" y="2354"/>
                </a:lnTo>
                <a:lnTo>
                  <a:pt x="816" y="2332"/>
                </a:lnTo>
                <a:lnTo>
                  <a:pt x="816" y="2316"/>
                </a:lnTo>
                <a:lnTo>
                  <a:pt x="830" y="2312"/>
                </a:lnTo>
                <a:lnTo>
                  <a:pt x="832" y="2300"/>
                </a:lnTo>
                <a:lnTo>
                  <a:pt x="802" y="2286"/>
                </a:lnTo>
                <a:lnTo>
                  <a:pt x="798" y="2270"/>
                </a:lnTo>
                <a:lnTo>
                  <a:pt x="788" y="2264"/>
                </a:lnTo>
                <a:lnTo>
                  <a:pt x="768" y="2264"/>
                </a:lnTo>
                <a:lnTo>
                  <a:pt x="758" y="2270"/>
                </a:lnTo>
                <a:lnTo>
                  <a:pt x="744" y="2274"/>
                </a:lnTo>
                <a:lnTo>
                  <a:pt x="744" y="2254"/>
                </a:lnTo>
                <a:lnTo>
                  <a:pt x="740" y="2240"/>
                </a:lnTo>
                <a:lnTo>
                  <a:pt x="716" y="2238"/>
                </a:lnTo>
                <a:lnTo>
                  <a:pt x="694" y="2228"/>
                </a:lnTo>
                <a:lnTo>
                  <a:pt x="682" y="2210"/>
                </a:lnTo>
                <a:lnTo>
                  <a:pt x="666" y="2200"/>
                </a:lnTo>
                <a:lnTo>
                  <a:pt x="668" y="2186"/>
                </a:lnTo>
                <a:lnTo>
                  <a:pt x="634" y="2168"/>
                </a:lnTo>
                <a:lnTo>
                  <a:pt x="640" y="2130"/>
                </a:lnTo>
                <a:lnTo>
                  <a:pt x="618" y="2108"/>
                </a:lnTo>
                <a:lnTo>
                  <a:pt x="624" y="2094"/>
                </a:lnTo>
                <a:lnTo>
                  <a:pt x="614" y="2070"/>
                </a:lnTo>
                <a:lnTo>
                  <a:pt x="602" y="2074"/>
                </a:lnTo>
                <a:lnTo>
                  <a:pt x="590" y="2064"/>
                </a:lnTo>
                <a:lnTo>
                  <a:pt x="572" y="2054"/>
                </a:lnTo>
                <a:lnTo>
                  <a:pt x="540" y="2056"/>
                </a:lnTo>
                <a:lnTo>
                  <a:pt x="524" y="2070"/>
                </a:lnTo>
                <a:lnTo>
                  <a:pt x="512" y="2088"/>
                </a:lnTo>
                <a:lnTo>
                  <a:pt x="496" y="2074"/>
                </a:lnTo>
                <a:lnTo>
                  <a:pt x="500" y="2062"/>
                </a:lnTo>
                <a:lnTo>
                  <a:pt x="494" y="2054"/>
                </a:lnTo>
                <a:lnTo>
                  <a:pt x="468" y="2054"/>
                </a:lnTo>
                <a:lnTo>
                  <a:pt x="448" y="2070"/>
                </a:lnTo>
                <a:lnTo>
                  <a:pt x="438" y="2056"/>
                </a:lnTo>
                <a:lnTo>
                  <a:pt x="422" y="2056"/>
                </a:lnTo>
                <a:lnTo>
                  <a:pt x="420" y="2062"/>
                </a:lnTo>
                <a:lnTo>
                  <a:pt x="410" y="2060"/>
                </a:lnTo>
                <a:lnTo>
                  <a:pt x="402" y="2054"/>
                </a:lnTo>
                <a:lnTo>
                  <a:pt x="402" y="2032"/>
                </a:lnTo>
                <a:lnTo>
                  <a:pt x="378" y="1998"/>
                </a:lnTo>
                <a:lnTo>
                  <a:pt x="366" y="1984"/>
                </a:lnTo>
                <a:lnTo>
                  <a:pt x="362" y="1970"/>
                </a:lnTo>
                <a:lnTo>
                  <a:pt x="346" y="1968"/>
                </a:lnTo>
                <a:lnTo>
                  <a:pt x="348" y="1948"/>
                </a:lnTo>
                <a:lnTo>
                  <a:pt x="342" y="1940"/>
                </a:lnTo>
                <a:lnTo>
                  <a:pt x="348" y="1932"/>
                </a:lnTo>
                <a:lnTo>
                  <a:pt x="348" y="1922"/>
                </a:lnTo>
                <a:lnTo>
                  <a:pt x="336" y="1912"/>
                </a:lnTo>
                <a:lnTo>
                  <a:pt x="318" y="1904"/>
                </a:lnTo>
                <a:lnTo>
                  <a:pt x="316" y="1896"/>
                </a:lnTo>
                <a:lnTo>
                  <a:pt x="300" y="1894"/>
                </a:lnTo>
                <a:lnTo>
                  <a:pt x="302" y="1876"/>
                </a:lnTo>
                <a:lnTo>
                  <a:pt x="310" y="1856"/>
                </a:lnTo>
                <a:lnTo>
                  <a:pt x="318" y="1856"/>
                </a:lnTo>
                <a:lnTo>
                  <a:pt x="324" y="1846"/>
                </a:lnTo>
                <a:lnTo>
                  <a:pt x="310" y="1836"/>
                </a:lnTo>
                <a:lnTo>
                  <a:pt x="306" y="1822"/>
                </a:lnTo>
                <a:lnTo>
                  <a:pt x="298" y="1820"/>
                </a:lnTo>
                <a:lnTo>
                  <a:pt x="288" y="1806"/>
                </a:lnTo>
                <a:lnTo>
                  <a:pt x="290" y="1786"/>
                </a:lnTo>
                <a:lnTo>
                  <a:pt x="282" y="1766"/>
                </a:lnTo>
                <a:lnTo>
                  <a:pt x="274" y="1748"/>
                </a:lnTo>
                <a:lnTo>
                  <a:pt x="268" y="1732"/>
                </a:lnTo>
                <a:lnTo>
                  <a:pt x="274" y="1718"/>
                </a:lnTo>
                <a:lnTo>
                  <a:pt x="282" y="1708"/>
                </a:lnTo>
                <a:lnTo>
                  <a:pt x="282" y="1670"/>
                </a:lnTo>
                <a:lnTo>
                  <a:pt x="294" y="1660"/>
                </a:lnTo>
                <a:lnTo>
                  <a:pt x="300" y="1652"/>
                </a:lnTo>
                <a:lnTo>
                  <a:pt x="294" y="1644"/>
                </a:lnTo>
                <a:lnTo>
                  <a:pt x="286" y="1642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52" name="Freeform 61"/>
          <p:cNvSpPr>
            <a:spLocks/>
          </p:cNvSpPr>
          <p:nvPr/>
        </p:nvSpPr>
        <p:spPr bwMode="auto">
          <a:xfrm>
            <a:off x="7486650" y="63500"/>
            <a:ext cx="123825" cy="134938"/>
          </a:xfrm>
          <a:custGeom>
            <a:avLst/>
            <a:gdLst>
              <a:gd name="T0" fmla="*/ 2147483647 w 96"/>
              <a:gd name="T1" fmla="*/ 0 h 104"/>
              <a:gd name="T2" fmla="*/ 2147483647 w 96"/>
              <a:gd name="T3" fmla="*/ 0 h 104"/>
              <a:gd name="T4" fmla="*/ 2147483647 w 96"/>
              <a:gd name="T5" fmla="*/ 0 h 104"/>
              <a:gd name="T6" fmla="*/ 2147483647 w 96"/>
              <a:gd name="T7" fmla="*/ 2147483647 h 104"/>
              <a:gd name="T8" fmla="*/ 2147483647 w 96"/>
              <a:gd name="T9" fmla="*/ 2147483647 h 104"/>
              <a:gd name="T10" fmla="*/ 2147483647 w 96"/>
              <a:gd name="T11" fmla="*/ 2147483647 h 104"/>
              <a:gd name="T12" fmla="*/ 2147483647 w 96"/>
              <a:gd name="T13" fmla="*/ 2147483647 h 104"/>
              <a:gd name="T14" fmla="*/ 2147483647 w 96"/>
              <a:gd name="T15" fmla="*/ 2147483647 h 104"/>
              <a:gd name="T16" fmla="*/ 2147483647 w 96"/>
              <a:gd name="T17" fmla="*/ 2147483647 h 104"/>
              <a:gd name="T18" fmla="*/ 2147483647 w 96"/>
              <a:gd name="T19" fmla="*/ 2147483647 h 104"/>
              <a:gd name="T20" fmla="*/ 2147483647 w 96"/>
              <a:gd name="T21" fmla="*/ 2147483647 h 104"/>
              <a:gd name="T22" fmla="*/ 2147483647 w 96"/>
              <a:gd name="T23" fmla="*/ 2147483647 h 104"/>
              <a:gd name="T24" fmla="*/ 2147483647 w 96"/>
              <a:gd name="T25" fmla="*/ 2147483647 h 104"/>
              <a:gd name="T26" fmla="*/ 2147483647 w 96"/>
              <a:gd name="T27" fmla="*/ 2147483647 h 104"/>
              <a:gd name="T28" fmla="*/ 2147483647 w 96"/>
              <a:gd name="T29" fmla="*/ 2147483647 h 104"/>
              <a:gd name="T30" fmla="*/ 2147483647 w 96"/>
              <a:gd name="T31" fmla="*/ 2147483647 h 104"/>
              <a:gd name="T32" fmla="*/ 2147483647 w 96"/>
              <a:gd name="T33" fmla="*/ 2147483647 h 104"/>
              <a:gd name="T34" fmla="*/ 2147483647 w 96"/>
              <a:gd name="T35" fmla="*/ 2147483647 h 104"/>
              <a:gd name="T36" fmla="*/ 2147483647 w 96"/>
              <a:gd name="T37" fmla="*/ 2147483647 h 104"/>
              <a:gd name="T38" fmla="*/ 2147483647 w 96"/>
              <a:gd name="T39" fmla="*/ 2147483647 h 104"/>
              <a:gd name="T40" fmla="*/ 2147483647 w 96"/>
              <a:gd name="T41" fmla="*/ 2147483647 h 104"/>
              <a:gd name="T42" fmla="*/ 2147483647 w 96"/>
              <a:gd name="T43" fmla="*/ 2147483647 h 104"/>
              <a:gd name="T44" fmla="*/ 2147483647 w 96"/>
              <a:gd name="T45" fmla="*/ 2147483647 h 104"/>
              <a:gd name="T46" fmla="*/ 2147483647 w 96"/>
              <a:gd name="T47" fmla="*/ 2147483647 h 104"/>
              <a:gd name="T48" fmla="*/ 2147483647 w 96"/>
              <a:gd name="T49" fmla="*/ 2147483647 h 104"/>
              <a:gd name="T50" fmla="*/ 0 w 96"/>
              <a:gd name="T51" fmla="*/ 2147483647 h 104"/>
              <a:gd name="T52" fmla="*/ 2147483647 w 96"/>
              <a:gd name="T53" fmla="*/ 2147483647 h 104"/>
              <a:gd name="T54" fmla="*/ 2147483647 w 96"/>
              <a:gd name="T55" fmla="*/ 2147483647 h 104"/>
              <a:gd name="T56" fmla="*/ 2147483647 w 96"/>
              <a:gd name="T57" fmla="*/ 0 h 104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0" t="0" r="r" b="b"/>
            <a:pathLst>
              <a:path w="96" h="104">
                <a:moveTo>
                  <a:pt x="18" y="0"/>
                </a:moveTo>
                <a:lnTo>
                  <a:pt x="38" y="0"/>
                </a:lnTo>
                <a:lnTo>
                  <a:pt x="58" y="0"/>
                </a:lnTo>
                <a:lnTo>
                  <a:pt x="62" y="2"/>
                </a:lnTo>
                <a:lnTo>
                  <a:pt x="80" y="2"/>
                </a:lnTo>
                <a:lnTo>
                  <a:pt x="90" y="8"/>
                </a:lnTo>
                <a:lnTo>
                  <a:pt x="96" y="14"/>
                </a:lnTo>
                <a:lnTo>
                  <a:pt x="96" y="24"/>
                </a:lnTo>
                <a:lnTo>
                  <a:pt x="94" y="28"/>
                </a:lnTo>
                <a:lnTo>
                  <a:pt x="92" y="24"/>
                </a:lnTo>
                <a:lnTo>
                  <a:pt x="86" y="22"/>
                </a:lnTo>
                <a:lnTo>
                  <a:pt x="84" y="30"/>
                </a:lnTo>
                <a:lnTo>
                  <a:pt x="86" y="40"/>
                </a:lnTo>
                <a:lnTo>
                  <a:pt x="86" y="52"/>
                </a:lnTo>
                <a:lnTo>
                  <a:pt x="86" y="66"/>
                </a:lnTo>
                <a:lnTo>
                  <a:pt x="80" y="72"/>
                </a:lnTo>
                <a:lnTo>
                  <a:pt x="74" y="86"/>
                </a:lnTo>
                <a:lnTo>
                  <a:pt x="58" y="100"/>
                </a:lnTo>
                <a:lnTo>
                  <a:pt x="50" y="104"/>
                </a:lnTo>
                <a:lnTo>
                  <a:pt x="36" y="100"/>
                </a:lnTo>
                <a:lnTo>
                  <a:pt x="24" y="94"/>
                </a:lnTo>
                <a:lnTo>
                  <a:pt x="16" y="82"/>
                </a:lnTo>
                <a:lnTo>
                  <a:pt x="14" y="74"/>
                </a:lnTo>
                <a:lnTo>
                  <a:pt x="10" y="62"/>
                </a:lnTo>
                <a:lnTo>
                  <a:pt x="2" y="54"/>
                </a:lnTo>
                <a:lnTo>
                  <a:pt x="0" y="22"/>
                </a:lnTo>
                <a:lnTo>
                  <a:pt x="6" y="12"/>
                </a:lnTo>
                <a:lnTo>
                  <a:pt x="12" y="6"/>
                </a:lnTo>
                <a:lnTo>
                  <a:pt x="18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53" name="Freeform 62"/>
          <p:cNvSpPr>
            <a:spLocks/>
          </p:cNvSpPr>
          <p:nvPr/>
        </p:nvSpPr>
        <p:spPr bwMode="auto">
          <a:xfrm>
            <a:off x="2760663" y="739775"/>
            <a:ext cx="757237" cy="604838"/>
          </a:xfrm>
          <a:custGeom>
            <a:avLst/>
            <a:gdLst>
              <a:gd name="T0" fmla="*/ 2147483647 w 584"/>
              <a:gd name="T1" fmla="*/ 2147483647 h 468"/>
              <a:gd name="T2" fmla="*/ 2147483647 w 584"/>
              <a:gd name="T3" fmla="*/ 2147483647 h 468"/>
              <a:gd name="T4" fmla="*/ 2147483647 w 584"/>
              <a:gd name="T5" fmla="*/ 2147483647 h 468"/>
              <a:gd name="T6" fmla="*/ 2147483647 w 584"/>
              <a:gd name="T7" fmla="*/ 2147483647 h 468"/>
              <a:gd name="T8" fmla="*/ 2147483647 w 584"/>
              <a:gd name="T9" fmla="*/ 2147483647 h 468"/>
              <a:gd name="T10" fmla="*/ 2147483647 w 584"/>
              <a:gd name="T11" fmla="*/ 2147483647 h 468"/>
              <a:gd name="T12" fmla="*/ 0 w 584"/>
              <a:gd name="T13" fmla="*/ 2147483647 h 468"/>
              <a:gd name="T14" fmla="*/ 2147483647 w 584"/>
              <a:gd name="T15" fmla="*/ 2147483647 h 468"/>
              <a:gd name="T16" fmla="*/ 2147483647 w 584"/>
              <a:gd name="T17" fmla="*/ 2147483647 h 468"/>
              <a:gd name="T18" fmla="*/ 2147483647 w 584"/>
              <a:gd name="T19" fmla="*/ 2147483647 h 468"/>
              <a:gd name="T20" fmla="*/ 2147483647 w 584"/>
              <a:gd name="T21" fmla="*/ 2147483647 h 468"/>
              <a:gd name="T22" fmla="*/ 2147483647 w 584"/>
              <a:gd name="T23" fmla="*/ 2147483647 h 468"/>
              <a:gd name="T24" fmla="*/ 2147483647 w 584"/>
              <a:gd name="T25" fmla="*/ 2147483647 h 468"/>
              <a:gd name="T26" fmla="*/ 2147483647 w 584"/>
              <a:gd name="T27" fmla="*/ 2147483647 h 468"/>
              <a:gd name="T28" fmla="*/ 2147483647 w 584"/>
              <a:gd name="T29" fmla="*/ 2147483647 h 468"/>
              <a:gd name="T30" fmla="*/ 2147483647 w 584"/>
              <a:gd name="T31" fmla="*/ 2147483647 h 468"/>
              <a:gd name="T32" fmla="*/ 2147483647 w 584"/>
              <a:gd name="T33" fmla="*/ 2147483647 h 468"/>
              <a:gd name="T34" fmla="*/ 2147483647 w 584"/>
              <a:gd name="T35" fmla="*/ 2147483647 h 468"/>
              <a:gd name="T36" fmla="*/ 2147483647 w 584"/>
              <a:gd name="T37" fmla="*/ 2147483647 h 468"/>
              <a:gd name="T38" fmla="*/ 2147483647 w 584"/>
              <a:gd name="T39" fmla="*/ 2147483647 h 468"/>
              <a:gd name="T40" fmla="*/ 2147483647 w 584"/>
              <a:gd name="T41" fmla="*/ 2147483647 h 468"/>
              <a:gd name="T42" fmla="*/ 2147483647 w 584"/>
              <a:gd name="T43" fmla="*/ 2147483647 h 468"/>
              <a:gd name="T44" fmla="*/ 2147483647 w 584"/>
              <a:gd name="T45" fmla="*/ 2147483647 h 468"/>
              <a:gd name="T46" fmla="*/ 2147483647 w 584"/>
              <a:gd name="T47" fmla="*/ 2147483647 h 468"/>
              <a:gd name="T48" fmla="*/ 2147483647 w 584"/>
              <a:gd name="T49" fmla="*/ 2147483647 h 468"/>
              <a:gd name="T50" fmla="*/ 2147483647 w 584"/>
              <a:gd name="T51" fmla="*/ 2147483647 h 468"/>
              <a:gd name="T52" fmla="*/ 2147483647 w 584"/>
              <a:gd name="T53" fmla="*/ 0 h 468"/>
              <a:gd name="T54" fmla="*/ 2147483647 w 584"/>
              <a:gd name="T55" fmla="*/ 2147483647 h 468"/>
              <a:gd name="T56" fmla="*/ 2147483647 w 584"/>
              <a:gd name="T57" fmla="*/ 2147483647 h 468"/>
              <a:gd name="T58" fmla="*/ 2147483647 w 584"/>
              <a:gd name="T59" fmla="*/ 2147483647 h 468"/>
              <a:gd name="T60" fmla="*/ 2147483647 w 584"/>
              <a:gd name="T61" fmla="*/ 2147483647 h 468"/>
              <a:gd name="T62" fmla="*/ 2147483647 w 584"/>
              <a:gd name="T63" fmla="*/ 2147483647 h 468"/>
              <a:gd name="T64" fmla="*/ 2147483647 w 584"/>
              <a:gd name="T65" fmla="*/ 2147483647 h 468"/>
              <a:gd name="T66" fmla="*/ 2147483647 w 584"/>
              <a:gd name="T67" fmla="*/ 2147483647 h 468"/>
              <a:gd name="T68" fmla="*/ 2147483647 w 584"/>
              <a:gd name="T69" fmla="*/ 2147483647 h 468"/>
              <a:gd name="T70" fmla="*/ 2147483647 w 584"/>
              <a:gd name="T71" fmla="*/ 2147483647 h 468"/>
              <a:gd name="T72" fmla="*/ 2147483647 w 584"/>
              <a:gd name="T73" fmla="*/ 2147483647 h 468"/>
              <a:gd name="T74" fmla="*/ 2147483647 w 584"/>
              <a:gd name="T75" fmla="*/ 2147483647 h 468"/>
              <a:gd name="T76" fmla="*/ 2147483647 w 584"/>
              <a:gd name="T77" fmla="*/ 2147483647 h 468"/>
              <a:gd name="T78" fmla="*/ 2147483647 w 584"/>
              <a:gd name="T79" fmla="*/ 2147483647 h 468"/>
              <a:gd name="T80" fmla="*/ 2147483647 w 584"/>
              <a:gd name="T81" fmla="*/ 2147483647 h 468"/>
              <a:gd name="T82" fmla="*/ 2147483647 w 584"/>
              <a:gd name="T83" fmla="*/ 2147483647 h 468"/>
              <a:gd name="T84" fmla="*/ 2147483647 w 584"/>
              <a:gd name="T85" fmla="*/ 2147483647 h 468"/>
              <a:gd name="T86" fmla="*/ 2147483647 w 584"/>
              <a:gd name="T87" fmla="*/ 2147483647 h 468"/>
              <a:gd name="T88" fmla="*/ 2147483647 w 584"/>
              <a:gd name="T89" fmla="*/ 2147483647 h 468"/>
              <a:gd name="T90" fmla="*/ 2147483647 w 584"/>
              <a:gd name="T91" fmla="*/ 2147483647 h 468"/>
              <a:gd name="T92" fmla="*/ 2147483647 w 584"/>
              <a:gd name="T93" fmla="*/ 2147483647 h 468"/>
              <a:gd name="T94" fmla="*/ 2147483647 w 584"/>
              <a:gd name="T95" fmla="*/ 2147483647 h 468"/>
              <a:gd name="T96" fmla="*/ 2147483647 w 584"/>
              <a:gd name="T97" fmla="*/ 2147483647 h 468"/>
              <a:gd name="T98" fmla="*/ 2147483647 w 584"/>
              <a:gd name="T99" fmla="*/ 2147483647 h 468"/>
              <a:gd name="T100" fmla="*/ 2147483647 w 584"/>
              <a:gd name="T101" fmla="*/ 2147483647 h 468"/>
              <a:gd name="T102" fmla="*/ 2147483647 w 584"/>
              <a:gd name="T103" fmla="*/ 2147483647 h 468"/>
              <a:gd name="T104" fmla="*/ 2147483647 w 584"/>
              <a:gd name="T105" fmla="*/ 2147483647 h 468"/>
              <a:gd name="T106" fmla="*/ 2147483647 w 584"/>
              <a:gd name="T107" fmla="*/ 2147483647 h 468"/>
              <a:gd name="T108" fmla="*/ 2147483647 w 584"/>
              <a:gd name="T109" fmla="*/ 2147483647 h 468"/>
              <a:gd name="T110" fmla="*/ 2147483647 w 584"/>
              <a:gd name="T111" fmla="*/ 2147483647 h 468"/>
              <a:gd name="T112" fmla="*/ 2147483647 w 584"/>
              <a:gd name="T113" fmla="*/ 2147483647 h 468"/>
              <a:gd name="T114" fmla="*/ 2147483647 w 584"/>
              <a:gd name="T115" fmla="*/ 2147483647 h 468"/>
              <a:gd name="T116" fmla="*/ 2147483647 w 584"/>
              <a:gd name="T117" fmla="*/ 2147483647 h 468"/>
              <a:gd name="T118" fmla="*/ 2147483647 w 584"/>
              <a:gd name="T119" fmla="*/ 2147483647 h 468"/>
              <a:gd name="T120" fmla="*/ 2147483647 w 584"/>
              <a:gd name="T121" fmla="*/ 2147483647 h 468"/>
              <a:gd name="T122" fmla="*/ 2147483647 w 584"/>
              <a:gd name="T123" fmla="*/ 2147483647 h 468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0" t="0" r="r" b="b"/>
            <a:pathLst>
              <a:path w="584" h="468">
                <a:moveTo>
                  <a:pt x="94" y="348"/>
                </a:moveTo>
                <a:lnTo>
                  <a:pt x="74" y="350"/>
                </a:lnTo>
                <a:lnTo>
                  <a:pt x="68" y="340"/>
                </a:lnTo>
                <a:lnTo>
                  <a:pt x="52" y="338"/>
                </a:lnTo>
                <a:lnTo>
                  <a:pt x="36" y="328"/>
                </a:lnTo>
                <a:lnTo>
                  <a:pt x="18" y="324"/>
                </a:lnTo>
                <a:lnTo>
                  <a:pt x="14" y="318"/>
                </a:lnTo>
                <a:lnTo>
                  <a:pt x="14" y="312"/>
                </a:lnTo>
                <a:lnTo>
                  <a:pt x="16" y="302"/>
                </a:lnTo>
                <a:lnTo>
                  <a:pt x="24" y="288"/>
                </a:lnTo>
                <a:lnTo>
                  <a:pt x="30" y="298"/>
                </a:lnTo>
                <a:lnTo>
                  <a:pt x="40" y="308"/>
                </a:lnTo>
                <a:lnTo>
                  <a:pt x="60" y="310"/>
                </a:lnTo>
                <a:lnTo>
                  <a:pt x="78" y="308"/>
                </a:lnTo>
                <a:lnTo>
                  <a:pt x="78" y="292"/>
                </a:lnTo>
                <a:lnTo>
                  <a:pt x="72" y="284"/>
                </a:lnTo>
                <a:lnTo>
                  <a:pt x="74" y="278"/>
                </a:lnTo>
                <a:lnTo>
                  <a:pt x="88" y="280"/>
                </a:lnTo>
                <a:lnTo>
                  <a:pt x="100" y="278"/>
                </a:lnTo>
                <a:lnTo>
                  <a:pt x="88" y="270"/>
                </a:lnTo>
                <a:lnTo>
                  <a:pt x="78" y="266"/>
                </a:lnTo>
                <a:lnTo>
                  <a:pt x="74" y="258"/>
                </a:lnTo>
                <a:lnTo>
                  <a:pt x="84" y="254"/>
                </a:lnTo>
                <a:lnTo>
                  <a:pt x="102" y="252"/>
                </a:lnTo>
                <a:lnTo>
                  <a:pt x="94" y="248"/>
                </a:lnTo>
                <a:lnTo>
                  <a:pt x="72" y="246"/>
                </a:lnTo>
                <a:lnTo>
                  <a:pt x="72" y="228"/>
                </a:lnTo>
                <a:lnTo>
                  <a:pt x="84" y="222"/>
                </a:lnTo>
                <a:lnTo>
                  <a:pt x="84" y="214"/>
                </a:lnTo>
                <a:lnTo>
                  <a:pt x="66" y="204"/>
                </a:lnTo>
                <a:lnTo>
                  <a:pt x="50" y="192"/>
                </a:lnTo>
                <a:lnTo>
                  <a:pt x="34" y="184"/>
                </a:lnTo>
                <a:lnTo>
                  <a:pt x="18" y="186"/>
                </a:lnTo>
                <a:lnTo>
                  <a:pt x="0" y="178"/>
                </a:lnTo>
                <a:lnTo>
                  <a:pt x="0" y="166"/>
                </a:lnTo>
                <a:lnTo>
                  <a:pt x="2" y="162"/>
                </a:lnTo>
                <a:lnTo>
                  <a:pt x="6" y="158"/>
                </a:lnTo>
                <a:lnTo>
                  <a:pt x="8" y="156"/>
                </a:lnTo>
                <a:lnTo>
                  <a:pt x="10" y="158"/>
                </a:lnTo>
                <a:lnTo>
                  <a:pt x="14" y="160"/>
                </a:lnTo>
                <a:lnTo>
                  <a:pt x="18" y="164"/>
                </a:lnTo>
                <a:lnTo>
                  <a:pt x="28" y="168"/>
                </a:lnTo>
                <a:lnTo>
                  <a:pt x="44" y="170"/>
                </a:lnTo>
                <a:lnTo>
                  <a:pt x="58" y="174"/>
                </a:lnTo>
                <a:lnTo>
                  <a:pt x="72" y="172"/>
                </a:lnTo>
                <a:lnTo>
                  <a:pt x="80" y="170"/>
                </a:lnTo>
                <a:lnTo>
                  <a:pt x="82" y="178"/>
                </a:lnTo>
                <a:lnTo>
                  <a:pt x="102" y="180"/>
                </a:lnTo>
                <a:lnTo>
                  <a:pt x="112" y="192"/>
                </a:lnTo>
                <a:lnTo>
                  <a:pt x="116" y="194"/>
                </a:lnTo>
                <a:lnTo>
                  <a:pt x="120" y="196"/>
                </a:lnTo>
                <a:lnTo>
                  <a:pt x="124" y="196"/>
                </a:lnTo>
                <a:lnTo>
                  <a:pt x="130" y="192"/>
                </a:lnTo>
                <a:lnTo>
                  <a:pt x="134" y="188"/>
                </a:lnTo>
                <a:lnTo>
                  <a:pt x="140" y="180"/>
                </a:lnTo>
                <a:lnTo>
                  <a:pt x="130" y="180"/>
                </a:lnTo>
                <a:lnTo>
                  <a:pt x="116" y="182"/>
                </a:lnTo>
                <a:lnTo>
                  <a:pt x="108" y="172"/>
                </a:lnTo>
                <a:lnTo>
                  <a:pt x="98" y="162"/>
                </a:lnTo>
                <a:lnTo>
                  <a:pt x="106" y="156"/>
                </a:lnTo>
                <a:lnTo>
                  <a:pt x="116" y="154"/>
                </a:lnTo>
                <a:lnTo>
                  <a:pt x="128" y="154"/>
                </a:lnTo>
                <a:lnTo>
                  <a:pt x="142" y="150"/>
                </a:lnTo>
                <a:lnTo>
                  <a:pt x="146" y="140"/>
                </a:lnTo>
                <a:lnTo>
                  <a:pt x="142" y="134"/>
                </a:lnTo>
                <a:lnTo>
                  <a:pt x="132" y="138"/>
                </a:lnTo>
                <a:lnTo>
                  <a:pt x="124" y="138"/>
                </a:lnTo>
                <a:lnTo>
                  <a:pt x="122" y="132"/>
                </a:lnTo>
                <a:lnTo>
                  <a:pt x="128" y="124"/>
                </a:lnTo>
                <a:lnTo>
                  <a:pt x="120" y="118"/>
                </a:lnTo>
                <a:lnTo>
                  <a:pt x="112" y="118"/>
                </a:lnTo>
                <a:lnTo>
                  <a:pt x="108" y="108"/>
                </a:lnTo>
                <a:lnTo>
                  <a:pt x="92" y="106"/>
                </a:lnTo>
                <a:lnTo>
                  <a:pt x="78" y="106"/>
                </a:lnTo>
                <a:lnTo>
                  <a:pt x="64" y="104"/>
                </a:lnTo>
                <a:lnTo>
                  <a:pt x="48" y="104"/>
                </a:lnTo>
                <a:lnTo>
                  <a:pt x="40" y="96"/>
                </a:lnTo>
                <a:lnTo>
                  <a:pt x="38" y="88"/>
                </a:lnTo>
                <a:lnTo>
                  <a:pt x="34" y="86"/>
                </a:lnTo>
                <a:lnTo>
                  <a:pt x="22" y="82"/>
                </a:lnTo>
                <a:lnTo>
                  <a:pt x="22" y="74"/>
                </a:lnTo>
                <a:lnTo>
                  <a:pt x="28" y="68"/>
                </a:lnTo>
                <a:lnTo>
                  <a:pt x="36" y="66"/>
                </a:lnTo>
                <a:lnTo>
                  <a:pt x="44" y="72"/>
                </a:lnTo>
                <a:lnTo>
                  <a:pt x="48" y="80"/>
                </a:lnTo>
                <a:lnTo>
                  <a:pt x="54" y="80"/>
                </a:lnTo>
                <a:lnTo>
                  <a:pt x="54" y="70"/>
                </a:lnTo>
                <a:lnTo>
                  <a:pt x="50" y="62"/>
                </a:lnTo>
                <a:lnTo>
                  <a:pt x="52" y="52"/>
                </a:lnTo>
                <a:lnTo>
                  <a:pt x="60" y="52"/>
                </a:lnTo>
                <a:lnTo>
                  <a:pt x="66" y="60"/>
                </a:lnTo>
                <a:lnTo>
                  <a:pt x="70" y="68"/>
                </a:lnTo>
                <a:lnTo>
                  <a:pt x="76" y="76"/>
                </a:lnTo>
                <a:lnTo>
                  <a:pt x="82" y="76"/>
                </a:lnTo>
                <a:lnTo>
                  <a:pt x="86" y="72"/>
                </a:lnTo>
                <a:lnTo>
                  <a:pt x="80" y="66"/>
                </a:lnTo>
                <a:lnTo>
                  <a:pt x="74" y="58"/>
                </a:lnTo>
                <a:lnTo>
                  <a:pt x="68" y="50"/>
                </a:lnTo>
                <a:lnTo>
                  <a:pt x="72" y="44"/>
                </a:lnTo>
                <a:lnTo>
                  <a:pt x="80" y="46"/>
                </a:lnTo>
                <a:lnTo>
                  <a:pt x="86" y="54"/>
                </a:lnTo>
                <a:lnTo>
                  <a:pt x="96" y="64"/>
                </a:lnTo>
                <a:lnTo>
                  <a:pt x="96" y="58"/>
                </a:lnTo>
                <a:lnTo>
                  <a:pt x="86" y="42"/>
                </a:lnTo>
                <a:lnTo>
                  <a:pt x="84" y="34"/>
                </a:lnTo>
                <a:lnTo>
                  <a:pt x="84" y="26"/>
                </a:lnTo>
                <a:lnTo>
                  <a:pt x="92" y="26"/>
                </a:lnTo>
                <a:lnTo>
                  <a:pt x="100" y="36"/>
                </a:lnTo>
                <a:lnTo>
                  <a:pt x="100" y="28"/>
                </a:lnTo>
                <a:lnTo>
                  <a:pt x="100" y="22"/>
                </a:lnTo>
                <a:lnTo>
                  <a:pt x="108" y="20"/>
                </a:lnTo>
                <a:lnTo>
                  <a:pt x="112" y="18"/>
                </a:lnTo>
                <a:lnTo>
                  <a:pt x="118" y="28"/>
                </a:lnTo>
                <a:lnTo>
                  <a:pt x="124" y="38"/>
                </a:lnTo>
                <a:lnTo>
                  <a:pt x="126" y="42"/>
                </a:lnTo>
                <a:lnTo>
                  <a:pt x="130" y="54"/>
                </a:lnTo>
                <a:lnTo>
                  <a:pt x="138" y="52"/>
                </a:lnTo>
                <a:lnTo>
                  <a:pt x="142" y="56"/>
                </a:lnTo>
                <a:lnTo>
                  <a:pt x="140" y="64"/>
                </a:lnTo>
                <a:lnTo>
                  <a:pt x="138" y="72"/>
                </a:lnTo>
                <a:lnTo>
                  <a:pt x="150" y="78"/>
                </a:lnTo>
                <a:lnTo>
                  <a:pt x="154" y="64"/>
                </a:lnTo>
                <a:lnTo>
                  <a:pt x="154" y="56"/>
                </a:lnTo>
                <a:lnTo>
                  <a:pt x="148" y="48"/>
                </a:lnTo>
                <a:lnTo>
                  <a:pt x="142" y="38"/>
                </a:lnTo>
                <a:lnTo>
                  <a:pt x="136" y="30"/>
                </a:lnTo>
                <a:lnTo>
                  <a:pt x="142" y="24"/>
                </a:lnTo>
                <a:lnTo>
                  <a:pt x="148" y="26"/>
                </a:lnTo>
                <a:lnTo>
                  <a:pt x="158" y="30"/>
                </a:lnTo>
                <a:lnTo>
                  <a:pt x="162" y="24"/>
                </a:lnTo>
                <a:lnTo>
                  <a:pt x="156" y="18"/>
                </a:lnTo>
                <a:lnTo>
                  <a:pt x="152" y="14"/>
                </a:lnTo>
                <a:lnTo>
                  <a:pt x="142" y="14"/>
                </a:lnTo>
                <a:lnTo>
                  <a:pt x="138" y="10"/>
                </a:lnTo>
                <a:lnTo>
                  <a:pt x="146" y="0"/>
                </a:lnTo>
                <a:lnTo>
                  <a:pt x="154" y="0"/>
                </a:lnTo>
                <a:lnTo>
                  <a:pt x="162" y="4"/>
                </a:lnTo>
                <a:lnTo>
                  <a:pt x="172" y="8"/>
                </a:lnTo>
                <a:lnTo>
                  <a:pt x="180" y="18"/>
                </a:lnTo>
                <a:lnTo>
                  <a:pt x="180" y="24"/>
                </a:lnTo>
                <a:lnTo>
                  <a:pt x="180" y="32"/>
                </a:lnTo>
                <a:lnTo>
                  <a:pt x="188" y="44"/>
                </a:lnTo>
                <a:lnTo>
                  <a:pt x="188" y="52"/>
                </a:lnTo>
                <a:lnTo>
                  <a:pt x="194" y="60"/>
                </a:lnTo>
                <a:lnTo>
                  <a:pt x="196" y="68"/>
                </a:lnTo>
                <a:lnTo>
                  <a:pt x="200" y="76"/>
                </a:lnTo>
                <a:lnTo>
                  <a:pt x="204" y="82"/>
                </a:lnTo>
                <a:lnTo>
                  <a:pt x="210" y="92"/>
                </a:lnTo>
                <a:lnTo>
                  <a:pt x="204" y="100"/>
                </a:lnTo>
                <a:lnTo>
                  <a:pt x="198" y="108"/>
                </a:lnTo>
                <a:lnTo>
                  <a:pt x="192" y="118"/>
                </a:lnTo>
                <a:lnTo>
                  <a:pt x="190" y="126"/>
                </a:lnTo>
                <a:lnTo>
                  <a:pt x="178" y="126"/>
                </a:lnTo>
                <a:lnTo>
                  <a:pt x="170" y="126"/>
                </a:lnTo>
                <a:lnTo>
                  <a:pt x="180" y="138"/>
                </a:lnTo>
                <a:lnTo>
                  <a:pt x="180" y="146"/>
                </a:lnTo>
                <a:lnTo>
                  <a:pt x="178" y="156"/>
                </a:lnTo>
                <a:lnTo>
                  <a:pt x="182" y="168"/>
                </a:lnTo>
                <a:lnTo>
                  <a:pt x="182" y="178"/>
                </a:lnTo>
                <a:lnTo>
                  <a:pt x="192" y="168"/>
                </a:lnTo>
                <a:lnTo>
                  <a:pt x="200" y="158"/>
                </a:lnTo>
                <a:lnTo>
                  <a:pt x="206" y="150"/>
                </a:lnTo>
                <a:lnTo>
                  <a:pt x="218" y="144"/>
                </a:lnTo>
                <a:lnTo>
                  <a:pt x="222" y="146"/>
                </a:lnTo>
                <a:lnTo>
                  <a:pt x="216" y="154"/>
                </a:lnTo>
                <a:lnTo>
                  <a:pt x="216" y="162"/>
                </a:lnTo>
                <a:lnTo>
                  <a:pt x="220" y="170"/>
                </a:lnTo>
                <a:lnTo>
                  <a:pt x="228" y="164"/>
                </a:lnTo>
                <a:lnTo>
                  <a:pt x="236" y="158"/>
                </a:lnTo>
                <a:lnTo>
                  <a:pt x="246" y="144"/>
                </a:lnTo>
                <a:lnTo>
                  <a:pt x="248" y="132"/>
                </a:lnTo>
                <a:lnTo>
                  <a:pt x="252" y="120"/>
                </a:lnTo>
                <a:lnTo>
                  <a:pt x="252" y="104"/>
                </a:lnTo>
                <a:lnTo>
                  <a:pt x="256" y="100"/>
                </a:lnTo>
                <a:lnTo>
                  <a:pt x="266" y="98"/>
                </a:lnTo>
                <a:lnTo>
                  <a:pt x="274" y="102"/>
                </a:lnTo>
                <a:lnTo>
                  <a:pt x="278" y="112"/>
                </a:lnTo>
                <a:lnTo>
                  <a:pt x="276" y="120"/>
                </a:lnTo>
                <a:lnTo>
                  <a:pt x="278" y="132"/>
                </a:lnTo>
                <a:lnTo>
                  <a:pt x="278" y="140"/>
                </a:lnTo>
                <a:lnTo>
                  <a:pt x="278" y="152"/>
                </a:lnTo>
                <a:lnTo>
                  <a:pt x="284" y="162"/>
                </a:lnTo>
                <a:lnTo>
                  <a:pt x="296" y="158"/>
                </a:lnTo>
                <a:lnTo>
                  <a:pt x="298" y="148"/>
                </a:lnTo>
                <a:lnTo>
                  <a:pt x="300" y="136"/>
                </a:lnTo>
                <a:lnTo>
                  <a:pt x="304" y="128"/>
                </a:lnTo>
                <a:lnTo>
                  <a:pt x="310" y="122"/>
                </a:lnTo>
                <a:lnTo>
                  <a:pt x="318" y="124"/>
                </a:lnTo>
                <a:lnTo>
                  <a:pt x="326" y="124"/>
                </a:lnTo>
                <a:lnTo>
                  <a:pt x="332" y="118"/>
                </a:lnTo>
                <a:lnTo>
                  <a:pt x="342" y="118"/>
                </a:lnTo>
                <a:lnTo>
                  <a:pt x="350" y="126"/>
                </a:lnTo>
                <a:lnTo>
                  <a:pt x="352" y="136"/>
                </a:lnTo>
                <a:lnTo>
                  <a:pt x="352" y="150"/>
                </a:lnTo>
                <a:lnTo>
                  <a:pt x="352" y="158"/>
                </a:lnTo>
                <a:lnTo>
                  <a:pt x="356" y="170"/>
                </a:lnTo>
                <a:lnTo>
                  <a:pt x="356" y="180"/>
                </a:lnTo>
                <a:lnTo>
                  <a:pt x="364" y="174"/>
                </a:lnTo>
                <a:lnTo>
                  <a:pt x="364" y="158"/>
                </a:lnTo>
                <a:lnTo>
                  <a:pt x="362" y="144"/>
                </a:lnTo>
                <a:lnTo>
                  <a:pt x="366" y="136"/>
                </a:lnTo>
                <a:lnTo>
                  <a:pt x="376" y="134"/>
                </a:lnTo>
                <a:lnTo>
                  <a:pt x="382" y="140"/>
                </a:lnTo>
                <a:lnTo>
                  <a:pt x="388" y="150"/>
                </a:lnTo>
                <a:lnTo>
                  <a:pt x="396" y="162"/>
                </a:lnTo>
                <a:lnTo>
                  <a:pt x="394" y="172"/>
                </a:lnTo>
                <a:lnTo>
                  <a:pt x="402" y="174"/>
                </a:lnTo>
                <a:lnTo>
                  <a:pt x="412" y="166"/>
                </a:lnTo>
                <a:lnTo>
                  <a:pt x="420" y="156"/>
                </a:lnTo>
                <a:lnTo>
                  <a:pt x="428" y="152"/>
                </a:lnTo>
                <a:lnTo>
                  <a:pt x="436" y="160"/>
                </a:lnTo>
                <a:lnTo>
                  <a:pt x="442" y="170"/>
                </a:lnTo>
                <a:lnTo>
                  <a:pt x="460" y="172"/>
                </a:lnTo>
                <a:lnTo>
                  <a:pt x="470" y="162"/>
                </a:lnTo>
                <a:lnTo>
                  <a:pt x="472" y="144"/>
                </a:lnTo>
                <a:lnTo>
                  <a:pt x="470" y="132"/>
                </a:lnTo>
                <a:lnTo>
                  <a:pt x="482" y="126"/>
                </a:lnTo>
                <a:lnTo>
                  <a:pt x="494" y="126"/>
                </a:lnTo>
                <a:lnTo>
                  <a:pt x="504" y="134"/>
                </a:lnTo>
                <a:lnTo>
                  <a:pt x="506" y="150"/>
                </a:lnTo>
                <a:lnTo>
                  <a:pt x="508" y="160"/>
                </a:lnTo>
                <a:lnTo>
                  <a:pt x="508" y="172"/>
                </a:lnTo>
                <a:lnTo>
                  <a:pt x="508" y="184"/>
                </a:lnTo>
                <a:lnTo>
                  <a:pt x="520" y="192"/>
                </a:lnTo>
                <a:lnTo>
                  <a:pt x="526" y="182"/>
                </a:lnTo>
                <a:lnTo>
                  <a:pt x="542" y="178"/>
                </a:lnTo>
                <a:lnTo>
                  <a:pt x="554" y="172"/>
                </a:lnTo>
                <a:lnTo>
                  <a:pt x="564" y="174"/>
                </a:lnTo>
                <a:lnTo>
                  <a:pt x="566" y="180"/>
                </a:lnTo>
                <a:lnTo>
                  <a:pt x="556" y="182"/>
                </a:lnTo>
                <a:lnTo>
                  <a:pt x="546" y="186"/>
                </a:lnTo>
                <a:lnTo>
                  <a:pt x="538" y="196"/>
                </a:lnTo>
                <a:lnTo>
                  <a:pt x="530" y="202"/>
                </a:lnTo>
                <a:lnTo>
                  <a:pt x="530" y="210"/>
                </a:lnTo>
                <a:lnTo>
                  <a:pt x="542" y="218"/>
                </a:lnTo>
                <a:lnTo>
                  <a:pt x="552" y="222"/>
                </a:lnTo>
                <a:lnTo>
                  <a:pt x="550" y="234"/>
                </a:lnTo>
                <a:lnTo>
                  <a:pt x="546" y="238"/>
                </a:lnTo>
                <a:lnTo>
                  <a:pt x="530" y="242"/>
                </a:lnTo>
                <a:lnTo>
                  <a:pt x="530" y="252"/>
                </a:lnTo>
                <a:lnTo>
                  <a:pt x="536" y="256"/>
                </a:lnTo>
                <a:lnTo>
                  <a:pt x="554" y="256"/>
                </a:lnTo>
                <a:lnTo>
                  <a:pt x="552" y="262"/>
                </a:lnTo>
                <a:lnTo>
                  <a:pt x="552" y="270"/>
                </a:lnTo>
                <a:lnTo>
                  <a:pt x="554" y="276"/>
                </a:lnTo>
                <a:lnTo>
                  <a:pt x="558" y="280"/>
                </a:lnTo>
                <a:lnTo>
                  <a:pt x="566" y="288"/>
                </a:lnTo>
                <a:lnTo>
                  <a:pt x="574" y="296"/>
                </a:lnTo>
                <a:lnTo>
                  <a:pt x="584" y="304"/>
                </a:lnTo>
                <a:lnTo>
                  <a:pt x="578" y="314"/>
                </a:lnTo>
                <a:lnTo>
                  <a:pt x="572" y="322"/>
                </a:lnTo>
                <a:lnTo>
                  <a:pt x="566" y="326"/>
                </a:lnTo>
                <a:lnTo>
                  <a:pt x="570" y="336"/>
                </a:lnTo>
                <a:lnTo>
                  <a:pt x="572" y="342"/>
                </a:lnTo>
                <a:lnTo>
                  <a:pt x="562" y="344"/>
                </a:lnTo>
                <a:lnTo>
                  <a:pt x="564" y="354"/>
                </a:lnTo>
                <a:lnTo>
                  <a:pt x="566" y="362"/>
                </a:lnTo>
                <a:lnTo>
                  <a:pt x="556" y="370"/>
                </a:lnTo>
                <a:lnTo>
                  <a:pt x="548" y="364"/>
                </a:lnTo>
                <a:lnTo>
                  <a:pt x="544" y="360"/>
                </a:lnTo>
                <a:lnTo>
                  <a:pt x="544" y="366"/>
                </a:lnTo>
                <a:lnTo>
                  <a:pt x="546" y="376"/>
                </a:lnTo>
                <a:lnTo>
                  <a:pt x="542" y="386"/>
                </a:lnTo>
                <a:lnTo>
                  <a:pt x="530" y="394"/>
                </a:lnTo>
                <a:lnTo>
                  <a:pt x="516" y="394"/>
                </a:lnTo>
                <a:lnTo>
                  <a:pt x="510" y="388"/>
                </a:lnTo>
                <a:lnTo>
                  <a:pt x="502" y="396"/>
                </a:lnTo>
                <a:lnTo>
                  <a:pt x="498" y="406"/>
                </a:lnTo>
                <a:lnTo>
                  <a:pt x="488" y="420"/>
                </a:lnTo>
                <a:lnTo>
                  <a:pt x="480" y="426"/>
                </a:lnTo>
                <a:lnTo>
                  <a:pt x="470" y="428"/>
                </a:lnTo>
                <a:lnTo>
                  <a:pt x="462" y="428"/>
                </a:lnTo>
                <a:lnTo>
                  <a:pt x="454" y="434"/>
                </a:lnTo>
                <a:lnTo>
                  <a:pt x="442" y="426"/>
                </a:lnTo>
                <a:lnTo>
                  <a:pt x="436" y="418"/>
                </a:lnTo>
                <a:lnTo>
                  <a:pt x="430" y="426"/>
                </a:lnTo>
                <a:lnTo>
                  <a:pt x="410" y="430"/>
                </a:lnTo>
                <a:lnTo>
                  <a:pt x="402" y="430"/>
                </a:lnTo>
                <a:lnTo>
                  <a:pt x="398" y="430"/>
                </a:lnTo>
                <a:lnTo>
                  <a:pt x="394" y="430"/>
                </a:lnTo>
                <a:lnTo>
                  <a:pt x="382" y="436"/>
                </a:lnTo>
                <a:lnTo>
                  <a:pt x="366" y="442"/>
                </a:lnTo>
                <a:lnTo>
                  <a:pt x="354" y="448"/>
                </a:lnTo>
                <a:lnTo>
                  <a:pt x="352" y="450"/>
                </a:lnTo>
                <a:lnTo>
                  <a:pt x="348" y="454"/>
                </a:lnTo>
                <a:lnTo>
                  <a:pt x="344" y="454"/>
                </a:lnTo>
                <a:lnTo>
                  <a:pt x="326" y="454"/>
                </a:lnTo>
                <a:lnTo>
                  <a:pt x="318" y="448"/>
                </a:lnTo>
                <a:lnTo>
                  <a:pt x="310" y="450"/>
                </a:lnTo>
                <a:lnTo>
                  <a:pt x="296" y="448"/>
                </a:lnTo>
                <a:lnTo>
                  <a:pt x="280" y="446"/>
                </a:lnTo>
                <a:lnTo>
                  <a:pt x="270" y="442"/>
                </a:lnTo>
                <a:lnTo>
                  <a:pt x="266" y="448"/>
                </a:lnTo>
                <a:lnTo>
                  <a:pt x="264" y="458"/>
                </a:lnTo>
                <a:lnTo>
                  <a:pt x="258" y="466"/>
                </a:lnTo>
                <a:lnTo>
                  <a:pt x="236" y="468"/>
                </a:lnTo>
                <a:lnTo>
                  <a:pt x="206" y="468"/>
                </a:lnTo>
                <a:lnTo>
                  <a:pt x="184" y="456"/>
                </a:lnTo>
                <a:lnTo>
                  <a:pt x="170" y="440"/>
                </a:lnTo>
                <a:lnTo>
                  <a:pt x="160" y="428"/>
                </a:lnTo>
                <a:lnTo>
                  <a:pt x="154" y="422"/>
                </a:lnTo>
                <a:lnTo>
                  <a:pt x="132" y="414"/>
                </a:lnTo>
                <a:lnTo>
                  <a:pt x="126" y="400"/>
                </a:lnTo>
                <a:lnTo>
                  <a:pt x="120" y="384"/>
                </a:lnTo>
                <a:lnTo>
                  <a:pt x="124" y="378"/>
                </a:lnTo>
                <a:lnTo>
                  <a:pt x="118" y="374"/>
                </a:lnTo>
                <a:lnTo>
                  <a:pt x="118" y="368"/>
                </a:lnTo>
                <a:lnTo>
                  <a:pt x="106" y="366"/>
                </a:lnTo>
                <a:lnTo>
                  <a:pt x="98" y="358"/>
                </a:lnTo>
                <a:lnTo>
                  <a:pt x="94" y="348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54" name="Freeform 63"/>
          <p:cNvSpPr>
            <a:spLocks/>
          </p:cNvSpPr>
          <p:nvPr/>
        </p:nvSpPr>
        <p:spPr bwMode="auto">
          <a:xfrm>
            <a:off x="3806825" y="1795463"/>
            <a:ext cx="84138" cy="65087"/>
          </a:xfrm>
          <a:custGeom>
            <a:avLst/>
            <a:gdLst>
              <a:gd name="T0" fmla="*/ 2147483647 w 64"/>
              <a:gd name="T1" fmla="*/ 0 h 50"/>
              <a:gd name="T2" fmla="*/ 2147483647 w 64"/>
              <a:gd name="T3" fmla="*/ 2147483647 h 50"/>
              <a:gd name="T4" fmla="*/ 2147483647 w 64"/>
              <a:gd name="T5" fmla="*/ 2147483647 h 50"/>
              <a:gd name="T6" fmla="*/ 2147483647 w 64"/>
              <a:gd name="T7" fmla="*/ 2147483647 h 50"/>
              <a:gd name="T8" fmla="*/ 2147483647 w 64"/>
              <a:gd name="T9" fmla="*/ 2147483647 h 50"/>
              <a:gd name="T10" fmla="*/ 2147483647 w 64"/>
              <a:gd name="T11" fmla="*/ 2147483647 h 50"/>
              <a:gd name="T12" fmla="*/ 2147483647 w 64"/>
              <a:gd name="T13" fmla="*/ 2147483647 h 50"/>
              <a:gd name="T14" fmla="*/ 2147483647 w 64"/>
              <a:gd name="T15" fmla="*/ 2147483647 h 50"/>
              <a:gd name="T16" fmla="*/ 2147483647 w 64"/>
              <a:gd name="T17" fmla="*/ 2147483647 h 50"/>
              <a:gd name="T18" fmla="*/ 2147483647 w 64"/>
              <a:gd name="T19" fmla="*/ 2147483647 h 50"/>
              <a:gd name="T20" fmla="*/ 2147483647 w 64"/>
              <a:gd name="T21" fmla="*/ 2147483647 h 50"/>
              <a:gd name="T22" fmla="*/ 2147483647 w 64"/>
              <a:gd name="T23" fmla="*/ 2147483647 h 50"/>
              <a:gd name="T24" fmla="*/ 2147483647 w 64"/>
              <a:gd name="T25" fmla="*/ 2147483647 h 50"/>
              <a:gd name="T26" fmla="*/ 2147483647 w 64"/>
              <a:gd name="T27" fmla="*/ 2147483647 h 50"/>
              <a:gd name="T28" fmla="*/ 2147483647 w 64"/>
              <a:gd name="T29" fmla="*/ 2147483647 h 50"/>
              <a:gd name="T30" fmla="*/ 0 w 64"/>
              <a:gd name="T31" fmla="*/ 2147483647 h 50"/>
              <a:gd name="T32" fmla="*/ 2147483647 w 64"/>
              <a:gd name="T33" fmla="*/ 2147483647 h 50"/>
              <a:gd name="T34" fmla="*/ 2147483647 w 64"/>
              <a:gd name="T35" fmla="*/ 2147483647 h 50"/>
              <a:gd name="T36" fmla="*/ 2147483647 w 64"/>
              <a:gd name="T37" fmla="*/ 2147483647 h 50"/>
              <a:gd name="T38" fmla="*/ 2147483647 w 64"/>
              <a:gd name="T39" fmla="*/ 2147483647 h 50"/>
              <a:gd name="T40" fmla="*/ 2147483647 w 64"/>
              <a:gd name="T41" fmla="*/ 2147483647 h 50"/>
              <a:gd name="T42" fmla="*/ 2147483647 w 64"/>
              <a:gd name="T43" fmla="*/ 0 h 50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0" t="0" r="r" b="b"/>
            <a:pathLst>
              <a:path w="64" h="50">
                <a:moveTo>
                  <a:pt x="32" y="0"/>
                </a:moveTo>
                <a:lnTo>
                  <a:pt x="40" y="12"/>
                </a:lnTo>
                <a:lnTo>
                  <a:pt x="46" y="22"/>
                </a:lnTo>
                <a:lnTo>
                  <a:pt x="54" y="18"/>
                </a:lnTo>
                <a:lnTo>
                  <a:pt x="58" y="4"/>
                </a:lnTo>
                <a:lnTo>
                  <a:pt x="64" y="8"/>
                </a:lnTo>
                <a:lnTo>
                  <a:pt x="60" y="22"/>
                </a:lnTo>
                <a:lnTo>
                  <a:pt x="50" y="30"/>
                </a:lnTo>
                <a:lnTo>
                  <a:pt x="50" y="46"/>
                </a:lnTo>
                <a:lnTo>
                  <a:pt x="36" y="44"/>
                </a:lnTo>
                <a:lnTo>
                  <a:pt x="28" y="50"/>
                </a:lnTo>
                <a:lnTo>
                  <a:pt x="26" y="34"/>
                </a:lnTo>
                <a:lnTo>
                  <a:pt x="20" y="36"/>
                </a:lnTo>
                <a:lnTo>
                  <a:pt x="8" y="36"/>
                </a:lnTo>
                <a:lnTo>
                  <a:pt x="2" y="28"/>
                </a:lnTo>
                <a:lnTo>
                  <a:pt x="0" y="16"/>
                </a:lnTo>
                <a:lnTo>
                  <a:pt x="8" y="14"/>
                </a:lnTo>
                <a:lnTo>
                  <a:pt x="14" y="18"/>
                </a:lnTo>
                <a:lnTo>
                  <a:pt x="22" y="20"/>
                </a:lnTo>
                <a:lnTo>
                  <a:pt x="28" y="18"/>
                </a:lnTo>
                <a:lnTo>
                  <a:pt x="26" y="6"/>
                </a:lnTo>
                <a:lnTo>
                  <a:pt x="32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55" name="Freeform 64"/>
          <p:cNvSpPr>
            <a:spLocks/>
          </p:cNvSpPr>
          <p:nvPr/>
        </p:nvSpPr>
        <p:spPr bwMode="auto">
          <a:xfrm>
            <a:off x="3100388" y="2927350"/>
            <a:ext cx="504825" cy="581025"/>
          </a:xfrm>
          <a:custGeom>
            <a:avLst/>
            <a:gdLst>
              <a:gd name="T0" fmla="*/ 2147483647 w 390"/>
              <a:gd name="T1" fmla="*/ 2147483647 h 449"/>
              <a:gd name="T2" fmla="*/ 2147483647 w 390"/>
              <a:gd name="T3" fmla="*/ 2147483647 h 449"/>
              <a:gd name="T4" fmla="*/ 2147483647 w 390"/>
              <a:gd name="T5" fmla="*/ 2147483647 h 449"/>
              <a:gd name="T6" fmla="*/ 2147483647 w 390"/>
              <a:gd name="T7" fmla="*/ 2147483647 h 449"/>
              <a:gd name="T8" fmla="*/ 2147483647 w 390"/>
              <a:gd name="T9" fmla="*/ 2147483647 h 449"/>
              <a:gd name="T10" fmla="*/ 2147483647 w 390"/>
              <a:gd name="T11" fmla="*/ 2147483647 h 449"/>
              <a:gd name="T12" fmla="*/ 2147483647 w 390"/>
              <a:gd name="T13" fmla="*/ 2147483647 h 449"/>
              <a:gd name="T14" fmla="*/ 2147483647 w 390"/>
              <a:gd name="T15" fmla="*/ 2147483647 h 449"/>
              <a:gd name="T16" fmla="*/ 2147483647 w 390"/>
              <a:gd name="T17" fmla="*/ 2147483647 h 449"/>
              <a:gd name="T18" fmla="*/ 2147483647 w 390"/>
              <a:gd name="T19" fmla="*/ 2147483647 h 449"/>
              <a:gd name="T20" fmla="*/ 2147483647 w 390"/>
              <a:gd name="T21" fmla="*/ 2147483647 h 449"/>
              <a:gd name="T22" fmla="*/ 2147483647 w 390"/>
              <a:gd name="T23" fmla="*/ 2147483647 h 449"/>
              <a:gd name="T24" fmla="*/ 2147483647 w 390"/>
              <a:gd name="T25" fmla="*/ 2147483647 h 449"/>
              <a:gd name="T26" fmla="*/ 2147483647 w 390"/>
              <a:gd name="T27" fmla="*/ 2147483647 h 449"/>
              <a:gd name="T28" fmla="*/ 2147483647 w 390"/>
              <a:gd name="T29" fmla="*/ 2147483647 h 449"/>
              <a:gd name="T30" fmla="*/ 2147483647 w 390"/>
              <a:gd name="T31" fmla="*/ 2147483647 h 449"/>
              <a:gd name="T32" fmla="*/ 2147483647 w 390"/>
              <a:gd name="T33" fmla="*/ 2147483647 h 449"/>
              <a:gd name="T34" fmla="*/ 2147483647 w 390"/>
              <a:gd name="T35" fmla="*/ 2147483647 h 449"/>
              <a:gd name="T36" fmla="*/ 2147483647 w 390"/>
              <a:gd name="T37" fmla="*/ 2147483647 h 449"/>
              <a:gd name="T38" fmla="*/ 2147483647 w 390"/>
              <a:gd name="T39" fmla="*/ 2147483647 h 449"/>
              <a:gd name="T40" fmla="*/ 2147483647 w 390"/>
              <a:gd name="T41" fmla="*/ 2147483647 h 449"/>
              <a:gd name="T42" fmla="*/ 2147483647 w 390"/>
              <a:gd name="T43" fmla="*/ 2147483647 h 449"/>
              <a:gd name="T44" fmla="*/ 2147483647 w 390"/>
              <a:gd name="T45" fmla="*/ 2147483647 h 449"/>
              <a:gd name="T46" fmla="*/ 2147483647 w 390"/>
              <a:gd name="T47" fmla="*/ 2147483647 h 449"/>
              <a:gd name="T48" fmla="*/ 2147483647 w 390"/>
              <a:gd name="T49" fmla="*/ 2147483647 h 449"/>
              <a:gd name="T50" fmla="*/ 2147483647 w 390"/>
              <a:gd name="T51" fmla="*/ 2147483647 h 449"/>
              <a:gd name="T52" fmla="*/ 2147483647 w 390"/>
              <a:gd name="T53" fmla="*/ 2147483647 h 449"/>
              <a:gd name="T54" fmla="*/ 2147483647 w 390"/>
              <a:gd name="T55" fmla="*/ 2147483647 h 449"/>
              <a:gd name="T56" fmla="*/ 2147483647 w 390"/>
              <a:gd name="T57" fmla="*/ 2147483647 h 449"/>
              <a:gd name="T58" fmla="*/ 2147483647 w 390"/>
              <a:gd name="T59" fmla="*/ 2147483647 h 449"/>
              <a:gd name="T60" fmla="*/ 2147483647 w 390"/>
              <a:gd name="T61" fmla="*/ 2147483647 h 449"/>
              <a:gd name="T62" fmla="*/ 2147483647 w 390"/>
              <a:gd name="T63" fmla="*/ 2147483647 h 449"/>
              <a:gd name="T64" fmla="*/ 2147483647 w 390"/>
              <a:gd name="T65" fmla="*/ 2147483647 h 449"/>
              <a:gd name="T66" fmla="*/ 2147483647 w 390"/>
              <a:gd name="T67" fmla="*/ 2147483647 h 449"/>
              <a:gd name="T68" fmla="*/ 2147483647 w 390"/>
              <a:gd name="T69" fmla="*/ 2147483647 h 449"/>
              <a:gd name="T70" fmla="*/ 2147483647 w 390"/>
              <a:gd name="T71" fmla="*/ 2147483647 h 449"/>
              <a:gd name="T72" fmla="*/ 2147483647 w 390"/>
              <a:gd name="T73" fmla="*/ 2147483647 h 449"/>
              <a:gd name="T74" fmla="*/ 2147483647 w 390"/>
              <a:gd name="T75" fmla="*/ 2147483647 h 449"/>
              <a:gd name="T76" fmla="*/ 2147483647 w 390"/>
              <a:gd name="T77" fmla="*/ 2147483647 h 449"/>
              <a:gd name="T78" fmla="*/ 2147483647 w 390"/>
              <a:gd name="T79" fmla="*/ 2147483647 h 449"/>
              <a:gd name="T80" fmla="*/ 2147483647 w 390"/>
              <a:gd name="T81" fmla="*/ 2147483647 h 449"/>
              <a:gd name="T82" fmla="*/ 2147483647 w 390"/>
              <a:gd name="T83" fmla="*/ 2147483647 h 449"/>
              <a:gd name="T84" fmla="*/ 2147483647 w 390"/>
              <a:gd name="T85" fmla="*/ 2147483647 h 449"/>
              <a:gd name="T86" fmla="*/ 2147483647 w 390"/>
              <a:gd name="T87" fmla="*/ 2147483647 h 449"/>
              <a:gd name="T88" fmla="*/ 2147483647 w 390"/>
              <a:gd name="T89" fmla="*/ 2147483647 h 449"/>
              <a:gd name="T90" fmla="*/ 2147483647 w 390"/>
              <a:gd name="T91" fmla="*/ 2147483647 h 449"/>
              <a:gd name="T92" fmla="*/ 2147483647 w 390"/>
              <a:gd name="T93" fmla="*/ 2147483647 h 449"/>
              <a:gd name="T94" fmla="*/ 2147483647 w 390"/>
              <a:gd name="T95" fmla="*/ 2147483647 h 449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0" t="0" r="r" b="b"/>
            <a:pathLst>
              <a:path w="390" h="449">
                <a:moveTo>
                  <a:pt x="114" y="86"/>
                </a:moveTo>
                <a:lnTo>
                  <a:pt x="124" y="92"/>
                </a:lnTo>
                <a:lnTo>
                  <a:pt x="138" y="86"/>
                </a:lnTo>
                <a:lnTo>
                  <a:pt x="150" y="94"/>
                </a:lnTo>
                <a:lnTo>
                  <a:pt x="166" y="96"/>
                </a:lnTo>
                <a:lnTo>
                  <a:pt x="168" y="106"/>
                </a:lnTo>
                <a:lnTo>
                  <a:pt x="176" y="112"/>
                </a:lnTo>
                <a:lnTo>
                  <a:pt x="184" y="106"/>
                </a:lnTo>
                <a:lnTo>
                  <a:pt x="194" y="110"/>
                </a:lnTo>
                <a:lnTo>
                  <a:pt x="212" y="118"/>
                </a:lnTo>
                <a:lnTo>
                  <a:pt x="224" y="114"/>
                </a:lnTo>
                <a:lnTo>
                  <a:pt x="218" y="106"/>
                </a:lnTo>
                <a:lnTo>
                  <a:pt x="222" y="100"/>
                </a:lnTo>
                <a:lnTo>
                  <a:pt x="230" y="94"/>
                </a:lnTo>
                <a:lnTo>
                  <a:pt x="250" y="94"/>
                </a:lnTo>
                <a:lnTo>
                  <a:pt x="254" y="98"/>
                </a:lnTo>
                <a:lnTo>
                  <a:pt x="256" y="88"/>
                </a:lnTo>
                <a:lnTo>
                  <a:pt x="260" y="78"/>
                </a:lnTo>
                <a:lnTo>
                  <a:pt x="246" y="76"/>
                </a:lnTo>
                <a:lnTo>
                  <a:pt x="238" y="72"/>
                </a:lnTo>
                <a:lnTo>
                  <a:pt x="224" y="70"/>
                </a:lnTo>
                <a:lnTo>
                  <a:pt x="218" y="60"/>
                </a:lnTo>
                <a:lnTo>
                  <a:pt x="220" y="52"/>
                </a:lnTo>
                <a:lnTo>
                  <a:pt x="242" y="54"/>
                </a:lnTo>
                <a:lnTo>
                  <a:pt x="242" y="44"/>
                </a:lnTo>
                <a:lnTo>
                  <a:pt x="254" y="42"/>
                </a:lnTo>
                <a:lnTo>
                  <a:pt x="252" y="26"/>
                </a:lnTo>
                <a:lnTo>
                  <a:pt x="266" y="22"/>
                </a:lnTo>
                <a:lnTo>
                  <a:pt x="270" y="10"/>
                </a:lnTo>
                <a:lnTo>
                  <a:pt x="284" y="16"/>
                </a:lnTo>
                <a:lnTo>
                  <a:pt x="292" y="10"/>
                </a:lnTo>
                <a:lnTo>
                  <a:pt x="296" y="16"/>
                </a:lnTo>
                <a:lnTo>
                  <a:pt x="306" y="10"/>
                </a:lnTo>
                <a:lnTo>
                  <a:pt x="316" y="8"/>
                </a:lnTo>
                <a:lnTo>
                  <a:pt x="316" y="16"/>
                </a:lnTo>
                <a:lnTo>
                  <a:pt x="326" y="16"/>
                </a:lnTo>
                <a:lnTo>
                  <a:pt x="334" y="10"/>
                </a:lnTo>
                <a:lnTo>
                  <a:pt x="342" y="4"/>
                </a:lnTo>
                <a:lnTo>
                  <a:pt x="350" y="0"/>
                </a:lnTo>
                <a:lnTo>
                  <a:pt x="356" y="12"/>
                </a:lnTo>
                <a:lnTo>
                  <a:pt x="366" y="18"/>
                </a:lnTo>
                <a:lnTo>
                  <a:pt x="366" y="24"/>
                </a:lnTo>
                <a:lnTo>
                  <a:pt x="356" y="30"/>
                </a:lnTo>
                <a:lnTo>
                  <a:pt x="342" y="34"/>
                </a:lnTo>
                <a:lnTo>
                  <a:pt x="334" y="38"/>
                </a:lnTo>
                <a:lnTo>
                  <a:pt x="328" y="46"/>
                </a:lnTo>
                <a:lnTo>
                  <a:pt x="314" y="62"/>
                </a:lnTo>
                <a:lnTo>
                  <a:pt x="310" y="72"/>
                </a:lnTo>
                <a:lnTo>
                  <a:pt x="296" y="74"/>
                </a:lnTo>
                <a:lnTo>
                  <a:pt x="286" y="72"/>
                </a:lnTo>
                <a:lnTo>
                  <a:pt x="278" y="70"/>
                </a:lnTo>
                <a:lnTo>
                  <a:pt x="284" y="80"/>
                </a:lnTo>
                <a:lnTo>
                  <a:pt x="292" y="88"/>
                </a:lnTo>
                <a:lnTo>
                  <a:pt x="286" y="94"/>
                </a:lnTo>
                <a:lnTo>
                  <a:pt x="274" y="94"/>
                </a:lnTo>
                <a:lnTo>
                  <a:pt x="268" y="90"/>
                </a:lnTo>
                <a:lnTo>
                  <a:pt x="262" y="98"/>
                </a:lnTo>
                <a:lnTo>
                  <a:pt x="254" y="106"/>
                </a:lnTo>
                <a:lnTo>
                  <a:pt x="262" y="118"/>
                </a:lnTo>
                <a:lnTo>
                  <a:pt x="270" y="134"/>
                </a:lnTo>
                <a:lnTo>
                  <a:pt x="278" y="138"/>
                </a:lnTo>
                <a:lnTo>
                  <a:pt x="286" y="148"/>
                </a:lnTo>
                <a:lnTo>
                  <a:pt x="308" y="156"/>
                </a:lnTo>
                <a:lnTo>
                  <a:pt x="322" y="146"/>
                </a:lnTo>
                <a:lnTo>
                  <a:pt x="322" y="132"/>
                </a:lnTo>
                <a:lnTo>
                  <a:pt x="338" y="126"/>
                </a:lnTo>
                <a:lnTo>
                  <a:pt x="346" y="134"/>
                </a:lnTo>
                <a:lnTo>
                  <a:pt x="346" y="150"/>
                </a:lnTo>
                <a:lnTo>
                  <a:pt x="352" y="156"/>
                </a:lnTo>
                <a:lnTo>
                  <a:pt x="360" y="158"/>
                </a:lnTo>
                <a:lnTo>
                  <a:pt x="358" y="174"/>
                </a:lnTo>
                <a:lnTo>
                  <a:pt x="372" y="176"/>
                </a:lnTo>
                <a:lnTo>
                  <a:pt x="384" y="178"/>
                </a:lnTo>
                <a:lnTo>
                  <a:pt x="390" y="188"/>
                </a:lnTo>
                <a:lnTo>
                  <a:pt x="380" y="190"/>
                </a:lnTo>
                <a:lnTo>
                  <a:pt x="374" y="192"/>
                </a:lnTo>
                <a:lnTo>
                  <a:pt x="372" y="204"/>
                </a:lnTo>
                <a:lnTo>
                  <a:pt x="378" y="210"/>
                </a:lnTo>
                <a:lnTo>
                  <a:pt x="376" y="232"/>
                </a:lnTo>
                <a:lnTo>
                  <a:pt x="386" y="250"/>
                </a:lnTo>
                <a:lnTo>
                  <a:pt x="376" y="256"/>
                </a:lnTo>
                <a:lnTo>
                  <a:pt x="374" y="272"/>
                </a:lnTo>
                <a:lnTo>
                  <a:pt x="374" y="286"/>
                </a:lnTo>
                <a:lnTo>
                  <a:pt x="374" y="328"/>
                </a:lnTo>
                <a:lnTo>
                  <a:pt x="358" y="344"/>
                </a:lnTo>
                <a:lnTo>
                  <a:pt x="348" y="357"/>
                </a:lnTo>
                <a:lnTo>
                  <a:pt x="348" y="373"/>
                </a:lnTo>
                <a:lnTo>
                  <a:pt x="330" y="389"/>
                </a:lnTo>
                <a:lnTo>
                  <a:pt x="320" y="395"/>
                </a:lnTo>
                <a:lnTo>
                  <a:pt x="324" y="405"/>
                </a:lnTo>
                <a:lnTo>
                  <a:pt x="328" y="419"/>
                </a:lnTo>
                <a:lnTo>
                  <a:pt x="312" y="419"/>
                </a:lnTo>
                <a:lnTo>
                  <a:pt x="298" y="413"/>
                </a:lnTo>
                <a:lnTo>
                  <a:pt x="292" y="407"/>
                </a:lnTo>
                <a:lnTo>
                  <a:pt x="286" y="411"/>
                </a:lnTo>
                <a:lnTo>
                  <a:pt x="280" y="407"/>
                </a:lnTo>
                <a:lnTo>
                  <a:pt x="274" y="415"/>
                </a:lnTo>
                <a:lnTo>
                  <a:pt x="264" y="417"/>
                </a:lnTo>
                <a:lnTo>
                  <a:pt x="244" y="405"/>
                </a:lnTo>
                <a:lnTo>
                  <a:pt x="230" y="409"/>
                </a:lnTo>
                <a:lnTo>
                  <a:pt x="224" y="413"/>
                </a:lnTo>
                <a:lnTo>
                  <a:pt x="224" y="421"/>
                </a:lnTo>
                <a:lnTo>
                  <a:pt x="200" y="423"/>
                </a:lnTo>
                <a:lnTo>
                  <a:pt x="196" y="431"/>
                </a:lnTo>
                <a:lnTo>
                  <a:pt x="180" y="435"/>
                </a:lnTo>
                <a:lnTo>
                  <a:pt x="158" y="435"/>
                </a:lnTo>
                <a:lnTo>
                  <a:pt x="146" y="441"/>
                </a:lnTo>
                <a:lnTo>
                  <a:pt x="140" y="445"/>
                </a:lnTo>
                <a:lnTo>
                  <a:pt x="136" y="447"/>
                </a:lnTo>
                <a:lnTo>
                  <a:pt x="130" y="447"/>
                </a:lnTo>
                <a:lnTo>
                  <a:pt x="96" y="447"/>
                </a:lnTo>
                <a:lnTo>
                  <a:pt x="66" y="449"/>
                </a:lnTo>
                <a:lnTo>
                  <a:pt x="62" y="441"/>
                </a:lnTo>
                <a:lnTo>
                  <a:pt x="46" y="441"/>
                </a:lnTo>
                <a:lnTo>
                  <a:pt x="32" y="439"/>
                </a:lnTo>
                <a:lnTo>
                  <a:pt x="36" y="429"/>
                </a:lnTo>
                <a:lnTo>
                  <a:pt x="52" y="429"/>
                </a:lnTo>
                <a:lnTo>
                  <a:pt x="60" y="425"/>
                </a:lnTo>
                <a:lnTo>
                  <a:pt x="66" y="417"/>
                </a:lnTo>
                <a:lnTo>
                  <a:pt x="62" y="413"/>
                </a:lnTo>
                <a:lnTo>
                  <a:pt x="52" y="417"/>
                </a:lnTo>
                <a:lnTo>
                  <a:pt x="30" y="417"/>
                </a:lnTo>
                <a:lnTo>
                  <a:pt x="20" y="421"/>
                </a:lnTo>
                <a:lnTo>
                  <a:pt x="16" y="411"/>
                </a:lnTo>
                <a:lnTo>
                  <a:pt x="30" y="407"/>
                </a:lnTo>
                <a:lnTo>
                  <a:pt x="40" y="405"/>
                </a:lnTo>
                <a:lnTo>
                  <a:pt x="44" y="405"/>
                </a:lnTo>
                <a:lnTo>
                  <a:pt x="48" y="401"/>
                </a:lnTo>
                <a:lnTo>
                  <a:pt x="54" y="397"/>
                </a:lnTo>
                <a:lnTo>
                  <a:pt x="40" y="395"/>
                </a:lnTo>
                <a:lnTo>
                  <a:pt x="22" y="397"/>
                </a:lnTo>
                <a:lnTo>
                  <a:pt x="14" y="389"/>
                </a:lnTo>
                <a:lnTo>
                  <a:pt x="0" y="385"/>
                </a:lnTo>
                <a:lnTo>
                  <a:pt x="2" y="379"/>
                </a:lnTo>
                <a:lnTo>
                  <a:pt x="12" y="377"/>
                </a:lnTo>
                <a:lnTo>
                  <a:pt x="16" y="369"/>
                </a:lnTo>
                <a:lnTo>
                  <a:pt x="30" y="369"/>
                </a:lnTo>
                <a:lnTo>
                  <a:pt x="42" y="367"/>
                </a:lnTo>
                <a:lnTo>
                  <a:pt x="52" y="361"/>
                </a:lnTo>
                <a:lnTo>
                  <a:pt x="40" y="357"/>
                </a:lnTo>
                <a:lnTo>
                  <a:pt x="18" y="353"/>
                </a:lnTo>
                <a:lnTo>
                  <a:pt x="4" y="349"/>
                </a:lnTo>
                <a:lnTo>
                  <a:pt x="10" y="334"/>
                </a:lnTo>
                <a:lnTo>
                  <a:pt x="24" y="330"/>
                </a:lnTo>
                <a:lnTo>
                  <a:pt x="38" y="338"/>
                </a:lnTo>
                <a:lnTo>
                  <a:pt x="54" y="346"/>
                </a:lnTo>
                <a:lnTo>
                  <a:pt x="60" y="332"/>
                </a:lnTo>
                <a:lnTo>
                  <a:pt x="60" y="320"/>
                </a:lnTo>
                <a:lnTo>
                  <a:pt x="80" y="320"/>
                </a:lnTo>
                <a:lnTo>
                  <a:pt x="80" y="308"/>
                </a:lnTo>
                <a:lnTo>
                  <a:pt x="90" y="308"/>
                </a:lnTo>
                <a:lnTo>
                  <a:pt x="98" y="302"/>
                </a:lnTo>
                <a:lnTo>
                  <a:pt x="84" y="300"/>
                </a:lnTo>
                <a:lnTo>
                  <a:pt x="78" y="296"/>
                </a:lnTo>
                <a:lnTo>
                  <a:pt x="90" y="288"/>
                </a:lnTo>
                <a:lnTo>
                  <a:pt x="114" y="274"/>
                </a:lnTo>
                <a:lnTo>
                  <a:pt x="112" y="260"/>
                </a:lnTo>
                <a:lnTo>
                  <a:pt x="126" y="246"/>
                </a:lnTo>
                <a:lnTo>
                  <a:pt x="146" y="250"/>
                </a:lnTo>
                <a:lnTo>
                  <a:pt x="152" y="244"/>
                </a:lnTo>
                <a:lnTo>
                  <a:pt x="154" y="232"/>
                </a:lnTo>
                <a:lnTo>
                  <a:pt x="142" y="234"/>
                </a:lnTo>
                <a:lnTo>
                  <a:pt x="126" y="232"/>
                </a:lnTo>
                <a:lnTo>
                  <a:pt x="114" y="226"/>
                </a:lnTo>
                <a:lnTo>
                  <a:pt x="108" y="216"/>
                </a:lnTo>
                <a:lnTo>
                  <a:pt x="108" y="208"/>
                </a:lnTo>
                <a:lnTo>
                  <a:pt x="92" y="210"/>
                </a:lnTo>
                <a:lnTo>
                  <a:pt x="94" y="200"/>
                </a:lnTo>
                <a:lnTo>
                  <a:pt x="84" y="198"/>
                </a:lnTo>
                <a:lnTo>
                  <a:pt x="80" y="188"/>
                </a:lnTo>
                <a:lnTo>
                  <a:pt x="78" y="176"/>
                </a:lnTo>
                <a:lnTo>
                  <a:pt x="94" y="174"/>
                </a:lnTo>
                <a:lnTo>
                  <a:pt x="100" y="170"/>
                </a:lnTo>
                <a:lnTo>
                  <a:pt x="102" y="154"/>
                </a:lnTo>
                <a:lnTo>
                  <a:pt x="114" y="150"/>
                </a:lnTo>
                <a:lnTo>
                  <a:pt x="124" y="154"/>
                </a:lnTo>
                <a:lnTo>
                  <a:pt x="128" y="144"/>
                </a:lnTo>
                <a:lnTo>
                  <a:pt x="122" y="138"/>
                </a:lnTo>
                <a:lnTo>
                  <a:pt x="106" y="138"/>
                </a:lnTo>
                <a:lnTo>
                  <a:pt x="100" y="130"/>
                </a:lnTo>
                <a:lnTo>
                  <a:pt x="92" y="124"/>
                </a:lnTo>
                <a:lnTo>
                  <a:pt x="86" y="116"/>
                </a:lnTo>
                <a:lnTo>
                  <a:pt x="96" y="114"/>
                </a:lnTo>
                <a:lnTo>
                  <a:pt x="100" y="116"/>
                </a:lnTo>
                <a:lnTo>
                  <a:pt x="104" y="120"/>
                </a:lnTo>
                <a:lnTo>
                  <a:pt x="108" y="124"/>
                </a:lnTo>
                <a:lnTo>
                  <a:pt x="114" y="112"/>
                </a:lnTo>
                <a:lnTo>
                  <a:pt x="112" y="98"/>
                </a:lnTo>
                <a:lnTo>
                  <a:pt x="108" y="96"/>
                </a:lnTo>
                <a:lnTo>
                  <a:pt x="102" y="102"/>
                </a:lnTo>
                <a:lnTo>
                  <a:pt x="98" y="96"/>
                </a:lnTo>
                <a:lnTo>
                  <a:pt x="106" y="88"/>
                </a:lnTo>
                <a:lnTo>
                  <a:pt x="114" y="86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3956" name="Group 65"/>
          <p:cNvGrpSpPr>
            <a:grpSpLocks/>
          </p:cNvGrpSpPr>
          <p:nvPr/>
        </p:nvGrpSpPr>
        <p:grpSpPr bwMode="auto">
          <a:xfrm>
            <a:off x="3419475" y="2133600"/>
            <a:ext cx="925513" cy="1716088"/>
            <a:chOff x="848" y="1921"/>
            <a:chExt cx="714" cy="1325"/>
          </a:xfrm>
        </p:grpSpPr>
        <p:sp>
          <p:nvSpPr>
            <p:cNvPr id="124040" name="Freeform 66"/>
            <p:cNvSpPr>
              <a:spLocks/>
            </p:cNvSpPr>
            <p:nvPr/>
          </p:nvSpPr>
          <p:spPr bwMode="auto">
            <a:xfrm>
              <a:off x="1450" y="1921"/>
              <a:ext cx="72" cy="118"/>
            </a:xfrm>
            <a:custGeom>
              <a:avLst/>
              <a:gdLst>
                <a:gd name="T0" fmla="*/ 22 w 72"/>
                <a:gd name="T1" fmla="*/ 74 h 118"/>
                <a:gd name="T2" fmla="*/ 12 w 72"/>
                <a:gd name="T3" fmla="*/ 78 h 118"/>
                <a:gd name="T4" fmla="*/ 4 w 72"/>
                <a:gd name="T5" fmla="*/ 72 h 118"/>
                <a:gd name="T6" fmla="*/ 0 w 72"/>
                <a:gd name="T7" fmla="*/ 62 h 118"/>
                <a:gd name="T8" fmla="*/ 8 w 72"/>
                <a:gd name="T9" fmla="*/ 58 h 118"/>
                <a:gd name="T10" fmla="*/ 20 w 72"/>
                <a:gd name="T11" fmla="*/ 60 h 118"/>
                <a:gd name="T12" fmla="*/ 26 w 72"/>
                <a:gd name="T13" fmla="*/ 56 h 118"/>
                <a:gd name="T14" fmla="*/ 22 w 72"/>
                <a:gd name="T15" fmla="*/ 50 h 118"/>
                <a:gd name="T16" fmla="*/ 18 w 72"/>
                <a:gd name="T17" fmla="*/ 44 h 118"/>
                <a:gd name="T18" fmla="*/ 12 w 72"/>
                <a:gd name="T19" fmla="*/ 32 h 118"/>
                <a:gd name="T20" fmla="*/ 20 w 72"/>
                <a:gd name="T21" fmla="*/ 26 h 118"/>
                <a:gd name="T22" fmla="*/ 28 w 72"/>
                <a:gd name="T23" fmla="*/ 22 h 118"/>
                <a:gd name="T24" fmla="*/ 32 w 72"/>
                <a:gd name="T25" fmla="*/ 28 h 118"/>
                <a:gd name="T26" fmla="*/ 28 w 72"/>
                <a:gd name="T27" fmla="*/ 36 h 118"/>
                <a:gd name="T28" fmla="*/ 38 w 72"/>
                <a:gd name="T29" fmla="*/ 38 h 118"/>
                <a:gd name="T30" fmla="*/ 38 w 72"/>
                <a:gd name="T31" fmla="*/ 24 h 118"/>
                <a:gd name="T32" fmla="*/ 46 w 72"/>
                <a:gd name="T33" fmla="*/ 12 h 118"/>
                <a:gd name="T34" fmla="*/ 54 w 72"/>
                <a:gd name="T35" fmla="*/ 14 h 118"/>
                <a:gd name="T36" fmla="*/ 62 w 72"/>
                <a:gd name="T37" fmla="*/ 6 h 118"/>
                <a:gd name="T38" fmla="*/ 68 w 72"/>
                <a:gd name="T39" fmla="*/ 0 h 118"/>
                <a:gd name="T40" fmla="*/ 72 w 72"/>
                <a:gd name="T41" fmla="*/ 8 h 118"/>
                <a:gd name="T42" fmla="*/ 66 w 72"/>
                <a:gd name="T43" fmla="*/ 14 h 118"/>
                <a:gd name="T44" fmla="*/ 62 w 72"/>
                <a:gd name="T45" fmla="*/ 20 h 118"/>
                <a:gd name="T46" fmla="*/ 64 w 72"/>
                <a:gd name="T47" fmla="*/ 30 h 118"/>
                <a:gd name="T48" fmla="*/ 54 w 72"/>
                <a:gd name="T49" fmla="*/ 32 h 118"/>
                <a:gd name="T50" fmla="*/ 50 w 72"/>
                <a:gd name="T51" fmla="*/ 22 h 118"/>
                <a:gd name="T52" fmla="*/ 46 w 72"/>
                <a:gd name="T53" fmla="*/ 28 h 118"/>
                <a:gd name="T54" fmla="*/ 46 w 72"/>
                <a:gd name="T55" fmla="*/ 40 h 118"/>
                <a:gd name="T56" fmla="*/ 36 w 72"/>
                <a:gd name="T57" fmla="*/ 46 h 118"/>
                <a:gd name="T58" fmla="*/ 38 w 72"/>
                <a:gd name="T59" fmla="*/ 52 h 118"/>
                <a:gd name="T60" fmla="*/ 40 w 72"/>
                <a:gd name="T61" fmla="*/ 62 h 118"/>
                <a:gd name="T62" fmla="*/ 34 w 72"/>
                <a:gd name="T63" fmla="*/ 72 h 118"/>
                <a:gd name="T64" fmla="*/ 32 w 72"/>
                <a:gd name="T65" fmla="*/ 82 h 118"/>
                <a:gd name="T66" fmla="*/ 30 w 72"/>
                <a:gd name="T67" fmla="*/ 92 h 118"/>
                <a:gd name="T68" fmla="*/ 26 w 72"/>
                <a:gd name="T69" fmla="*/ 102 h 118"/>
                <a:gd name="T70" fmla="*/ 22 w 72"/>
                <a:gd name="T71" fmla="*/ 116 h 118"/>
                <a:gd name="T72" fmla="*/ 12 w 72"/>
                <a:gd name="T73" fmla="*/ 118 h 118"/>
                <a:gd name="T74" fmla="*/ 12 w 72"/>
                <a:gd name="T75" fmla="*/ 104 h 118"/>
                <a:gd name="T76" fmla="*/ 18 w 72"/>
                <a:gd name="T77" fmla="*/ 94 h 118"/>
                <a:gd name="T78" fmla="*/ 24 w 72"/>
                <a:gd name="T79" fmla="*/ 84 h 118"/>
                <a:gd name="T80" fmla="*/ 22 w 72"/>
                <a:gd name="T81" fmla="*/ 74 h 118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0" t="0" r="r" b="b"/>
              <a:pathLst>
                <a:path w="72" h="118">
                  <a:moveTo>
                    <a:pt x="22" y="74"/>
                  </a:moveTo>
                  <a:lnTo>
                    <a:pt x="12" y="78"/>
                  </a:lnTo>
                  <a:lnTo>
                    <a:pt x="4" y="72"/>
                  </a:lnTo>
                  <a:lnTo>
                    <a:pt x="0" y="62"/>
                  </a:lnTo>
                  <a:lnTo>
                    <a:pt x="8" y="58"/>
                  </a:lnTo>
                  <a:lnTo>
                    <a:pt x="20" y="60"/>
                  </a:lnTo>
                  <a:lnTo>
                    <a:pt x="26" y="56"/>
                  </a:lnTo>
                  <a:lnTo>
                    <a:pt x="22" y="50"/>
                  </a:lnTo>
                  <a:lnTo>
                    <a:pt x="18" y="44"/>
                  </a:lnTo>
                  <a:lnTo>
                    <a:pt x="12" y="32"/>
                  </a:lnTo>
                  <a:lnTo>
                    <a:pt x="20" y="26"/>
                  </a:lnTo>
                  <a:lnTo>
                    <a:pt x="28" y="22"/>
                  </a:lnTo>
                  <a:lnTo>
                    <a:pt x="32" y="28"/>
                  </a:lnTo>
                  <a:lnTo>
                    <a:pt x="28" y="36"/>
                  </a:lnTo>
                  <a:lnTo>
                    <a:pt x="38" y="38"/>
                  </a:lnTo>
                  <a:lnTo>
                    <a:pt x="38" y="24"/>
                  </a:lnTo>
                  <a:lnTo>
                    <a:pt x="46" y="12"/>
                  </a:lnTo>
                  <a:lnTo>
                    <a:pt x="54" y="14"/>
                  </a:lnTo>
                  <a:lnTo>
                    <a:pt x="62" y="6"/>
                  </a:lnTo>
                  <a:lnTo>
                    <a:pt x="68" y="0"/>
                  </a:lnTo>
                  <a:lnTo>
                    <a:pt x="72" y="8"/>
                  </a:lnTo>
                  <a:lnTo>
                    <a:pt x="66" y="14"/>
                  </a:lnTo>
                  <a:lnTo>
                    <a:pt x="62" y="20"/>
                  </a:lnTo>
                  <a:lnTo>
                    <a:pt x="64" y="30"/>
                  </a:lnTo>
                  <a:lnTo>
                    <a:pt x="54" y="32"/>
                  </a:lnTo>
                  <a:lnTo>
                    <a:pt x="50" y="22"/>
                  </a:lnTo>
                  <a:lnTo>
                    <a:pt x="46" y="28"/>
                  </a:lnTo>
                  <a:lnTo>
                    <a:pt x="46" y="40"/>
                  </a:lnTo>
                  <a:lnTo>
                    <a:pt x="36" y="46"/>
                  </a:lnTo>
                  <a:lnTo>
                    <a:pt x="38" y="52"/>
                  </a:lnTo>
                  <a:lnTo>
                    <a:pt x="40" y="62"/>
                  </a:lnTo>
                  <a:lnTo>
                    <a:pt x="34" y="72"/>
                  </a:lnTo>
                  <a:lnTo>
                    <a:pt x="32" y="82"/>
                  </a:lnTo>
                  <a:lnTo>
                    <a:pt x="30" y="92"/>
                  </a:lnTo>
                  <a:lnTo>
                    <a:pt x="26" y="102"/>
                  </a:lnTo>
                  <a:lnTo>
                    <a:pt x="22" y="116"/>
                  </a:lnTo>
                  <a:lnTo>
                    <a:pt x="12" y="118"/>
                  </a:lnTo>
                  <a:lnTo>
                    <a:pt x="12" y="104"/>
                  </a:lnTo>
                  <a:lnTo>
                    <a:pt x="18" y="94"/>
                  </a:lnTo>
                  <a:lnTo>
                    <a:pt x="24" y="84"/>
                  </a:lnTo>
                  <a:lnTo>
                    <a:pt x="22" y="74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41" name="Freeform 67"/>
            <p:cNvSpPr>
              <a:spLocks/>
            </p:cNvSpPr>
            <p:nvPr/>
          </p:nvSpPr>
          <p:spPr bwMode="auto">
            <a:xfrm>
              <a:off x="1304" y="2111"/>
              <a:ext cx="48" cy="46"/>
            </a:xfrm>
            <a:custGeom>
              <a:avLst/>
              <a:gdLst>
                <a:gd name="T0" fmla="*/ 22 w 48"/>
                <a:gd name="T1" fmla="*/ 32 h 46"/>
                <a:gd name="T2" fmla="*/ 12 w 48"/>
                <a:gd name="T3" fmla="*/ 30 h 46"/>
                <a:gd name="T4" fmla="*/ 12 w 48"/>
                <a:gd name="T5" fmla="*/ 38 h 46"/>
                <a:gd name="T6" fmla="*/ 8 w 48"/>
                <a:gd name="T7" fmla="*/ 46 h 46"/>
                <a:gd name="T8" fmla="*/ 0 w 48"/>
                <a:gd name="T9" fmla="*/ 38 h 46"/>
                <a:gd name="T10" fmla="*/ 2 w 48"/>
                <a:gd name="T11" fmla="*/ 28 h 46"/>
                <a:gd name="T12" fmla="*/ 8 w 48"/>
                <a:gd name="T13" fmla="*/ 24 h 46"/>
                <a:gd name="T14" fmla="*/ 8 w 48"/>
                <a:gd name="T15" fmla="*/ 10 h 46"/>
                <a:gd name="T16" fmla="*/ 14 w 48"/>
                <a:gd name="T17" fmla="*/ 2 h 46"/>
                <a:gd name="T18" fmla="*/ 24 w 48"/>
                <a:gd name="T19" fmla="*/ 0 h 46"/>
                <a:gd name="T20" fmla="*/ 34 w 48"/>
                <a:gd name="T21" fmla="*/ 0 h 46"/>
                <a:gd name="T22" fmla="*/ 30 w 48"/>
                <a:gd name="T23" fmla="*/ 8 h 46"/>
                <a:gd name="T24" fmla="*/ 30 w 48"/>
                <a:gd name="T25" fmla="*/ 18 h 46"/>
                <a:gd name="T26" fmla="*/ 38 w 48"/>
                <a:gd name="T27" fmla="*/ 24 h 46"/>
                <a:gd name="T28" fmla="*/ 44 w 48"/>
                <a:gd name="T29" fmla="*/ 26 h 46"/>
                <a:gd name="T30" fmla="*/ 48 w 48"/>
                <a:gd name="T31" fmla="*/ 34 h 46"/>
                <a:gd name="T32" fmla="*/ 42 w 48"/>
                <a:gd name="T33" fmla="*/ 40 h 46"/>
                <a:gd name="T34" fmla="*/ 32 w 48"/>
                <a:gd name="T35" fmla="*/ 36 h 46"/>
                <a:gd name="T36" fmla="*/ 28 w 48"/>
                <a:gd name="T37" fmla="*/ 30 h 46"/>
                <a:gd name="T38" fmla="*/ 22 w 48"/>
                <a:gd name="T39" fmla="*/ 32 h 4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0" t="0" r="r" b="b"/>
              <a:pathLst>
                <a:path w="48" h="46">
                  <a:moveTo>
                    <a:pt x="22" y="32"/>
                  </a:moveTo>
                  <a:lnTo>
                    <a:pt x="12" y="30"/>
                  </a:lnTo>
                  <a:lnTo>
                    <a:pt x="12" y="38"/>
                  </a:lnTo>
                  <a:lnTo>
                    <a:pt x="8" y="46"/>
                  </a:lnTo>
                  <a:lnTo>
                    <a:pt x="0" y="38"/>
                  </a:lnTo>
                  <a:lnTo>
                    <a:pt x="2" y="28"/>
                  </a:lnTo>
                  <a:lnTo>
                    <a:pt x="8" y="24"/>
                  </a:lnTo>
                  <a:lnTo>
                    <a:pt x="8" y="10"/>
                  </a:lnTo>
                  <a:lnTo>
                    <a:pt x="14" y="2"/>
                  </a:lnTo>
                  <a:lnTo>
                    <a:pt x="24" y="0"/>
                  </a:lnTo>
                  <a:lnTo>
                    <a:pt x="34" y="0"/>
                  </a:lnTo>
                  <a:lnTo>
                    <a:pt x="30" y="8"/>
                  </a:lnTo>
                  <a:lnTo>
                    <a:pt x="30" y="18"/>
                  </a:lnTo>
                  <a:lnTo>
                    <a:pt x="38" y="24"/>
                  </a:lnTo>
                  <a:lnTo>
                    <a:pt x="44" y="26"/>
                  </a:lnTo>
                  <a:lnTo>
                    <a:pt x="48" y="34"/>
                  </a:lnTo>
                  <a:lnTo>
                    <a:pt x="42" y="40"/>
                  </a:lnTo>
                  <a:lnTo>
                    <a:pt x="32" y="36"/>
                  </a:lnTo>
                  <a:lnTo>
                    <a:pt x="28" y="30"/>
                  </a:lnTo>
                  <a:lnTo>
                    <a:pt x="22" y="32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42" name="Freeform 68"/>
            <p:cNvSpPr>
              <a:spLocks/>
            </p:cNvSpPr>
            <p:nvPr/>
          </p:nvSpPr>
          <p:spPr bwMode="auto">
            <a:xfrm>
              <a:off x="1028" y="2153"/>
              <a:ext cx="84" cy="86"/>
            </a:xfrm>
            <a:custGeom>
              <a:avLst/>
              <a:gdLst>
                <a:gd name="T0" fmla="*/ 16 w 84"/>
                <a:gd name="T1" fmla="*/ 28 h 86"/>
                <a:gd name="T2" fmla="*/ 24 w 84"/>
                <a:gd name="T3" fmla="*/ 28 h 86"/>
                <a:gd name="T4" fmla="*/ 26 w 84"/>
                <a:gd name="T5" fmla="*/ 34 h 86"/>
                <a:gd name="T6" fmla="*/ 34 w 84"/>
                <a:gd name="T7" fmla="*/ 34 h 86"/>
                <a:gd name="T8" fmla="*/ 36 w 84"/>
                <a:gd name="T9" fmla="*/ 26 h 86"/>
                <a:gd name="T10" fmla="*/ 36 w 84"/>
                <a:gd name="T11" fmla="*/ 18 h 86"/>
                <a:gd name="T12" fmla="*/ 50 w 84"/>
                <a:gd name="T13" fmla="*/ 14 h 86"/>
                <a:gd name="T14" fmla="*/ 56 w 84"/>
                <a:gd name="T15" fmla="*/ 10 h 86"/>
                <a:gd name="T16" fmla="*/ 62 w 84"/>
                <a:gd name="T17" fmla="*/ 8 h 86"/>
                <a:gd name="T18" fmla="*/ 72 w 84"/>
                <a:gd name="T19" fmla="*/ 2 h 86"/>
                <a:gd name="T20" fmla="*/ 82 w 84"/>
                <a:gd name="T21" fmla="*/ 0 h 86"/>
                <a:gd name="T22" fmla="*/ 84 w 84"/>
                <a:gd name="T23" fmla="*/ 12 h 86"/>
                <a:gd name="T24" fmla="*/ 78 w 84"/>
                <a:gd name="T25" fmla="*/ 26 h 86"/>
                <a:gd name="T26" fmla="*/ 66 w 84"/>
                <a:gd name="T27" fmla="*/ 30 h 86"/>
                <a:gd name="T28" fmla="*/ 68 w 84"/>
                <a:gd name="T29" fmla="*/ 38 h 86"/>
                <a:gd name="T30" fmla="*/ 58 w 84"/>
                <a:gd name="T31" fmla="*/ 44 h 86"/>
                <a:gd name="T32" fmla="*/ 52 w 84"/>
                <a:gd name="T33" fmla="*/ 48 h 86"/>
                <a:gd name="T34" fmla="*/ 38 w 84"/>
                <a:gd name="T35" fmla="*/ 52 h 86"/>
                <a:gd name="T36" fmla="*/ 32 w 84"/>
                <a:gd name="T37" fmla="*/ 58 h 86"/>
                <a:gd name="T38" fmla="*/ 32 w 84"/>
                <a:gd name="T39" fmla="*/ 70 h 86"/>
                <a:gd name="T40" fmla="*/ 24 w 84"/>
                <a:gd name="T41" fmla="*/ 70 h 86"/>
                <a:gd name="T42" fmla="*/ 22 w 84"/>
                <a:gd name="T43" fmla="*/ 78 h 86"/>
                <a:gd name="T44" fmla="*/ 10 w 84"/>
                <a:gd name="T45" fmla="*/ 86 h 86"/>
                <a:gd name="T46" fmla="*/ 0 w 84"/>
                <a:gd name="T47" fmla="*/ 82 h 86"/>
                <a:gd name="T48" fmla="*/ 0 w 84"/>
                <a:gd name="T49" fmla="*/ 74 h 86"/>
                <a:gd name="T50" fmla="*/ 14 w 84"/>
                <a:gd name="T51" fmla="*/ 70 h 86"/>
                <a:gd name="T52" fmla="*/ 12 w 84"/>
                <a:gd name="T53" fmla="*/ 62 h 86"/>
                <a:gd name="T54" fmla="*/ 6 w 84"/>
                <a:gd name="T55" fmla="*/ 56 h 86"/>
                <a:gd name="T56" fmla="*/ 8 w 84"/>
                <a:gd name="T57" fmla="*/ 50 h 86"/>
                <a:gd name="T58" fmla="*/ 16 w 84"/>
                <a:gd name="T59" fmla="*/ 46 h 86"/>
                <a:gd name="T60" fmla="*/ 12 w 84"/>
                <a:gd name="T61" fmla="*/ 42 h 86"/>
                <a:gd name="T62" fmla="*/ 6 w 84"/>
                <a:gd name="T63" fmla="*/ 34 h 86"/>
                <a:gd name="T64" fmla="*/ 16 w 84"/>
                <a:gd name="T65" fmla="*/ 28 h 8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0" t="0" r="r" b="b"/>
              <a:pathLst>
                <a:path w="84" h="86">
                  <a:moveTo>
                    <a:pt x="16" y="28"/>
                  </a:moveTo>
                  <a:lnTo>
                    <a:pt x="24" y="28"/>
                  </a:lnTo>
                  <a:lnTo>
                    <a:pt x="26" y="34"/>
                  </a:lnTo>
                  <a:lnTo>
                    <a:pt x="34" y="34"/>
                  </a:lnTo>
                  <a:lnTo>
                    <a:pt x="36" y="26"/>
                  </a:lnTo>
                  <a:lnTo>
                    <a:pt x="36" y="18"/>
                  </a:lnTo>
                  <a:lnTo>
                    <a:pt x="50" y="14"/>
                  </a:lnTo>
                  <a:lnTo>
                    <a:pt x="56" y="10"/>
                  </a:lnTo>
                  <a:lnTo>
                    <a:pt x="62" y="8"/>
                  </a:lnTo>
                  <a:lnTo>
                    <a:pt x="72" y="2"/>
                  </a:lnTo>
                  <a:lnTo>
                    <a:pt x="82" y="0"/>
                  </a:lnTo>
                  <a:lnTo>
                    <a:pt x="84" y="12"/>
                  </a:lnTo>
                  <a:lnTo>
                    <a:pt x="78" y="26"/>
                  </a:lnTo>
                  <a:lnTo>
                    <a:pt x="66" y="30"/>
                  </a:lnTo>
                  <a:lnTo>
                    <a:pt x="68" y="38"/>
                  </a:lnTo>
                  <a:lnTo>
                    <a:pt x="58" y="44"/>
                  </a:lnTo>
                  <a:lnTo>
                    <a:pt x="52" y="48"/>
                  </a:lnTo>
                  <a:lnTo>
                    <a:pt x="38" y="52"/>
                  </a:lnTo>
                  <a:lnTo>
                    <a:pt x="32" y="58"/>
                  </a:lnTo>
                  <a:lnTo>
                    <a:pt x="32" y="70"/>
                  </a:lnTo>
                  <a:lnTo>
                    <a:pt x="24" y="70"/>
                  </a:lnTo>
                  <a:lnTo>
                    <a:pt x="22" y="78"/>
                  </a:lnTo>
                  <a:lnTo>
                    <a:pt x="10" y="86"/>
                  </a:lnTo>
                  <a:lnTo>
                    <a:pt x="0" y="82"/>
                  </a:lnTo>
                  <a:lnTo>
                    <a:pt x="0" y="74"/>
                  </a:lnTo>
                  <a:lnTo>
                    <a:pt x="14" y="70"/>
                  </a:lnTo>
                  <a:lnTo>
                    <a:pt x="12" y="62"/>
                  </a:lnTo>
                  <a:lnTo>
                    <a:pt x="6" y="56"/>
                  </a:lnTo>
                  <a:lnTo>
                    <a:pt x="8" y="50"/>
                  </a:lnTo>
                  <a:lnTo>
                    <a:pt x="16" y="46"/>
                  </a:lnTo>
                  <a:lnTo>
                    <a:pt x="12" y="42"/>
                  </a:lnTo>
                  <a:lnTo>
                    <a:pt x="6" y="34"/>
                  </a:lnTo>
                  <a:lnTo>
                    <a:pt x="16" y="28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43" name="Freeform 69"/>
            <p:cNvSpPr>
              <a:spLocks/>
            </p:cNvSpPr>
            <p:nvPr/>
          </p:nvSpPr>
          <p:spPr bwMode="auto">
            <a:xfrm>
              <a:off x="1040" y="2257"/>
              <a:ext cx="48" cy="66"/>
            </a:xfrm>
            <a:custGeom>
              <a:avLst/>
              <a:gdLst>
                <a:gd name="T0" fmla="*/ 0 w 48"/>
                <a:gd name="T1" fmla="*/ 20 h 66"/>
                <a:gd name="T2" fmla="*/ 12 w 48"/>
                <a:gd name="T3" fmla="*/ 22 h 66"/>
                <a:gd name="T4" fmla="*/ 10 w 48"/>
                <a:gd name="T5" fmla="*/ 14 h 66"/>
                <a:gd name="T6" fmla="*/ 12 w 48"/>
                <a:gd name="T7" fmla="*/ 4 h 66"/>
                <a:gd name="T8" fmla="*/ 18 w 48"/>
                <a:gd name="T9" fmla="*/ 8 h 66"/>
                <a:gd name="T10" fmla="*/ 20 w 48"/>
                <a:gd name="T11" fmla="*/ 16 h 66"/>
                <a:gd name="T12" fmla="*/ 26 w 48"/>
                <a:gd name="T13" fmla="*/ 20 h 66"/>
                <a:gd name="T14" fmla="*/ 30 w 48"/>
                <a:gd name="T15" fmla="*/ 12 h 66"/>
                <a:gd name="T16" fmla="*/ 30 w 48"/>
                <a:gd name="T17" fmla="*/ 4 h 66"/>
                <a:gd name="T18" fmla="*/ 38 w 48"/>
                <a:gd name="T19" fmla="*/ 0 h 66"/>
                <a:gd name="T20" fmla="*/ 42 w 48"/>
                <a:gd name="T21" fmla="*/ 6 h 66"/>
                <a:gd name="T22" fmla="*/ 44 w 48"/>
                <a:gd name="T23" fmla="*/ 16 h 66"/>
                <a:gd name="T24" fmla="*/ 46 w 48"/>
                <a:gd name="T25" fmla="*/ 24 h 66"/>
                <a:gd name="T26" fmla="*/ 40 w 48"/>
                <a:gd name="T27" fmla="*/ 32 h 66"/>
                <a:gd name="T28" fmla="*/ 48 w 48"/>
                <a:gd name="T29" fmla="*/ 36 h 66"/>
                <a:gd name="T30" fmla="*/ 44 w 48"/>
                <a:gd name="T31" fmla="*/ 46 h 66"/>
                <a:gd name="T32" fmla="*/ 40 w 48"/>
                <a:gd name="T33" fmla="*/ 50 h 66"/>
                <a:gd name="T34" fmla="*/ 48 w 48"/>
                <a:gd name="T35" fmla="*/ 52 h 66"/>
                <a:gd name="T36" fmla="*/ 48 w 48"/>
                <a:gd name="T37" fmla="*/ 58 h 66"/>
                <a:gd name="T38" fmla="*/ 44 w 48"/>
                <a:gd name="T39" fmla="*/ 64 h 66"/>
                <a:gd name="T40" fmla="*/ 34 w 48"/>
                <a:gd name="T41" fmla="*/ 64 h 66"/>
                <a:gd name="T42" fmla="*/ 30 w 48"/>
                <a:gd name="T43" fmla="*/ 62 h 66"/>
                <a:gd name="T44" fmla="*/ 24 w 48"/>
                <a:gd name="T45" fmla="*/ 66 h 66"/>
                <a:gd name="T46" fmla="*/ 16 w 48"/>
                <a:gd name="T47" fmla="*/ 58 h 66"/>
                <a:gd name="T48" fmla="*/ 16 w 48"/>
                <a:gd name="T49" fmla="*/ 48 h 66"/>
                <a:gd name="T50" fmla="*/ 22 w 48"/>
                <a:gd name="T51" fmla="*/ 40 h 66"/>
                <a:gd name="T52" fmla="*/ 14 w 48"/>
                <a:gd name="T53" fmla="*/ 32 h 66"/>
                <a:gd name="T54" fmla="*/ 10 w 48"/>
                <a:gd name="T55" fmla="*/ 36 h 66"/>
                <a:gd name="T56" fmla="*/ 2 w 48"/>
                <a:gd name="T57" fmla="*/ 30 h 66"/>
                <a:gd name="T58" fmla="*/ 0 w 48"/>
                <a:gd name="T59" fmla="*/ 20 h 6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0" t="0" r="r" b="b"/>
              <a:pathLst>
                <a:path w="48" h="66">
                  <a:moveTo>
                    <a:pt x="0" y="20"/>
                  </a:moveTo>
                  <a:lnTo>
                    <a:pt x="12" y="22"/>
                  </a:lnTo>
                  <a:lnTo>
                    <a:pt x="10" y="14"/>
                  </a:lnTo>
                  <a:lnTo>
                    <a:pt x="12" y="4"/>
                  </a:lnTo>
                  <a:lnTo>
                    <a:pt x="18" y="8"/>
                  </a:lnTo>
                  <a:lnTo>
                    <a:pt x="20" y="16"/>
                  </a:lnTo>
                  <a:lnTo>
                    <a:pt x="26" y="20"/>
                  </a:lnTo>
                  <a:lnTo>
                    <a:pt x="30" y="12"/>
                  </a:lnTo>
                  <a:lnTo>
                    <a:pt x="30" y="4"/>
                  </a:lnTo>
                  <a:lnTo>
                    <a:pt x="38" y="0"/>
                  </a:lnTo>
                  <a:lnTo>
                    <a:pt x="42" y="6"/>
                  </a:lnTo>
                  <a:lnTo>
                    <a:pt x="44" y="16"/>
                  </a:lnTo>
                  <a:lnTo>
                    <a:pt x="46" y="24"/>
                  </a:lnTo>
                  <a:lnTo>
                    <a:pt x="40" y="32"/>
                  </a:lnTo>
                  <a:lnTo>
                    <a:pt x="48" y="36"/>
                  </a:lnTo>
                  <a:lnTo>
                    <a:pt x="44" y="46"/>
                  </a:lnTo>
                  <a:lnTo>
                    <a:pt x="40" y="50"/>
                  </a:lnTo>
                  <a:lnTo>
                    <a:pt x="48" y="52"/>
                  </a:lnTo>
                  <a:lnTo>
                    <a:pt x="48" y="58"/>
                  </a:lnTo>
                  <a:lnTo>
                    <a:pt x="44" y="64"/>
                  </a:lnTo>
                  <a:lnTo>
                    <a:pt x="34" y="64"/>
                  </a:lnTo>
                  <a:lnTo>
                    <a:pt x="30" y="62"/>
                  </a:lnTo>
                  <a:lnTo>
                    <a:pt x="24" y="66"/>
                  </a:lnTo>
                  <a:lnTo>
                    <a:pt x="16" y="58"/>
                  </a:lnTo>
                  <a:lnTo>
                    <a:pt x="16" y="48"/>
                  </a:lnTo>
                  <a:lnTo>
                    <a:pt x="22" y="40"/>
                  </a:lnTo>
                  <a:lnTo>
                    <a:pt x="14" y="32"/>
                  </a:lnTo>
                  <a:lnTo>
                    <a:pt x="10" y="36"/>
                  </a:lnTo>
                  <a:lnTo>
                    <a:pt x="2" y="30"/>
                  </a:lnTo>
                  <a:lnTo>
                    <a:pt x="0" y="2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44" name="Freeform 70"/>
            <p:cNvSpPr>
              <a:spLocks/>
            </p:cNvSpPr>
            <p:nvPr/>
          </p:nvSpPr>
          <p:spPr bwMode="auto">
            <a:xfrm>
              <a:off x="984" y="2281"/>
              <a:ext cx="16" cy="32"/>
            </a:xfrm>
            <a:custGeom>
              <a:avLst/>
              <a:gdLst>
                <a:gd name="T0" fmla="*/ 14 w 16"/>
                <a:gd name="T1" fmla="*/ 14 h 32"/>
                <a:gd name="T2" fmla="*/ 16 w 16"/>
                <a:gd name="T3" fmla="*/ 22 h 32"/>
                <a:gd name="T4" fmla="*/ 8 w 16"/>
                <a:gd name="T5" fmla="*/ 32 h 32"/>
                <a:gd name="T6" fmla="*/ 0 w 16"/>
                <a:gd name="T7" fmla="*/ 24 h 32"/>
                <a:gd name="T8" fmla="*/ 2 w 16"/>
                <a:gd name="T9" fmla="*/ 14 h 32"/>
                <a:gd name="T10" fmla="*/ 6 w 16"/>
                <a:gd name="T11" fmla="*/ 4 h 32"/>
                <a:gd name="T12" fmla="*/ 12 w 16"/>
                <a:gd name="T13" fmla="*/ 0 h 32"/>
                <a:gd name="T14" fmla="*/ 16 w 16"/>
                <a:gd name="T15" fmla="*/ 4 h 32"/>
                <a:gd name="T16" fmla="*/ 14 w 16"/>
                <a:gd name="T17" fmla="*/ 14 h 32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16" h="32">
                  <a:moveTo>
                    <a:pt x="14" y="14"/>
                  </a:moveTo>
                  <a:lnTo>
                    <a:pt x="16" y="22"/>
                  </a:lnTo>
                  <a:lnTo>
                    <a:pt x="8" y="32"/>
                  </a:lnTo>
                  <a:lnTo>
                    <a:pt x="0" y="24"/>
                  </a:lnTo>
                  <a:lnTo>
                    <a:pt x="2" y="14"/>
                  </a:lnTo>
                  <a:lnTo>
                    <a:pt x="6" y="4"/>
                  </a:lnTo>
                  <a:lnTo>
                    <a:pt x="12" y="0"/>
                  </a:lnTo>
                  <a:lnTo>
                    <a:pt x="16" y="4"/>
                  </a:lnTo>
                  <a:lnTo>
                    <a:pt x="14" y="14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45" name="Freeform 71"/>
            <p:cNvSpPr>
              <a:spLocks/>
            </p:cNvSpPr>
            <p:nvPr/>
          </p:nvSpPr>
          <p:spPr bwMode="auto">
            <a:xfrm>
              <a:off x="994" y="2239"/>
              <a:ext cx="28" cy="32"/>
            </a:xfrm>
            <a:custGeom>
              <a:avLst/>
              <a:gdLst>
                <a:gd name="T0" fmla="*/ 10 w 28"/>
                <a:gd name="T1" fmla="*/ 24 h 32"/>
                <a:gd name="T2" fmla="*/ 6 w 28"/>
                <a:gd name="T3" fmla="*/ 16 h 32"/>
                <a:gd name="T4" fmla="*/ 0 w 28"/>
                <a:gd name="T5" fmla="*/ 10 h 32"/>
                <a:gd name="T6" fmla="*/ 6 w 28"/>
                <a:gd name="T7" fmla="*/ 2 h 32"/>
                <a:gd name="T8" fmla="*/ 12 w 28"/>
                <a:gd name="T9" fmla="*/ 0 h 32"/>
                <a:gd name="T10" fmla="*/ 22 w 28"/>
                <a:gd name="T11" fmla="*/ 2 h 32"/>
                <a:gd name="T12" fmla="*/ 28 w 28"/>
                <a:gd name="T13" fmla="*/ 12 h 32"/>
                <a:gd name="T14" fmla="*/ 20 w 28"/>
                <a:gd name="T15" fmla="*/ 18 h 32"/>
                <a:gd name="T16" fmla="*/ 18 w 28"/>
                <a:gd name="T17" fmla="*/ 28 h 32"/>
                <a:gd name="T18" fmla="*/ 12 w 28"/>
                <a:gd name="T19" fmla="*/ 32 h 32"/>
                <a:gd name="T20" fmla="*/ 10 w 28"/>
                <a:gd name="T21" fmla="*/ 24 h 32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28" h="32">
                  <a:moveTo>
                    <a:pt x="10" y="24"/>
                  </a:moveTo>
                  <a:lnTo>
                    <a:pt x="6" y="16"/>
                  </a:lnTo>
                  <a:lnTo>
                    <a:pt x="0" y="10"/>
                  </a:lnTo>
                  <a:lnTo>
                    <a:pt x="6" y="2"/>
                  </a:lnTo>
                  <a:lnTo>
                    <a:pt x="12" y="0"/>
                  </a:lnTo>
                  <a:lnTo>
                    <a:pt x="22" y="2"/>
                  </a:lnTo>
                  <a:lnTo>
                    <a:pt x="28" y="12"/>
                  </a:lnTo>
                  <a:lnTo>
                    <a:pt x="20" y="18"/>
                  </a:lnTo>
                  <a:lnTo>
                    <a:pt x="18" y="28"/>
                  </a:lnTo>
                  <a:lnTo>
                    <a:pt x="12" y="32"/>
                  </a:lnTo>
                  <a:lnTo>
                    <a:pt x="10" y="24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46" name="Freeform 72"/>
            <p:cNvSpPr>
              <a:spLocks/>
            </p:cNvSpPr>
            <p:nvPr/>
          </p:nvSpPr>
          <p:spPr bwMode="auto">
            <a:xfrm>
              <a:off x="1012" y="2457"/>
              <a:ext cx="66" cy="64"/>
            </a:xfrm>
            <a:custGeom>
              <a:avLst/>
              <a:gdLst>
                <a:gd name="T0" fmla="*/ 4 w 66"/>
                <a:gd name="T1" fmla="*/ 30 h 64"/>
                <a:gd name="T2" fmla="*/ 12 w 66"/>
                <a:gd name="T3" fmla="*/ 32 h 64"/>
                <a:gd name="T4" fmla="*/ 20 w 66"/>
                <a:gd name="T5" fmla="*/ 26 h 64"/>
                <a:gd name="T6" fmla="*/ 26 w 66"/>
                <a:gd name="T7" fmla="*/ 22 h 64"/>
                <a:gd name="T8" fmla="*/ 30 w 66"/>
                <a:gd name="T9" fmla="*/ 28 h 64"/>
                <a:gd name="T10" fmla="*/ 38 w 66"/>
                <a:gd name="T11" fmla="*/ 28 h 64"/>
                <a:gd name="T12" fmla="*/ 42 w 66"/>
                <a:gd name="T13" fmla="*/ 20 h 64"/>
                <a:gd name="T14" fmla="*/ 48 w 66"/>
                <a:gd name="T15" fmla="*/ 10 h 64"/>
                <a:gd name="T16" fmla="*/ 56 w 66"/>
                <a:gd name="T17" fmla="*/ 4 h 64"/>
                <a:gd name="T18" fmla="*/ 64 w 66"/>
                <a:gd name="T19" fmla="*/ 0 h 64"/>
                <a:gd name="T20" fmla="*/ 66 w 66"/>
                <a:gd name="T21" fmla="*/ 2 h 64"/>
                <a:gd name="T22" fmla="*/ 62 w 66"/>
                <a:gd name="T23" fmla="*/ 16 h 64"/>
                <a:gd name="T24" fmla="*/ 48 w 66"/>
                <a:gd name="T25" fmla="*/ 22 h 64"/>
                <a:gd name="T26" fmla="*/ 44 w 66"/>
                <a:gd name="T27" fmla="*/ 32 h 64"/>
                <a:gd name="T28" fmla="*/ 44 w 66"/>
                <a:gd name="T29" fmla="*/ 36 h 64"/>
                <a:gd name="T30" fmla="*/ 42 w 66"/>
                <a:gd name="T31" fmla="*/ 40 h 64"/>
                <a:gd name="T32" fmla="*/ 30 w 66"/>
                <a:gd name="T33" fmla="*/ 44 h 64"/>
                <a:gd name="T34" fmla="*/ 28 w 66"/>
                <a:gd name="T35" fmla="*/ 52 h 64"/>
                <a:gd name="T36" fmla="*/ 24 w 66"/>
                <a:gd name="T37" fmla="*/ 58 h 64"/>
                <a:gd name="T38" fmla="*/ 14 w 66"/>
                <a:gd name="T39" fmla="*/ 64 h 64"/>
                <a:gd name="T40" fmla="*/ 6 w 66"/>
                <a:gd name="T41" fmla="*/ 58 h 64"/>
                <a:gd name="T42" fmla="*/ 8 w 66"/>
                <a:gd name="T43" fmla="*/ 48 h 64"/>
                <a:gd name="T44" fmla="*/ 8 w 66"/>
                <a:gd name="T45" fmla="*/ 44 h 64"/>
                <a:gd name="T46" fmla="*/ 0 w 66"/>
                <a:gd name="T47" fmla="*/ 44 h 64"/>
                <a:gd name="T48" fmla="*/ 2 w 66"/>
                <a:gd name="T49" fmla="*/ 36 h 64"/>
                <a:gd name="T50" fmla="*/ 4 w 66"/>
                <a:gd name="T51" fmla="*/ 30 h 64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</a:gdLst>
              <a:ahLst/>
              <a:cxnLst>
                <a:cxn ang="T52">
                  <a:pos x="T0" y="T1"/>
                </a:cxn>
                <a:cxn ang="T53">
                  <a:pos x="T2" y="T3"/>
                </a:cxn>
                <a:cxn ang="T54">
                  <a:pos x="T4" y="T5"/>
                </a:cxn>
                <a:cxn ang="T55">
                  <a:pos x="T6" y="T7"/>
                </a:cxn>
                <a:cxn ang="T56">
                  <a:pos x="T8" y="T9"/>
                </a:cxn>
                <a:cxn ang="T57">
                  <a:pos x="T10" y="T11"/>
                </a:cxn>
                <a:cxn ang="T58">
                  <a:pos x="T12" y="T13"/>
                </a:cxn>
                <a:cxn ang="T59">
                  <a:pos x="T14" y="T15"/>
                </a:cxn>
                <a:cxn ang="T60">
                  <a:pos x="T16" y="T17"/>
                </a:cxn>
                <a:cxn ang="T61">
                  <a:pos x="T18" y="T19"/>
                </a:cxn>
                <a:cxn ang="T62">
                  <a:pos x="T20" y="T21"/>
                </a:cxn>
                <a:cxn ang="T63">
                  <a:pos x="T22" y="T23"/>
                </a:cxn>
                <a:cxn ang="T64">
                  <a:pos x="T24" y="T25"/>
                </a:cxn>
                <a:cxn ang="T65">
                  <a:pos x="T26" y="T27"/>
                </a:cxn>
                <a:cxn ang="T66">
                  <a:pos x="T28" y="T29"/>
                </a:cxn>
                <a:cxn ang="T67">
                  <a:pos x="T30" y="T31"/>
                </a:cxn>
                <a:cxn ang="T68">
                  <a:pos x="T32" y="T33"/>
                </a:cxn>
                <a:cxn ang="T69">
                  <a:pos x="T34" y="T35"/>
                </a:cxn>
                <a:cxn ang="T70">
                  <a:pos x="T36" y="T37"/>
                </a:cxn>
                <a:cxn ang="T71">
                  <a:pos x="T38" y="T39"/>
                </a:cxn>
                <a:cxn ang="T72">
                  <a:pos x="T40" y="T41"/>
                </a:cxn>
                <a:cxn ang="T73">
                  <a:pos x="T42" y="T43"/>
                </a:cxn>
                <a:cxn ang="T74">
                  <a:pos x="T44" y="T45"/>
                </a:cxn>
                <a:cxn ang="T75">
                  <a:pos x="T46" y="T47"/>
                </a:cxn>
                <a:cxn ang="T76">
                  <a:pos x="T48" y="T49"/>
                </a:cxn>
                <a:cxn ang="T77">
                  <a:pos x="T50" y="T51"/>
                </a:cxn>
              </a:cxnLst>
              <a:rect l="0" t="0" r="r" b="b"/>
              <a:pathLst>
                <a:path w="66" h="64">
                  <a:moveTo>
                    <a:pt x="4" y="30"/>
                  </a:moveTo>
                  <a:lnTo>
                    <a:pt x="12" y="32"/>
                  </a:lnTo>
                  <a:lnTo>
                    <a:pt x="20" y="26"/>
                  </a:lnTo>
                  <a:lnTo>
                    <a:pt x="26" y="22"/>
                  </a:lnTo>
                  <a:lnTo>
                    <a:pt x="30" y="28"/>
                  </a:lnTo>
                  <a:lnTo>
                    <a:pt x="38" y="28"/>
                  </a:lnTo>
                  <a:lnTo>
                    <a:pt x="42" y="20"/>
                  </a:lnTo>
                  <a:lnTo>
                    <a:pt x="48" y="10"/>
                  </a:lnTo>
                  <a:lnTo>
                    <a:pt x="56" y="4"/>
                  </a:lnTo>
                  <a:lnTo>
                    <a:pt x="64" y="0"/>
                  </a:lnTo>
                  <a:lnTo>
                    <a:pt x="66" y="2"/>
                  </a:lnTo>
                  <a:lnTo>
                    <a:pt x="62" y="16"/>
                  </a:lnTo>
                  <a:lnTo>
                    <a:pt x="48" y="22"/>
                  </a:lnTo>
                  <a:lnTo>
                    <a:pt x="44" y="32"/>
                  </a:lnTo>
                  <a:lnTo>
                    <a:pt x="44" y="36"/>
                  </a:lnTo>
                  <a:lnTo>
                    <a:pt x="42" y="40"/>
                  </a:lnTo>
                  <a:lnTo>
                    <a:pt x="30" y="44"/>
                  </a:lnTo>
                  <a:lnTo>
                    <a:pt x="28" y="52"/>
                  </a:lnTo>
                  <a:lnTo>
                    <a:pt x="24" y="58"/>
                  </a:lnTo>
                  <a:lnTo>
                    <a:pt x="14" y="64"/>
                  </a:lnTo>
                  <a:lnTo>
                    <a:pt x="6" y="58"/>
                  </a:lnTo>
                  <a:lnTo>
                    <a:pt x="8" y="48"/>
                  </a:lnTo>
                  <a:lnTo>
                    <a:pt x="8" y="44"/>
                  </a:lnTo>
                  <a:lnTo>
                    <a:pt x="0" y="44"/>
                  </a:lnTo>
                  <a:lnTo>
                    <a:pt x="2" y="36"/>
                  </a:lnTo>
                  <a:lnTo>
                    <a:pt x="4" y="3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47" name="Freeform 73"/>
            <p:cNvSpPr>
              <a:spLocks/>
            </p:cNvSpPr>
            <p:nvPr/>
          </p:nvSpPr>
          <p:spPr bwMode="auto">
            <a:xfrm>
              <a:off x="1084" y="2521"/>
              <a:ext cx="18" cy="36"/>
            </a:xfrm>
            <a:custGeom>
              <a:avLst/>
              <a:gdLst>
                <a:gd name="T0" fmla="*/ 8 w 18"/>
                <a:gd name="T1" fmla="*/ 0 h 36"/>
                <a:gd name="T2" fmla="*/ 18 w 18"/>
                <a:gd name="T3" fmla="*/ 4 h 36"/>
                <a:gd name="T4" fmla="*/ 18 w 18"/>
                <a:gd name="T5" fmla="*/ 12 h 36"/>
                <a:gd name="T6" fmla="*/ 16 w 18"/>
                <a:gd name="T7" fmla="*/ 22 h 36"/>
                <a:gd name="T8" fmla="*/ 18 w 18"/>
                <a:gd name="T9" fmla="*/ 34 h 36"/>
                <a:gd name="T10" fmla="*/ 8 w 18"/>
                <a:gd name="T11" fmla="*/ 36 h 36"/>
                <a:gd name="T12" fmla="*/ 0 w 18"/>
                <a:gd name="T13" fmla="*/ 22 h 36"/>
                <a:gd name="T14" fmla="*/ 2 w 18"/>
                <a:gd name="T15" fmla="*/ 12 h 36"/>
                <a:gd name="T16" fmla="*/ 2 w 18"/>
                <a:gd name="T17" fmla="*/ 6 h 36"/>
                <a:gd name="T18" fmla="*/ 8 w 18"/>
                <a:gd name="T19" fmla="*/ 0 h 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0" t="0" r="r" b="b"/>
              <a:pathLst>
                <a:path w="18" h="36">
                  <a:moveTo>
                    <a:pt x="8" y="0"/>
                  </a:moveTo>
                  <a:lnTo>
                    <a:pt x="18" y="4"/>
                  </a:lnTo>
                  <a:lnTo>
                    <a:pt x="18" y="12"/>
                  </a:lnTo>
                  <a:lnTo>
                    <a:pt x="16" y="22"/>
                  </a:lnTo>
                  <a:lnTo>
                    <a:pt x="18" y="34"/>
                  </a:lnTo>
                  <a:lnTo>
                    <a:pt x="8" y="36"/>
                  </a:lnTo>
                  <a:lnTo>
                    <a:pt x="0" y="22"/>
                  </a:lnTo>
                  <a:lnTo>
                    <a:pt x="2" y="12"/>
                  </a:lnTo>
                  <a:lnTo>
                    <a:pt x="2" y="6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48" name="Freeform 74"/>
            <p:cNvSpPr>
              <a:spLocks/>
            </p:cNvSpPr>
            <p:nvPr/>
          </p:nvSpPr>
          <p:spPr bwMode="auto">
            <a:xfrm>
              <a:off x="1088" y="2699"/>
              <a:ext cx="40" cy="38"/>
            </a:xfrm>
            <a:custGeom>
              <a:avLst/>
              <a:gdLst>
                <a:gd name="T0" fmla="*/ 34 w 40"/>
                <a:gd name="T1" fmla="*/ 0 h 38"/>
                <a:gd name="T2" fmla="*/ 38 w 40"/>
                <a:gd name="T3" fmla="*/ 6 h 38"/>
                <a:gd name="T4" fmla="*/ 40 w 40"/>
                <a:gd name="T5" fmla="*/ 16 h 38"/>
                <a:gd name="T6" fmla="*/ 38 w 40"/>
                <a:gd name="T7" fmla="*/ 20 h 38"/>
                <a:gd name="T8" fmla="*/ 34 w 40"/>
                <a:gd name="T9" fmla="*/ 24 h 38"/>
                <a:gd name="T10" fmla="*/ 26 w 40"/>
                <a:gd name="T11" fmla="*/ 32 h 38"/>
                <a:gd name="T12" fmla="*/ 24 w 40"/>
                <a:gd name="T13" fmla="*/ 36 h 38"/>
                <a:gd name="T14" fmla="*/ 14 w 40"/>
                <a:gd name="T15" fmla="*/ 38 h 38"/>
                <a:gd name="T16" fmla="*/ 0 w 40"/>
                <a:gd name="T17" fmla="*/ 38 h 38"/>
                <a:gd name="T18" fmla="*/ 6 w 40"/>
                <a:gd name="T19" fmla="*/ 24 h 38"/>
                <a:gd name="T20" fmla="*/ 18 w 40"/>
                <a:gd name="T21" fmla="*/ 10 h 38"/>
                <a:gd name="T22" fmla="*/ 24 w 40"/>
                <a:gd name="T23" fmla="*/ 4 h 38"/>
                <a:gd name="T24" fmla="*/ 34 w 40"/>
                <a:gd name="T25" fmla="*/ 0 h 38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0" t="0" r="r" b="b"/>
              <a:pathLst>
                <a:path w="40" h="38">
                  <a:moveTo>
                    <a:pt x="34" y="0"/>
                  </a:moveTo>
                  <a:lnTo>
                    <a:pt x="38" y="6"/>
                  </a:lnTo>
                  <a:lnTo>
                    <a:pt x="40" y="16"/>
                  </a:lnTo>
                  <a:lnTo>
                    <a:pt x="38" y="20"/>
                  </a:lnTo>
                  <a:lnTo>
                    <a:pt x="34" y="24"/>
                  </a:lnTo>
                  <a:lnTo>
                    <a:pt x="26" y="32"/>
                  </a:lnTo>
                  <a:lnTo>
                    <a:pt x="24" y="36"/>
                  </a:lnTo>
                  <a:lnTo>
                    <a:pt x="14" y="38"/>
                  </a:lnTo>
                  <a:lnTo>
                    <a:pt x="0" y="38"/>
                  </a:lnTo>
                  <a:lnTo>
                    <a:pt x="6" y="24"/>
                  </a:lnTo>
                  <a:lnTo>
                    <a:pt x="18" y="10"/>
                  </a:lnTo>
                  <a:lnTo>
                    <a:pt x="24" y="4"/>
                  </a:lnTo>
                  <a:lnTo>
                    <a:pt x="34" y="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49" name="Freeform 75"/>
            <p:cNvSpPr>
              <a:spLocks/>
            </p:cNvSpPr>
            <p:nvPr/>
          </p:nvSpPr>
          <p:spPr bwMode="auto">
            <a:xfrm>
              <a:off x="1270" y="3206"/>
              <a:ext cx="32" cy="24"/>
            </a:xfrm>
            <a:custGeom>
              <a:avLst/>
              <a:gdLst>
                <a:gd name="T0" fmla="*/ 0 w 32"/>
                <a:gd name="T1" fmla="*/ 10 h 24"/>
                <a:gd name="T2" fmla="*/ 8 w 32"/>
                <a:gd name="T3" fmla="*/ 4 h 24"/>
                <a:gd name="T4" fmla="*/ 14 w 32"/>
                <a:gd name="T5" fmla="*/ 0 h 24"/>
                <a:gd name="T6" fmla="*/ 22 w 32"/>
                <a:gd name="T7" fmla="*/ 2 h 24"/>
                <a:gd name="T8" fmla="*/ 30 w 32"/>
                <a:gd name="T9" fmla="*/ 8 h 24"/>
                <a:gd name="T10" fmla="*/ 32 w 32"/>
                <a:gd name="T11" fmla="*/ 14 h 24"/>
                <a:gd name="T12" fmla="*/ 24 w 32"/>
                <a:gd name="T13" fmla="*/ 20 h 24"/>
                <a:gd name="T14" fmla="*/ 20 w 32"/>
                <a:gd name="T15" fmla="*/ 24 h 24"/>
                <a:gd name="T16" fmla="*/ 10 w 32"/>
                <a:gd name="T17" fmla="*/ 24 h 24"/>
                <a:gd name="T18" fmla="*/ 2 w 32"/>
                <a:gd name="T19" fmla="*/ 16 h 24"/>
                <a:gd name="T20" fmla="*/ 0 w 32"/>
                <a:gd name="T21" fmla="*/ 10 h 24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32" h="24">
                  <a:moveTo>
                    <a:pt x="0" y="10"/>
                  </a:moveTo>
                  <a:lnTo>
                    <a:pt x="8" y="4"/>
                  </a:lnTo>
                  <a:lnTo>
                    <a:pt x="14" y="0"/>
                  </a:lnTo>
                  <a:lnTo>
                    <a:pt x="22" y="2"/>
                  </a:lnTo>
                  <a:lnTo>
                    <a:pt x="30" y="8"/>
                  </a:lnTo>
                  <a:lnTo>
                    <a:pt x="32" y="14"/>
                  </a:lnTo>
                  <a:lnTo>
                    <a:pt x="24" y="20"/>
                  </a:lnTo>
                  <a:lnTo>
                    <a:pt x="20" y="24"/>
                  </a:lnTo>
                  <a:lnTo>
                    <a:pt x="10" y="24"/>
                  </a:lnTo>
                  <a:lnTo>
                    <a:pt x="2" y="16"/>
                  </a:lnTo>
                  <a:lnTo>
                    <a:pt x="0" y="1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50" name="Freeform 76"/>
            <p:cNvSpPr>
              <a:spLocks/>
            </p:cNvSpPr>
            <p:nvPr/>
          </p:nvSpPr>
          <p:spPr bwMode="auto">
            <a:xfrm>
              <a:off x="908" y="2153"/>
              <a:ext cx="654" cy="1093"/>
            </a:xfrm>
            <a:custGeom>
              <a:avLst/>
              <a:gdLst>
                <a:gd name="T0" fmla="*/ 202 w 654"/>
                <a:gd name="T1" fmla="*/ 1041 h 1093"/>
                <a:gd name="T2" fmla="*/ 170 w 654"/>
                <a:gd name="T3" fmla="*/ 1091 h 1093"/>
                <a:gd name="T4" fmla="*/ 122 w 654"/>
                <a:gd name="T5" fmla="*/ 1065 h 1093"/>
                <a:gd name="T6" fmla="*/ 52 w 654"/>
                <a:gd name="T7" fmla="*/ 1081 h 1093"/>
                <a:gd name="T8" fmla="*/ 10 w 654"/>
                <a:gd name="T9" fmla="*/ 1081 h 1093"/>
                <a:gd name="T10" fmla="*/ 22 w 654"/>
                <a:gd name="T11" fmla="*/ 1061 h 1093"/>
                <a:gd name="T12" fmla="*/ 84 w 654"/>
                <a:gd name="T13" fmla="*/ 1023 h 1093"/>
                <a:gd name="T14" fmla="*/ 148 w 654"/>
                <a:gd name="T15" fmla="*/ 971 h 1093"/>
                <a:gd name="T16" fmla="*/ 220 w 654"/>
                <a:gd name="T17" fmla="*/ 971 h 1093"/>
                <a:gd name="T18" fmla="*/ 294 w 654"/>
                <a:gd name="T19" fmla="*/ 923 h 1093"/>
                <a:gd name="T20" fmla="*/ 224 w 654"/>
                <a:gd name="T21" fmla="*/ 947 h 1093"/>
                <a:gd name="T22" fmla="*/ 170 w 654"/>
                <a:gd name="T23" fmla="*/ 917 h 1093"/>
                <a:gd name="T24" fmla="*/ 154 w 654"/>
                <a:gd name="T25" fmla="*/ 883 h 1093"/>
                <a:gd name="T26" fmla="*/ 88 w 654"/>
                <a:gd name="T27" fmla="*/ 881 h 1093"/>
                <a:gd name="T28" fmla="*/ 126 w 654"/>
                <a:gd name="T29" fmla="*/ 843 h 1093"/>
                <a:gd name="T30" fmla="*/ 196 w 654"/>
                <a:gd name="T31" fmla="*/ 769 h 1093"/>
                <a:gd name="T32" fmla="*/ 152 w 654"/>
                <a:gd name="T33" fmla="*/ 749 h 1093"/>
                <a:gd name="T34" fmla="*/ 176 w 654"/>
                <a:gd name="T35" fmla="*/ 686 h 1093"/>
                <a:gd name="T36" fmla="*/ 232 w 654"/>
                <a:gd name="T37" fmla="*/ 692 h 1093"/>
                <a:gd name="T38" fmla="*/ 286 w 654"/>
                <a:gd name="T39" fmla="*/ 694 h 1093"/>
                <a:gd name="T40" fmla="*/ 310 w 654"/>
                <a:gd name="T41" fmla="*/ 628 h 1093"/>
                <a:gd name="T42" fmla="*/ 308 w 654"/>
                <a:gd name="T43" fmla="*/ 606 h 1093"/>
                <a:gd name="T44" fmla="*/ 282 w 654"/>
                <a:gd name="T45" fmla="*/ 536 h 1093"/>
                <a:gd name="T46" fmla="*/ 298 w 654"/>
                <a:gd name="T47" fmla="*/ 486 h 1093"/>
                <a:gd name="T48" fmla="*/ 234 w 654"/>
                <a:gd name="T49" fmla="*/ 488 h 1093"/>
                <a:gd name="T50" fmla="*/ 192 w 654"/>
                <a:gd name="T51" fmla="*/ 482 h 1093"/>
                <a:gd name="T52" fmla="*/ 178 w 654"/>
                <a:gd name="T53" fmla="*/ 458 h 1093"/>
                <a:gd name="T54" fmla="*/ 226 w 654"/>
                <a:gd name="T55" fmla="*/ 390 h 1093"/>
                <a:gd name="T56" fmla="*/ 222 w 654"/>
                <a:gd name="T57" fmla="*/ 334 h 1093"/>
                <a:gd name="T58" fmla="*/ 188 w 654"/>
                <a:gd name="T59" fmla="*/ 350 h 1093"/>
                <a:gd name="T60" fmla="*/ 156 w 654"/>
                <a:gd name="T61" fmla="*/ 412 h 1093"/>
                <a:gd name="T62" fmla="*/ 164 w 654"/>
                <a:gd name="T63" fmla="*/ 346 h 1093"/>
                <a:gd name="T64" fmla="*/ 194 w 654"/>
                <a:gd name="T65" fmla="*/ 272 h 1093"/>
                <a:gd name="T66" fmla="*/ 186 w 654"/>
                <a:gd name="T67" fmla="*/ 260 h 1093"/>
                <a:gd name="T68" fmla="*/ 130 w 654"/>
                <a:gd name="T69" fmla="*/ 274 h 1093"/>
                <a:gd name="T70" fmla="*/ 152 w 654"/>
                <a:gd name="T71" fmla="*/ 230 h 1093"/>
                <a:gd name="T72" fmla="*/ 184 w 654"/>
                <a:gd name="T73" fmla="*/ 196 h 1093"/>
                <a:gd name="T74" fmla="*/ 210 w 654"/>
                <a:gd name="T75" fmla="*/ 166 h 1093"/>
                <a:gd name="T76" fmla="*/ 206 w 654"/>
                <a:gd name="T77" fmla="*/ 108 h 1093"/>
                <a:gd name="T78" fmla="*/ 240 w 654"/>
                <a:gd name="T79" fmla="*/ 70 h 1093"/>
                <a:gd name="T80" fmla="*/ 286 w 654"/>
                <a:gd name="T81" fmla="*/ 0 h 1093"/>
                <a:gd name="T82" fmla="*/ 358 w 654"/>
                <a:gd name="T83" fmla="*/ 22 h 1093"/>
                <a:gd name="T84" fmla="*/ 408 w 654"/>
                <a:gd name="T85" fmla="*/ 52 h 1093"/>
                <a:gd name="T86" fmla="*/ 332 w 654"/>
                <a:gd name="T87" fmla="*/ 112 h 1093"/>
                <a:gd name="T88" fmla="*/ 360 w 654"/>
                <a:gd name="T89" fmla="*/ 142 h 1093"/>
                <a:gd name="T90" fmla="*/ 476 w 654"/>
                <a:gd name="T91" fmla="*/ 170 h 1093"/>
                <a:gd name="T92" fmla="*/ 430 w 654"/>
                <a:gd name="T93" fmla="*/ 264 h 1093"/>
                <a:gd name="T94" fmla="*/ 350 w 654"/>
                <a:gd name="T95" fmla="*/ 310 h 1093"/>
                <a:gd name="T96" fmla="*/ 360 w 654"/>
                <a:gd name="T97" fmla="*/ 340 h 1093"/>
                <a:gd name="T98" fmla="*/ 336 w 654"/>
                <a:gd name="T99" fmla="*/ 360 h 1093"/>
                <a:gd name="T100" fmla="*/ 412 w 654"/>
                <a:gd name="T101" fmla="*/ 378 h 1093"/>
                <a:gd name="T102" fmla="*/ 458 w 654"/>
                <a:gd name="T103" fmla="*/ 458 h 1093"/>
                <a:gd name="T104" fmla="*/ 492 w 654"/>
                <a:gd name="T105" fmla="*/ 576 h 1093"/>
                <a:gd name="T106" fmla="*/ 532 w 654"/>
                <a:gd name="T107" fmla="*/ 674 h 1093"/>
                <a:gd name="T108" fmla="*/ 554 w 654"/>
                <a:gd name="T109" fmla="*/ 765 h 1093"/>
                <a:gd name="T110" fmla="*/ 570 w 654"/>
                <a:gd name="T111" fmla="*/ 793 h 1093"/>
                <a:gd name="T112" fmla="*/ 640 w 654"/>
                <a:gd name="T113" fmla="*/ 901 h 1093"/>
                <a:gd name="T114" fmla="*/ 594 w 654"/>
                <a:gd name="T115" fmla="*/ 951 h 1093"/>
                <a:gd name="T116" fmla="*/ 546 w 654"/>
                <a:gd name="T117" fmla="*/ 975 h 1093"/>
                <a:gd name="T118" fmla="*/ 604 w 654"/>
                <a:gd name="T119" fmla="*/ 1015 h 1093"/>
                <a:gd name="T120" fmla="*/ 512 w 654"/>
                <a:gd name="T121" fmla="*/ 1069 h 1093"/>
                <a:gd name="T122" fmla="*/ 412 w 654"/>
                <a:gd name="T123" fmla="*/ 1057 h 1093"/>
                <a:gd name="T124" fmla="*/ 318 w 654"/>
                <a:gd name="T125" fmla="*/ 1051 h 1093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0" t="0" r="r" b="b"/>
              <a:pathLst>
                <a:path w="654" h="1093">
                  <a:moveTo>
                    <a:pt x="276" y="1057"/>
                  </a:moveTo>
                  <a:lnTo>
                    <a:pt x="264" y="1045"/>
                  </a:lnTo>
                  <a:lnTo>
                    <a:pt x="252" y="1037"/>
                  </a:lnTo>
                  <a:lnTo>
                    <a:pt x="234" y="1037"/>
                  </a:lnTo>
                  <a:lnTo>
                    <a:pt x="222" y="1037"/>
                  </a:lnTo>
                  <a:lnTo>
                    <a:pt x="214" y="1045"/>
                  </a:lnTo>
                  <a:lnTo>
                    <a:pt x="202" y="1041"/>
                  </a:lnTo>
                  <a:lnTo>
                    <a:pt x="196" y="1049"/>
                  </a:lnTo>
                  <a:lnTo>
                    <a:pt x="190" y="1061"/>
                  </a:lnTo>
                  <a:lnTo>
                    <a:pt x="188" y="1075"/>
                  </a:lnTo>
                  <a:lnTo>
                    <a:pt x="180" y="1069"/>
                  </a:lnTo>
                  <a:lnTo>
                    <a:pt x="180" y="1077"/>
                  </a:lnTo>
                  <a:lnTo>
                    <a:pt x="174" y="1085"/>
                  </a:lnTo>
                  <a:lnTo>
                    <a:pt x="170" y="1091"/>
                  </a:lnTo>
                  <a:lnTo>
                    <a:pt x="158" y="1083"/>
                  </a:lnTo>
                  <a:lnTo>
                    <a:pt x="148" y="1075"/>
                  </a:lnTo>
                  <a:lnTo>
                    <a:pt x="142" y="1067"/>
                  </a:lnTo>
                  <a:lnTo>
                    <a:pt x="138" y="1059"/>
                  </a:lnTo>
                  <a:lnTo>
                    <a:pt x="132" y="1053"/>
                  </a:lnTo>
                  <a:lnTo>
                    <a:pt x="132" y="1065"/>
                  </a:lnTo>
                  <a:lnTo>
                    <a:pt x="122" y="1065"/>
                  </a:lnTo>
                  <a:lnTo>
                    <a:pt x="108" y="1063"/>
                  </a:lnTo>
                  <a:lnTo>
                    <a:pt x="96" y="1061"/>
                  </a:lnTo>
                  <a:lnTo>
                    <a:pt x="88" y="1061"/>
                  </a:lnTo>
                  <a:lnTo>
                    <a:pt x="80" y="1071"/>
                  </a:lnTo>
                  <a:lnTo>
                    <a:pt x="68" y="1073"/>
                  </a:lnTo>
                  <a:lnTo>
                    <a:pt x="60" y="1073"/>
                  </a:lnTo>
                  <a:lnTo>
                    <a:pt x="52" y="1081"/>
                  </a:lnTo>
                  <a:lnTo>
                    <a:pt x="50" y="1089"/>
                  </a:lnTo>
                  <a:lnTo>
                    <a:pt x="42" y="1093"/>
                  </a:lnTo>
                  <a:lnTo>
                    <a:pt x="34" y="1081"/>
                  </a:lnTo>
                  <a:lnTo>
                    <a:pt x="30" y="1077"/>
                  </a:lnTo>
                  <a:lnTo>
                    <a:pt x="22" y="1073"/>
                  </a:lnTo>
                  <a:lnTo>
                    <a:pt x="16" y="1077"/>
                  </a:lnTo>
                  <a:lnTo>
                    <a:pt x="10" y="1081"/>
                  </a:lnTo>
                  <a:lnTo>
                    <a:pt x="0" y="1079"/>
                  </a:lnTo>
                  <a:lnTo>
                    <a:pt x="0" y="1069"/>
                  </a:lnTo>
                  <a:lnTo>
                    <a:pt x="2" y="1065"/>
                  </a:lnTo>
                  <a:lnTo>
                    <a:pt x="6" y="1063"/>
                  </a:lnTo>
                  <a:lnTo>
                    <a:pt x="10" y="1061"/>
                  </a:lnTo>
                  <a:lnTo>
                    <a:pt x="16" y="1061"/>
                  </a:lnTo>
                  <a:lnTo>
                    <a:pt x="22" y="1061"/>
                  </a:lnTo>
                  <a:lnTo>
                    <a:pt x="30" y="1061"/>
                  </a:lnTo>
                  <a:lnTo>
                    <a:pt x="36" y="1061"/>
                  </a:lnTo>
                  <a:lnTo>
                    <a:pt x="48" y="1055"/>
                  </a:lnTo>
                  <a:lnTo>
                    <a:pt x="60" y="1045"/>
                  </a:lnTo>
                  <a:lnTo>
                    <a:pt x="70" y="1035"/>
                  </a:lnTo>
                  <a:lnTo>
                    <a:pt x="74" y="1027"/>
                  </a:lnTo>
                  <a:lnTo>
                    <a:pt x="84" y="1023"/>
                  </a:lnTo>
                  <a:lnTo>
                    <a:pt x="98" y="1017"/>
                  </a:lnTo>
                  <a:lnTo>
                    <a:pt x="116" y="1003"/>
                  </a:lnTo>
                  <a:lnTo>
                    <a:pt x="116" y="989"/>
                  </a:lnTo>
                  <a:lnTo>
                    <a:pt x="122" y="979"/>
                  </a:lnTo>
                  <a:lnTo>
                    <a:pt x="132" y="979"/>
                  </a:lnTo>
                  <a:lnTo>
                    <a:pt x="142" y="981"/>
                  </a:lnTo>
                  <a:lnTo>
                    <a:pt x="148" y="971"/>
                  </a:lnTo>
                  <a:lnTo>
                    <a:pt x="152" y="959"/>
                  </a:lnTo>
                  <a:lnTo>
                    <a:pt x="166" y="957"/>
                  </a:lnTo>
                  <a:lnTo>
                    <a:pt x="176" y="957"/>
                  </a:lnTo>
                  <a:lnTo>
                    <a:pt x="184" y="957"/>
                  </a:lnTo>
                  <a:lnTo>
                    <a:pt x="196" y="959"/>
                  </a:lnTo>
                  <a:lnTo>
                    <a:pt x="210" y="969"/>
                  </a:lnTo>
                  <a:lnTo>
                    <a:pt x="220" y="971"/>
                  </a:lnTo>
                  <a:lnTo>
                    <a:pt x="236" y="971"/>
                  </a:lnTo>
                  <a:lnTo>
                    <a:pt x="250" y="969"/>
                  </a:lnTo>
                  <a:lnTo>
                    <a:pt x="256" y="957"/>
                  </a:lnTo>
                  <a:lnTo>
                    <a:pt x="264" y="949"/>
                  </a:lnTo>
                  <a:lnTo>
                    <a:pt x="274" y="943"/>
                  </a:lnTo>
                  <a:lnTo>
                    <a:pt x="286" y="937"/>
                  </a:lnTo>
                  <a:lnTo>
                    <a:pt x="294" y="923"/>
                  </a:lnTo>
                  <a:lnTo>
                    <a:pt x="288" y="925"/>
                  </a:lnTo>
                  <a:lnTo>
                    <a:pt x="280" y="931"/>
                  </a:lnTo>
                  <a:lnTo>
                    <a:pt x="264" y="929"/>
                  </a:lnTo>
                  <a:lnTo>
                    <a:pt x="262" y="927"/>
                  </a:lnTo>
                  <a:lnTo>
                    <a:pt x="248" y="935"/>
                  </a:lnTo>
                  <a:lnTo>
                    <a:pt x="242" y="945"/>
                  </a:lnTo>
                  <a:lnTo>
                    <a:pt x="224" y="947"/>
                  </a:lnTo>
                  <a:lnTo>
                    <a:pt x="214" y="941"/>
                  </a:lnTo>
                  <a:lnTo>
                    <a:pt x="202" y="931"/>
                  </a:lnTo>
                  <a:lnTo>
                    <a:pt x="196" y="919"/>
                  </a:lnTo>
                  <a:lnTo>
                    <a:pt x="190" y="911"/>
                  </a:lnTo>
                  <a:lnTo>
                    <a:pt x="184" y="909"/>
                  </a:lnTo>
                  <a:lnTo>
                    <a:pt x="176" y="911"/>
                  </a:lnTo>
                  <a:lnTo>
                    <a:pt x="170" y="917"/>
                  </a:lnTo>
                  <a:lnTo>
                    <a:pt x="154" y="915"/>
                  </a:lnTo>
                  <a:lnTo>
                    <a:pt x="156" y="907"/>
                  </a:lnTo>
                  <a:lnTo>
                    <a:pt x="170" y="903"/>
                  </a:lnTo>
                  <a:lnTo>
                    <a:pt x="174" y="895"/>
                  </a:lnTo>
                  <a:lnTo>
                    <a:pt x="160" y="895"/>
                  </a:lnTo>
                  <a:lnTo>
                    <a:pt x="154" y="891"/>
                  </a:lnTo>
                  <a:lnTo>
                    <a:pt x="154" y="883"/>
                  </a:lnTo>
                  <a:lnTo>
                    <a:pt x="146" y="883"/>
                  </a:lnTo>
                  <a:lnTo>
                    <a:pt x="138" y="885"/>
                  </a:lnTo>
                  <a:lnTo>
                    <a:pt x="122" y="887"/>
                  </a:lnTo>
                  <a:lnTo>
                    <a:pt x="116" y="893"/>
                  </a:lnTo>
                  <a:lnTo>
                    <a:pt x="96" y="891"/>
                  </a:lnTo>
                  <a:lnTo>
                    <a:pt x="94" y="883"/>
                  </a:lnTo>
                  <a:lnTo>
                    <a:pt x="88" y="881"/>
                  </a:lnTo>
                  <a:lnTo>
                    <a:pt x="86" y="875"/>
                  </a:lnTo>
                  <a:lnTo>
                    <a:pt x="94" y="869"/>
                  </a:lnTo>
                  <a:lnTo>
                    <a:pt x="96" y="861"/>
                  </a:lnTo>
                  <a:lnTo>
                    <a:pt x="88" y="853"/>
                  </a:lnTo>
                  <a:lnTo>
                    <a:pt x="92" y="845"/>
                  </a:lnTo>
                  <a:lnTo>
                    <a:pt x="106" y="839"/>
                  </a:lnTo>
                  <a:lnTo>
                    <a:pt x="126" y="843"/>
                  </a:lnTo>
                  <a:lnTo>
                    <a:pt x="134" y="833"/>
                  </a:lnTo>
                  <a:lnTo>
                    <a:pt x="154" y="831"/>
                  </a:lnTo>
                  <a:lnTo>
                    <a:pt x="170" y="827"/>
                  </a:lnTo>
                  <a:lnTo>
                    <a:pt x="186" y="815"/>
                  </a:lnTo>
                  <a:lnTo>
                    <a:pt x="194" y="795"/>
                  </a:lnTo>
                  <a:lnTo>
                    <a:pt x="198" y="781"/>
                  </a:lnTo>
                  <a:lnTo>
                    <a:pt x="196" y="769"/>
                  </a:lnTo>
                  <a:lnTo>
                    <a:pt x="198" y="755"/>
                  </a:lnTo>
                  <a:lnTo>
                    <a:pt x="200" y="745"/>
                  </a:lnTo>
                  <a:lnTo>
                    <a:pt x="194" y="739"/>
                  </a:lnTo>
                  <a:lnTo>
                    <a:pt x="184" y="739"/>
                  </a:lnTo>
                  <a:lnTo>
                    <a:pt x="176" y="747"/>
                  </a:lnTo>
                  <a:lnTo>
                    <a:pt x="164" y="751"/>
                  </a:lnTo>
                  <a:lnTo>
                    <a:pt x="152" y="749"/>
                  </a:lnTo>
                  <a:lnTo>
                    <a:pt x="154" y="741"/>
                  </a:lnTo>
                  <a:lnTo>
                    <a:pt x="166" y="735"/>
                  </a:lnTo>
                  <a:lnTo>
                    <a:pt x="180" y="724"/>
                  </a:lnTo>
                  <a:lnTo>
                    <a:pt x="190" y="714"/>
                  </a:lnTo>
                  <a:lnTo>
                    <a:pt x="188" y="704"/>
                  </a:lnTo>
                  <a:lnTo>
                    <a:pt x="180" y="696"/>
                  </a:lnTo>
                  <a:lnTo>
                    <a:pt x="176" y="686"/>
                  </a:lnTo>
                  <a:lnTo>
                    <a:pt x="180" y="674"/>
                  </a:lnTo>
                  <a:lnTo>
                    <a:pt x="194" y="670"/>
                  </a:lnTo>
                  <a:lnTo>
                    <a:pt x="200" y="676"/>
                  </a:lnTo>
                  <a:lnTo>
                    <a:pt x="212" y="692"/>
                  </a:lnTo>
                  <a:lnTo>
                    <a:pt x="216" y="698"/>
                  </a:lnTo>
                  <a:lnTo>
                    <a:pt x="226" y="700"/>
                  </a:lnTo>
                  <a:lnTo>
                    <a:pt x="232" y="692"/>
                  </a:lnTo>
                  <a:lnTo>
                    <a:pt x="240" y="698"/>
                  </a:lnTo>
                  <a:lnTo>
                    <a:pt x="256" y="698"/>
                  </a:lnTo>
                  <a:lnTo>
                    <a:pt x="264" y="696"/>
                  </a:lnTo>
                  <a:lnTo>
                    <a:pt x="274" y="698"/>
                  </a:lnTo>
                  <a:lnTo>
                    <a:pt x="280" y="710"/>
                  </a:lnTo>
                  <a:lnTo>
                    <a:pt x="288" y="708"/>
                  </a:lnTo>
                  <a:lnTo>
                    <a:pt x="286" y="694"/>
                  </a:lnTo>
                  <a:lnTo>
                    <a:pt x="296" y="688"/>
                  </a:lnTo>
                  <a:lnTo>
                    <a:pt x="298" y="678"/>
                  </a:lnTo>
                  <a:lnTo>
                    <a:pt x="296" y="670"/>
                  </a:lnTo>
                  <a:lnTo>
                    <a:pt x="308" y="654"/>
                  </a:lnTo>
                  <a:lnTo>
                    <a:pt x="302" y="646"/>
                  </a:lnTo>
                  <a:lnTo>
                    <a:pt x="304" y="632"/>
                  </a:lnTo>
                  <a:lnTo>
                    <a:pt x="310" y="628"/>
                  </a:lnTo>
                  <a:lnTo>
                    <a:pt x="322" y="626"/>
                  </a:lnTo>
                  <a:lnTo>
                    <a:pt x="322" y="612"/>
                  </a:lnTo>
                  <a:lnTo>
                    <a:pt x="328" y="602"/>
                  </a:lnTo>
                  <a:lnTo>
                    <a:pt x="328" y="596"/>
                  </a:lnTo>
                  <a:lnTo>
                    <a:pt x="318" y="594"/>
                  </a:lnTo>
                  <a:lnTo>
                    <a:pt x="310" y="596"/>
                  </a:lnTo>
                  <a:lnTo>
                    <a:pt x="308" y="606"/>
                  </a:lnTo>
                  <a:lnTo>
                    <a:pt x="300" y="600"/>
                  </a:lnTo>
                  <a:lnTo>
                    <a:pt x="302" y="590"/>
                  </a:lnTo>
                  <a:lnTo>
                    <a:pt x="294" y="586"/>
                  </a:lnTo>
                  <a:lnTo>
                    <a:pt x="290" y="574"/>
                  </a:lnTo>
                  <a:lnTo>
                    <a:pt x="292" y="564"/>
                  </a:lnTo>
                  <a:lnTo>
                    <a:pt x="282" y="552"/>
                  </a:lnTo>
                  <a:lnTo>
                    <a:pt x="282" y="536"/>
                  </a:lnTo>
                  <a:lnTo>
                    <a:pt x="288" y="522"/>
                  </a:lnTo>
                  <a:lnTo>
                    <a:pt x="298" y="508"/>
                  </a:lnTo>
                  <a:lnTo>
                    <a:pt x="308" y="502"/>
                  </a:lnTo>
                  <a:lnTo>
                    <a:pt x="316" y="496"/>
                  </a:lnTo>
                  <a:lnTo>
                    <a:pt x="328" y="492"/>
                  </a:lnTo>
                  <a:lnTo>
                    <a:pt x="314" y="490"/>
                  </a:lnTo>
                  <a:lnTo>
                    <a:pt x="298" y="486"/>
                  </a:lnTo>
                  <a:lnTo>
                    <a:pt x="294" y="492"/>
                  </a:lnTo>
                  <a:lnTo>
                    <a:pt x="288" y="496"/>
                  </a:lnTo>
                  <a:lnTo>
                    <a:pt x="274" y="496"/>
                  </a:lnTo>
                  <a:lnTo>
                    <a:pt x="268" y="500"/>
                  </a:lnTo>
                  <a:lnTo>
                    <a:pt x="252" y="504"/>
                  </a:lnTo>
                  <a:lnTo>
                    <a:pt x="240" y="496"/>
                  </a:lnTo>
                  <a:lnTo>
                    <a:pt x="234" y="488"/>
                  </a:lnTo>
                  <a:lnTo>
                    <a:pt x="228" y="492"/>
                  </a:lnTo>
                  <a:lnTo>
                    <a:pt x="230" y="500"/>
                  </a:lnTo>
                  <a:lnTo>
                    <a:pt x="230" y="510"/>
                  </a:lnTo>
                  <a:lnTo>
                    <a:pt x="218" y="508"/>
                  </a:lnTo>
                  <a:lnTo>
                    <a:pt x="208" y="492"/>
                  </a:lnTo>
                  <a:lnTo>
                    <a:pt x="202" y="484"/>
                  </a:lnTo>
                  <a:lnTo>
                    <a:pt x="192" y="482"/>
                  </a:lnTo>
                  <a:lnTo>
                    <a:pt x="190" y="488"/>
                  </a:lnTo>
                  <a:lnTo>
                    <a:pt x="190" y="500"/>
                  </a:lnTo>
                  <a:lnTo>
                    <a:pt x="186" y="504"/>
                  </a:lnTo>
                  <a:lnTo>
                    <a:pt x="184" y="492"/>
                  </a:lnTo>
                  <a:lnTo>
                    <a:pt x="178" y="480"/>
                  </a:lnTo>
                  <a:lnTo>
                    <a:pt x="176" y="468"/>
                  </a:lnTo>
                  <a:lnTo>
                    <a:pt x="178" y="458"/>
                  </a:lnTo>
                  <a:lnTo>
                    <a:pt x="188" y="458"/>
                  </a:lnTo>
                  <a:lnTo>
                    <a:pt x="194" y="444"/>
                  </a:lnTo>
                  <a:lnTo>
                    <a:pt x="208" y="434"/>
                  </a:lnTo>
                  <a:lnTo>
                    <a:pt x="210" y="420"/>
                  </a:lnTo>
                  <a:lnTo>
                    <a:pt x="222" y="410"/>
                  </a:lnTo>
                  <a:lnTo>
                    <a:pt x="232" y="402"/>
                  </a:lnTo>
                  <a:lnTo>
                    <a:pt x="226" y="390"/>
                  </a:lnTo>
                  <a:lnTo>
                    <a:pt x="216" y="380"/>
                  </a:lnTo>
                  <a:lnTo>
                    <a:pt x="220" y="366"/>
                  </a:lnTo>
                  <a:lnTo>
                    <a:pt x="220" y="360"/>
                  </a:lnTo>
                  <a:lnTo>
                    <a:pt x="220" y="346"/>
                  </a:lnTo>
                  <a:lnTo>
                    <a:pt x="230" y="344"/>
                  </a:lnTo>
                  <a:lnTo>
                    <a:pt x="230" y="336"/>
                  </a:lnTo>
                  <a:lnTo>
                    <a:pt x="222" y="334"/>
                  </a:lnTo>
                  <a:lnTo>
                    <a:pt x="214" y="348"/>
                  </a:lnTo>
                  <a:lnTo>
                    <a:pt x="210" y="348"/>
                  </a:lnTo>
                  <a:lnTo>
                    <a:pt x="206" y="354"/>
                  </a:lnTo>
                  <a:lnTo>
                    <a:pt x="204" y="366"/>
                  </a:lnTo>
                  <a:lnTo>
                    <a:pt x="200" y="354"/>
                  </a:lnTo>
                  <a:lnTo>
                    <a:pt x="196" y="348"/>
                  </a:lnTo>
                  <a:lnTo>
                    <a:pt x="188" y="350"/>
                  </a:lnTo>
                  <a:lnTo>
                    <a:pt x="186" y="360"/>
                  </a:lnTo>
                  <a:lnTo>
                    <a:pt x="174" y="364"/>
                  </a:lnTo>
                  <a:lnTo>
                    <a:pt x="170" y="376"/>
                  </a:lnTo>
                  <a:lnTo>
                    <a:pt x="170" y="384"/>
                  </a:lnTo>
                  <a:lnTo>
                    <a:pt x="164" y="394"/>
                  </a:lnTo>
                  <a:lnTo>
                    <a:pt x="160" y="404"/>
                  </a:lnTo>
                  <a:lnTo>
                    <a:pt x="156" y="412"/>
                  </a:lnTo>
                  <a:lnTo>
                    <a:pt x="144" y="410"/>
                  </a:lnTo>
                  <a:lnTo>
                    <a:pt x="142" y="398"/>
                  </a:lnTo>
                  <a:lnTo>
                    <a:pt x="152" y="386"/>
                  </a:lnTo>
                  <a:lnTo>
                    <a:pt x="156" y="376"/>
                  </a:lnTo>
                  <a:lnTo>
                    <a:pt x="162" y="366"/>
                  </a:lnTo>
                  <a:lnTo>
                    <a:pt x="172" y="358"/>
                  </a:lnTo>
                  <a:lnTo>
                    <a:pt x="164" y="346"/>
                  </a:lnTo>
                  <a:lnTo>
                    <a:pt x="172" y="334"/>
                  </a:lnTo>
                  <a:lnTo>
                    <a:pt x="170" y="320"/>
                  </a:lnTo>
                  <a:lnTo>
                    <a:pt x="178" y="310"/>
                  </a:lnTo>
                  <a:lnTo>
                    <a:pt x="182" y="300"/>
                  </a:lnTo>
                  <a:lnTo>
                    <a:pt x="180" y="294"/>
                  </a:lnTo>
                  <a:lnTo>
                    <a:pt x="194" y="284"/>
                  </a:lnTo>
                  <a:lnTo>
                    <a:pt x="194" y="272"/>
                  </a:lnTo>
                  <a:lnTo>
                    <a:pt x="202" y="272"/>
                  </a:lnTo>
                  <a:lnTo>
                    <a:pt x="202" y="262"/>
                  </a:lnTo>
                  <a:lnTo>
                    <a:pt x="208" y="252"/>
                  </a:lnTo>
                  <a:lnTo>
                    <a:pt x="212" y="246"/>
                  </a:lnTo>
                  <a:lnTo>
                    <a:pt x="204" y="244"/>
                  </a:lnTo>
                  <a:lnTo>
                    <a:pt x="192" y="252"/>
                  </a:lnTo>
                  <a:lnTo>
                    <a:pt x="186" y="260"/>
                  </a:lnTo>
                  <a:lnTo>
                    <a:pt x="176" y="260"/>
                  </a:lnTo>
                  <a:lnTo>
                    <a:pt x="178" y="270"/>
                  </a:lnTo>
                  <a:lnTo>
                    <a:pt x="170" y="276"/>
                  </a:lnTo>
                  <a:lnTo>
                    <a:pt x="164" y="282"/>
                  </a:lnTo>
                  <a:lnTo>
                    <a:pt x="150" y="280"/>
                  </a:lnTo>
                  <a:lnTo>
                    <a:pt x="134" y="282"/>
                  </a:lnTo>
                  <a:lnTo>
                    <a:pt x="130" y="274"/>
                  </a:lnTo>
                  <a:lnTo>
                    <a:pt x="136" y="270"/>
                  </a:lnTo>
                  <a:lnTo>
                    <a:pt x="148" y="262"/>
                  </a:lnTo>
                  <a:lnTo>
                    <a:pt x="152" y="256"/>
                  </a:lnTo>
                  <a:lnTo>
                    <a:pt x="144" y="250"/>
                  </a:lnTo>
                  <a:lnTo>
                    <a:pt x="140" y="240"/>
                  </a:lnTo>
                  <a:lnTo>
                    <a:pt x="148" y="234"/>
                  </a:lnTo>
                  <a:lnTo>
                    <a:pt x="152" y="230"/>
                  </a:lnTo>
                  <a:lnTo>
                    <a:pt x="148" y="222"/>
                  </a:lnTo>
                  <a:lnTo>
                    <a:pt x="158" y="220"/>
                  </a:lnTo>
                  <a:lnTo>
                    <a:pt x="170" y="222"/>
                  </a:lnTo>
                  <a:lnTo>
                    <a:pt x="178" y="226"/>
                  </a:lnTo>
                  <a:lnTo>
                    <a:pt x="178" y="214"/>
                  </a:lnTo>
                  <a:lnTo>
                    <a:pt x="178" y="202"/>
                  </a:lnTo>
                  <a:lnTo>
                    <a:pt x="184" y="196"/>
                  </a:lnTo>
                  <a:lnTo>
                    <a:pt x="194" y="200"/>
                  </a:lnTo>
                  <a:lnTo>
                    <a:pt x="188" y="186"/>
                  </a:lnTo>
                  <a:lnTo>
                    <a:pt x="196" y="182"/>
                  </a:lnTo>
                  <a:lnTo>
                    <a:pt x="206" y="186"/>
                  </a:lnTo>
                  <a:lnTo>
                    <a:pt x="198" y="172"/>
                  </a:lnTo>
                  <a:lnTo>
                    <a:pt x="200" y="166"/>
                  </a:lnTo>
                  <a:lnTo>
                    <a:pt x="210" y="166"/>
                  </a:lnTo>
                  <a:lnTo>
                    <a:pt x="200" y="158"/>
                  </a:lnTo>
                  <a:lnTo>
                    <a:pt x="198" y="150"/>
                  </a:lnTo>
                  <a:lnTo>
                    <a:pt x="194" y="138"/>
                  </a:lnTo>
                  <a:lnTo>
                    <a:pt x="196" y="128"/>
                  </a:lnTo>
                  <a:lnTo>
                    <a:pt x="210" y="126"/>
                  </a:lnTo>
                  <a:lnTo>
                    <a:pt x="204" y="118"/>
                  </a:lnTo>
                  <a:lnTo>
                    <a:pt x="206" y="108"/>
                  </a:lnTo>
                  <a:lnTo>
                    <a:pt x="210" y="100"/>
                  </a:lnTo>
                  <a:lnTo>
                    <a:pt x="216" y="86"/>
                  </a:lnTo>
                  <a:lnTo>
                    <a:pt x="230" y="86"/>
                  </a:lnTo>
                  <a:lnTo>
                    <a:pt x="244" y="92"/>
                  </a:lnTo>
                  <a:lnTo>
                    <a:pt x="252" y="88"/>
                  </a:lnTo>
                  <a:lnTo>
                    <a:pt x="246" y="78"/>
                  </a:lnTo>
                  <a:lnTo>
                    <a:pt x="240" y="70"/>
                  </a:lnTo>
                  <a:lnTo>
                    <a:pt x="250" y="68"/>
                  </a:lnTo>
                  <a:lnTo>
                    <a:pt x="250" y="48"/>
                  </a:lnTo>
                  <a:lnTo>
                    <a:pt x="264" y="46"/>
                  </a:lnTo>
                  <a:lnTo>
                    <a:pt x="266" y="34"/>
                  </a:lnTo>
                  <a:lnTo>
                    <a:pt x="278" y="28"/>
                  </a:lnTo>
                  <a:lnTo>
                    <a:pt x="276" y="14"/>
                  </a:lnTo>
                  <a:lnTo>
                    <a:pt x="286" y="0"/>
                  </a:lnTo>
                  <a:lnTo>
                    <a:pt x="296" y="6"/>
                  </a:lnTo>
                  <a:lnTo>
                    <a:pt x="308" y="14"/>
                  </a:lnTo>
                  <a:lnTo>
                    <a:pt x="304" y="22"/>
                  </a:lnTo>
                  <a:lnTo>
                    <a:pt x="314" y="18"/>
                  </a:lnTo>
                  <a:lnTo>
                    <a:pt x="322" y="24"/>
                  </a:lnTo>
                  <a:lnTo>
                    <a:pt x="336" y="24"/>
                  </a:lnTo>
                  <a:lnTo>
                    <a:pt x="358" y="22"/>
                  </a:lnTo>
                  <a:lnTo>
                    <a:pt x="378" y="20"/>
                  </a:lnTo>
                  <a:lnTo>
                    <a:pt x="384" y="24"/>
                  </a:lnTo>
                  <a:lnTo>
                    <a:pt x="396" y="22"/>
                  </a:lnTo>
                  <a:lnTo>
                    <a:pt x="410" y="24"/>
                  </a:lnTo>
                  <a:lnTo>
                    <a:pt x="416" y="30"/>
                  </a:lnTo>
                  <a:lnTo>
                    <a:pt x="410" y="38"/>
                  </a:lnTo>
                  <a:lnTo>
                    <a:pt x="408" y="52"/>
                  </a:lnTo>
                  <a:lnTo>
                    <a:pt x="398" y="70"/>
                  </a:lnTo>
                  <a:lnTo>
                    <a:pt x="384" y="70"/>
                  </a:lnTo>
                  <a:lnTo>
                    <a:pt x="370" y="82"/>
                  </a:lnTo>
                  <a:lnTo>
                    <a:pt x="354" y="90"/>
                  </a:lnTo>
                  <a:lnTo>
                    <a:pt x="346" y="100"/>
                  </a:lnTo>
                  <a:lnTo>
                    <a:pt x="330" y="102"/>
                  </a:lnTo>
                  <a:lnTo>
                    <a:pt x="332" y="112"/>
                  </a:lnTo>
                  <a:lnTo>
                    <a:pt x="316" y="110"/>
                  </a:lnTo>
                  <a:lnTo>
                    <a:pt x="324" y="118"/>
                  </a:lnTo>
                  <a:lnTo>
                    <a:pt x="342" y="120"/>
                  </a:lnTo>
                  <a:lnTo>
                    <a:pt x="332" y="132"/>
                  </a:lnTo>
                  <a:lnTo>
                    <a:pt x="318" y="144"/>
                  </a:lnTo>
                  <a:lnTo>
                    <a:pt x="342" y="146"/>
                  </a:lnTo>
                  <a:lnTo>
                    <a:pt x="360" y="142"/>
                  </a:lnTo>
                  <a:lnTo>
                    <a:pt x="378" y="138"/>
                  </a:lnTo>
                  <a:lnTo>
                    <a:pt x="390" y="148"/>
                  </a:lnTo>
                  <a:lnTo>
                    <a:pt x="408" y="148"/>
                  </a:lnTo>
                  <a:lnTo>
                    <a:pt x="428" y="154"/>
                  </a:lnTo>
                  <a:lnTo>
                    <a:pt x="448" y="158"/>
                  </a:lnTo>
                  <a:lnTo>
                    <a:pt x="468" y="160"/>
                  </a:lnTo>
                  <a:lnTo>
                    <a:pt x="476" y="170"/>
                  </a:lnTo>
                  <a:lnTo>
                    <a:pt x="478" y="182"/>
                  </a:lnTo>
                  <a:lnTo>
                    <a:pt x="476" y="194"/>
                  </a:lnTo>
                  <a:lnTo>
                    <a:pt x="466" y="202"/>
                  </a:lnTo>
                  <a:lnTo>
                    <a:pt x="454" y="220"/>
                  </a:lnTo>
                  <a:lnTo>
                    <a:pt x="450" y="232"/>
                  </a:lnTo>
                  <a:lnTo>
                    <a:pt x="440" y="254"/>
                  </a:lnTo>
                  <a:lnTo>
                    <a:pt x="430" y="264"/>
                  </a:lnTo>
                  <a:lnTo>
                    <a:pt x="418" y="274"/>
                  </a:lnTo>
                  <a:lnTo>
                    <a:pt x="408" y="288"/>
                  </a:lnTo>
                  <a:lnTo>
                    <a:pt x="398" y="300"/>
                  </a:lnTo>
                  <a:lnTo>
                    <a:pt x="392" y="302"/>
                  </a:lnTo>
                  <a:lnTo>
                    <a:pt x="384" y="304"/>
                  </a:lnTo>
                  <a:lnTo>
                    <a:pt x="362" y="308"/>
                  </a:lnTo>
                  <a:lnTo>
                    <a:pt x="350" y="310"/>
                  </a:lnTo>
                  <a:lnTo>
                    <a:pt x="364" y="318"/>
                  </a:lnTo>
                  <a:lnTo>
                    <a:pt x="380" y="318"/>
                  </a:lnTo>
                  <a:lnTo>
                    <a:pt x="398" y="318"/>
                  </a:lnTo>
                  <a:lnTo>
                    <a:pt x="408" y="324"/>
                  </a:lnTo>
                  <a:lnTo>
                    <a:pt x="400" y="332"/>
                  </a:lnTo>
                  <a:lnTo>
                    <a:pt x="376" y="342"/>
                  </a:lnTo>
                  <a:lnTo>
                    <a:pt x="360" y="340"/>
                  </a:lnTo>
                  <a:lnTo>
                    <a:pt x="352" y="346"/>
                  </a:lnTo>
                  <a:lnTo>
                    <a:pt x="344" y="350"/>
                  </a:lnTo>
                  <a:lnTo>
                    <a:pt x="332" y="352"/>
                  </a:lnTo>
                  <a:lnTo>
                    <a:pt x="318" y="350"/>
                  </a:lnTo>
                  <a:lnTo>
                    <a:pt x="318" y="352"/>
                  </a:lnTo>
                  <a:lnTo>
                    <a:pt x="324" y="354"/>
                  </a:lnTo>
                  <a:lnTo>
                    <a:pt x="336" y="360"/>
                  </a:lnTo>
                  <a:lnTo>
                    <a:pt x="346" y="364"/>
                  </a:lnTo>
                  <a:lnTo>
                    <a:pt x="354" y="366"/>
                  </a:lnTo>
                  <a:lnTo>
                    <a:pt x="364" y="366"/>
                  </a:lnTo>
                  <a:lnTo>
                    <a:pt x="374" y="358"/>
                  </a:lnTo>
                  <a:lnTo>
                    <a:pt x="386" y="362"/>
                  </a:lnTo>
                  <a:lnTo>
                    <a:pt x="398" y="370"/>
                  </a:lnTo>
                  <a:lnTo>
                    <a:pt x="412" y="378"/>
                  </a:lnTo>
                  <a:lnTo>
                    <a:pt x="420" y="378"/>
                  </a:lnTo>
                  <a:lnTo>
                    <a:pt x="422" y="384"/>
                  </a:lnTo>
                  <a:lnTo>
                    <a:pt x="428" y="400"/>
                  </a:lnTo>
                  <a:lnTo>
                    <a:pt x="432" y="420"/>
                  </a:lnTo>
                  <a:lnTo>
                    <a:pt x="454" y="430"/>
                  </a:lnTo>
                  <a:lnTo>
                    <a:pt x="456" y="438"/>
                  </a:lnTo>
                  <a:lnTo>
                    <a:pt x="458" y="458"/>
                  </a:lnTo>
                  <a:lnTo>
                    <a:pt x="448" y="464"/>
                  </a:lnTo>
                  <a:lnTo>
                    <a:pt x="450" y="482"/>
                  </a:lnTo>
                  <a:lnTo>
                    <a:pt x="456" y="518"/>
                  </a:lnTo>
                  <a:lnTo>
                    <a:pt x="460" y="546"/>
                  </a:lnTo>
                  <a:lnTo>
                    <a:pt x="464" y="560"/>
                  </a:lnTo>
                  <a:lnTo>
                    <a:pt x="480" y="566"/>
                  </a:lnTo>
                  <a:lnTo>
                    <a:pt x="492" y="576"/>
                  </a:lnTo>
                  <a:lnTo>
                    <a:pt x="514" y="594"/>
                  </a:lnTo>
                  <a:lnTo>
                    <a:pt x="518" y="612"/>
                  </a:lnTo>
                  <a:lnTo>
                    <a:pt x="528" y="630"/>
                  </a:lnTo>
                  <a:lnTo>
                    <a:pt x="534" y="640"/>
                  </a:lnTo>
                  <a:lnTo>
                    <a:pt x="530" y="648"/>
                  </a:lnTo>
                  <a:lnTo>
                    <a:pt x="528" y="660"/>
                  </a:lnTo>
                  <a:lnTo>
                    <a:pt x="532" y="674"/>
                  </a:lnTo>
                  <a:lnTo>
                    <a:pt x="540" y="692"/>
                  </a:lnTo>
                  <a:lnTo>
                    <a:pt x="536" y="700"/>
                  </a:lnTo>
                  <a:lnTo>
                    <a:pt x="530" y="710"/>
                  </a:lnTo>
                  <a:lnTo>
                    <a:pt x="536" y="718"/>
                  </a:lnTo>
                  <a:lnTo>
                    <a:pt x="548" y="731"/>
                  </a:lnTo>
                  <a:lnTo>
                    <a:pt x="552" y="751"/>
                  </a:lnTo>
                  <a:lnTo>
                    <a:pt x="554" y="765"/>
                  </a:lnTo>
                  <a:lnTo>
                    <a:pt x="544" y="777"/>
                  </a:lnTo>
                  <a:lnTo>
                    <a:pt x="532" y="783"/>
                  </a:lnTo>
                  <a:lnTo>
                    <a:pt x="528" y="791"/>
                  </a:lnTo>
                  <a:lnTo>
                    <a:pt x="532" y="805"/>
                  </a:lnTo>
                  <a:lnTo>
                    <a:pt x="546" y="809"/>
                  </a:lnTo>
                  <a:lnTo>
                    <a:pt x="558" y="801"/>
                  </a:lnTo>
                  <a:lnTo>
                    <a:pt x="570" y="793"/>
                  </a:lnTo>
                  <a:lnTo>
                    <a:pt x="590" y="795"/>
                  </a:lnTo>
                  <a:lnTo>
                    <a:pt x="618" y="801"/>
                  </a:lnTo>
                  <a:lnTo>
                    <a:pt x="640" y="819"/>
                  </a:lnTo>
                  <a:lnTo>
                    <a:pt x="654" y="845"/>
                  </a:lnTo>
                  <a:lnTo>
                    <a:pt x="652" y="869"/>
                  </a:lnTo>
                  <a:lnTo>
                    <a:pt x="644" y="885"/>
                  </a:lnTo>
                  <a:lnTo>
                    <a:pt x="640" y="901"/>
                  </a:lnTo>
                  <a:lnTo>
                    <a:pt x="630" y="911"/>
                  </a:lnTo>
                  <a:lnTo>
                    <a:pt x="620" y="923"/>
                  </a:lnTo>
                  <a:lnTo>
                    <a:pt x="602" y="925"/>
                  </a:lnTo>
                  <a:lnTo>
                    <a:pt x="590" y="925"/>
                  </a:lnTo>
                  <a:lnTo>
                    <a:pt x="604" y="935"/>
                  </a:lnTo>
                  <a:lnTo>
                    <a:pt x="604" y="945"/>
                  </a:lnTo>
                  <a:lnTo>
                    <a:pt x="594" y="951"/>
                  </a:lnTo>
                  <a:lnTo>
                    <a:pt x="584" y="941"/>
                  </a:lnTo>
                  <a:lnTo>
                    <a:pt x="576" y="945"/>
                  </a:lnTo>
                  <a:lnTo>
                    <a:pt x="568" y="949"/>
                  </a:lnTo>
                  <a:lnTo>
                    <a:pt x="574" y="957"/>
                  </a:lnTo>
                  <a:lnTo>
                    <a:pt x="576" y="969"/>
                  </a:lnTo>
                  <a:lnTo>
                    <a:pt x="570" y="975"/>
                  </a:lnTo>
                  <a:lnTo>
                    <a:pt x="546" y="975"/>
                  </a:lnTo>
                  <a:lnTo>
                    <a:pt x="544" y="981"/>
                  </a:lnTo>
                  <a:lnTo>
                    <a:pt x="548" y="989"/>
                  </a:lnTo>
                  <a:lnTo>
                    <a:pt x="558" y="999"/>
                  </a:lnTo>
                  <a:lnTo>
                    <a:pt x="576" y="1003"/>
                  </a:lnTo>
                  <a:lnTo>
                    <a:pt x="592" y="1003"/>
                  </a:lnTo>
                  <a:lnTo>
                    <a:pt x="610" y="1005"/>
                  </a:lnTo>
                  <a:lnTo>
                    <a:pt x="604" y="1015"/>
                  </a:lnTo>
                  <a:lnTo>
                    <a:pt x="602" y="1033"/>
                  </a:lnTo>
                  <a:lnTo>
                    <a:pt x="576" y="1043"/>
                  </a:lnTo>
                  <a:lnTo>
                    <a:pt x="568" y="1043"/>
                  </a:lnTo>
                  <a:lnTo>
                    <a:pt x="566" y="1055"/>
                  </a:lnTo>
                  <a:lnTo>
                    <a:pt x="544" y="1059"/>
                  </a:lnTo>
                  <a:lnTo>
                    <a:pt x="520" y="1065"/>
                  </a:lnTo>
                  <a:lnTo>
                    <a:pt x="512" y="1069"/>
                  </a:lnTo>
                  <a:lnTo>
                    <a:pt x="506" y="1073"/>
                  </a:lnTo>
                  <a:lnTo>
                    <a:pt x="490" y="1069"/>
                  </a:lnTo>
                  <a:lnTo>
                    <a:pt x="476" y="1059"/>
                  </a:lnTo>
                  <a:lnTo>
                    <a:pt x="464" y="1057"/>
                  </a:lnTo>
                  <a:lnTo>
                    <a:pt x="440" y="1057"/>
                  </a:lnTo>
                  <a:lnTo>
                    <a:pt x="426" y="1061"/>
                  </a:lnTo>
                  <a:lnTo>
                    <a:pt x="412" y="1057"/>
                  </a:lnTo>
                  <a:lnTo>
                    <a:pt x="404" y="1051"/>
                  </a:lnTo>
                  <a:lnTo>
                    <a:pt x="386" y="1049"/>
                  </a:lnTo>
                  <a:lnTo>
                    <a:pt x="376" y="1039"/>
                  </a:lnTo>
                  <a:lnTo>
                    <a:pt x="372" y="1049"/>
                  </a:lnTo>
                  <a:lnTo>
                    <a:pt x="342" y="1053"/>
                  </a:lnTo>
                  <a:lnTo>
                    <a:pt x="324" y="1051"/>
                  </a:lnTo>
                  <a:lnTo>
                    <a:pt x="318" y="1051"/>
                  </a:lnTo>
                  <a:lnTo>
                    <a:pt x="320" y="1057"/>
                  </a:lnTo>
                  <a:lnTo>
                    <a:pt x="324" y="1061"/>
                  </a:lnTo>
                  <a:lnTo>
                    <a:pt x="318" y="1069"/>
                  </a:lnTo>
                  <a:lnTo>
                    <a:pt x="304" y="1061"/>
                  </a:lnTo>
                  <a:lnTo>
                    <a:pt x="286" y="1055"/>
                  </a:lnTo>
                  <a:lnTo>
                    <a:pt x="276" y="1057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51" name="Freeform 77"/>
            <p:cNvSpPr>
              <a:spLocks/>
            </p:cNvSpPr>
            <p:nvPr/>
          </p:nvSpPr>
          <p:spPr bwMode="auto">
            <a:xfrm>
              <a:off x="848" y="2563"/>
              <a:ext cx="204" cy="158"/>
            </a:xfrm>
            <a:custGeom>
              <a:avLst/>
              <a:gdLst>
                <a:gd name="T0" fmla="*/ 92 w 204"/>
                <a:gd name="T1" fmla="*/ 8 h 158"/>
                <a:gd name="T2" fmla="*/ 112 w 204"/>
                <a:gd name="T3" fmla="*/ 4 h 158"/>
                <a:gd name="T4" fmla="*/ 122 w 204"/>
                <a:gd name="T5" fmla="*/ 0 h 158"/>
                <a:gd name="T6" fmla="*/ 164 w 204"/>
                <a:gd name="T7" fmla="*/ 2 h 158"/>
                <a:gd name="T8" fmla="*/ 176 w 204"/>
                <a:gd name="T9" fmla="*/ 14 h 158"/>
                <a:gd name="T10" fmla="*/ 182 w 204"/>
                <a:gd name="T11" fmla="*/ 32 h 158"/>
                <a:gd name="T12" fmla="*/ 184 w 204"/>
                <a:gd name="T13" fmla="*/ 50 h 158"/>
                <a:gd name="T14" fmla="*/ 194 w 204"/>
                <a:gd name="T15" fmla="*/ 62 h 158"/>
                <a:gd name="T16" fmla="*/ 190 w 204"/>
                <a:gd name="T17" fmla="*/ 74 h 158"/>
                <a:gd name="T18" fmla="*/ 182 w 204"/>
                <a:gd name="T19" fmla="*/ 82 h 158"/>
                <a:gd name="T20" fmla="*/ 200 w 204"/>
                <a:gd name="T21" fmla="*/ 90 h 158"/>
                <a:gd name="T22" fmla="*/ 202 w 204"/>
                <a:gd name="T23" fmla="*/ 106 h 158"/>
                <a:gd name="T24" fmla="*/ 194 w 204"/>
                <a:gd name="T25" fmla="*/ 108 h 158"/>
                <a:gd name="T26" fmla="*/ 190 w 204"/>
                <a:gd name="T27" fmla="*/ 112 h 158"/>
                <a:gd name="T28" fmla="*/ 194 w 204"/>
                <a:gd name="T29" fmla="*/ 124 h 158"/>
                <a:gd name="T30" fmla="*/ 180 w 204"/>
                <a:gd name="T31" fmla="*/ 138 h 158"/>
                <a:gd name="T32" fmla="*/ 164 w 204"/>
                <a:gd name="T33" fmla="*/ 142 h 158"/>
                <a:gd name="T34" fmla="*/ 144 w 204"/>
                <a:gd name="T35" fmla="*/ 158 h 158"/>
                <a:gd name="T36" fmla="*/ 130 w 204"/>
                <a:gd name="T37" fmla="*/ 146 h 158"/>
                <a:gd name="T38" fmla="*/ 104 w 204"/>
                <a:gd name="T39" fmla="*/ 142 h 158"/>
                <a:gd name="T40" fmla="*/ 98 w 204"/>
                <a:gd name="T41" fmla="*/ 124 h 158"/>
                <a:gd name="T42" fmla="*/ 92 w 204"/>
                <a:gd name="T43" fmla="*/ 102 h 158"/>
                <a:gd name="T44" fmla="*/ 68 w 204"/>
                <a:gd name="T45" fmla="*/ 100 h 158"/>
                <a:gd name="T46" fmla="*/ 54 w 204"/>
                <a:gd name="T47" fmla="*/ 124 h 158"/>
                <a:gd name="T48" fmla="*/ 24 w 204"/>
                <a:gd name="T49" fmla="*/ 106 h 158"/>
                <a:gd name="T50" fmla="*/ 0 w 204"/>
                <a:gd name="T51" fmla="*/ 74 h 158"/>
                <a:gd name="T52" fmla="*/ 14 w 204"/>
                <a:gd name="T53" fmla="*/ 58 h 158"/>
                <a:gd name="T54" fmla="*/ 32 w 204"/>
                <a:gd name="T55" fmla="*/ 62 h 158"/>
                <a:gd name="T56" fmla="*/ 30 w 204"/>
                <a:gd name="T57" fmla="*/ 48 h 158"/>
                <a:gd name="T58" fmla="*/ 34 w 204"/>
                <a:gd name="T59" fmla="*/ 40 h 158"/>
                <a:gd name="T60" fmla="*/ 56 w 204"/>
                <a:gd name="T61" fmla="*/ 40 h 158"/>
                <a:gd name="T62" fmla="*/ 74 w 204"/>
                <a:gd name="T63" fmla="*/ 14 h 158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0" t="0" r="r" b="b"/>
              <a:pathLst>
                <a:path w="204" h="158">
                  <a:moveTo>
                    <a:pt x="80" y="6"/>
                  </a:moveTo>
                  <a:lnTo>
                    <a:pt x="92" y="8"/>
                  </a:lnTo>
                  <a:lnTo>
                    <a:pt x="102" y="10"/>
                  </a:lnTo>
                  <a:lnTo>
                    <a:pt x="112" y="4"/>
                  </a:lnTo>
                  <a:lnTo>
                    <a:pt x="114" y="2"/>
                  </a:lnTo>
                  <a:lnTo>
                    <a:pt x="122" y="0"/>
                  </a:lnTo>
                  <a:lnTo>
                    <a:pt x="140" y="2"/>
                  </a:lnTo>
                  <a:lnTo>
                    <a:pt x="164" y="2"/>
                  </a:lnTo>
                  <a:lnTo>
                    <a:pt x="174" y="8"/>
                  </a:lnTo>
                  <a:lnTo>
                    <a:pt x="176" y="14"/>
                  </a:lnTo>
                  <a:lnTo>
                    <a:pt x="176" y="26"/>
                  </a:lnTo>
                  <a:lnTo>
                    <a:pt x="182" y="32"/>
                  </a:lnTo>
                  <a:lnTo>
                    <a:pt x="180" y="40"/>
                  </a:lnTo>
                  <a:lnTo>
                    <a:pt x="184" y="50"/>
                  </a:lnTo>
                  <a:lnTo>
                    <a:pt x="186" y="60"/>
                  </a:lnTo>
                  <a:lnTo>
                    <a:pt x="194" y="62"/>
                  </a:lnTo>
                  <a:lnTo>
                    <a:pt x="194" y="68"/>
                  </a:lnTo>
                  <a:lnTo>
                    <a:pt x="190" y="74"/>
                  </a:lnTo>
                  <a:lnTo>
                    <a:pt x="182" y="76"/>
                  </a:lnTo>
                  <a:lnTo>
                    <a:pt x="182" y="82"/>
                  </a:lnTo>
                  <a:lnTo>
                    <a:pt x="190" y="82"/>
                  </a:lnTo>
                  <a:lnTo>
                    <a:pt x="200" y="90"/>
                  </a:lnTo>
                  <a:lnTo>
                    <a:pt x="204" y="94"/>
                  </a:lnTo>
                  <a:lnTo>
                    <a:pt x="202" y="106"/>
                  </a:lnTo>
                  <a:lnTo>
                    <a:pt x="198" y="114"/>
                  </a:lnTo>
                  <a:lnTo>
                    <a:pt x="194" y="108"/>
                  </a:lnTo>
                  <a:lnTo>
                    <a:pt x="192" y="110"/>
                  </a:lnTo>
                  <a:lnTo>
                    <a:pt x="190" y="112"/>
                  </a:lnTo>
                  <a:lnTo>
                    <a:pt x="192" y="120"/>
                  </a:lnTo>
                  <a:lnTo>
                    <a:pt x="194" y="124"/>
                  </a:lnTo>
                  <a:lnTo>
                    <a:pt x="188" y="130"/>
                  </a:lnTo>
                  <a:lnTo>
                    <a:pt x="180" y="138"/>
                  </a:lnTo>
                  <a:lnTo>
                    <a:pt x="168" y="138"/>
                  </a:lnTo>
                  <a:lnTo>
                    <a:pt x="164" y="142"/>
                  </a:lnTo>
                  <a:lnTo>
                    <a:pt x="156" y="150"/>
                  </a:lnTo>
                  <a:lnTo>
                    <a:pt x="144" y="158"/>
                  </a:lnTo>
                  <a:lnTo>
                    <a:pt x="136" y="156"/>
                  </a:lnTo>
                  <a:lnTo>
                    <a:pt x="130" y="146"/>
                  </a:lnTo>
                  <a:lnTo>
                    <a:pt x="118" y="144"/>
                  </a:lnTo>
                  <a:lnTo>
                    <a:pt x="104" y="142"/>
                  </a:lnTo>
                  <a:lnTo>
                    <a:pt x="106" y="126"/>
                  </a:lnTo>
                  <a:lnTo>
                    <a:pt x="98" y="124"/>
                  </a:lnTo>
                  <a:lnTo>
                    <a:pt x="92" y="118"/>
                  </a:lnTo>
                  <a:lnTo>
                    <a:pt x="92" y="102"/>
                  </a:lnTo>
                  <a:lnTo>
                    <a:pt x="84" y="94"/>
                  </a:lnTo>
                  <a:lnTo>
                    <a:pt x="68" y="100"/>
                  </a:lnTo>
                  <a:lnTo>
                    <a:pt x="68" y="114"/>
                  </a:lnTo>
                  <a:lnTo>
                    <a:pt x="54" y="124"/>
                  </a:lnTo>
                  <a:lnTo>
                    <a:pt x="32" y="116"/>
                  </a:lnTo>
                  <a:lnTo>
                    <a:pt x="24" y="106"/>
                  </a:lnTo>
                  <a:lnTo>
                    <a:pt x="16" y="102"/>
                  </a:lnTo>
                  <a:lnTo>
                    <a:pt x="0" y="74"/>
                  </a:lnTo>
                  <a:lnTo>
                    <a:pt x="8" y="66"/>
                  </a:lnTo>
                  <a:lnTo>
                    <a:pt x="14" y="58"/>
                  </a:lnTo>
                  <a:lnTo>
                    <a:pt x="20" y="62"/>
                  </a:lnTo>
                  <a:lnTo>
                    <a:pt x="32" y="62"/>
                  </a:lnTo>
                  <a:lnTo>
                    <a:pt x="38" y="56"/>
                  </a:lnTo>
                  <a:lnTo>
                    <a:pt x="30" y="48"/>
                  </a:lnTo>
                  <a:lnTo>
                    <a:pt x="24" y="38"/>
                  </a:lnTo>
                  <a:lnTo>
                    <a:pt x="34" y="40"/>
                  </a:lnTo>
                  <a:lnTo>
                    <a:pt x="42" y="42"/>
                  </a:lnTo>
                  <a:lnTo>
                    <a:pt x="56" y="40"/>
                  </a:lnTo>
                  <a:lnTo>
                    <a:pt x="60" y="30"/>
                  </a:lnTo>
                  <a:lnTo>
                    <a:pt x="74" y="14"/>
                  </a:lnTo>
                  <a:lnTo>
                    <a:pt x="80" y="6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3957" name="Freeform 78"/>
          <p:cNvSpPr>
            <a:spLocks/>
          </p:cNvSpPr>
          <p:nvPr/>
        </p:nvSpPr>
        <p:spPr bwMode="auto">
          <a:xfrm>
            <a:off x="5014913" y="2719388"/>
            <a:ext cx="266700" cy="496887"/>
          </a:xfrm>
          <a:custGeom>
            <a:avLst/>
            <a:gdLst>
              <a:gd name="T0" fmla="*/ 2147483647 w 207"/>
              <a:gd name="T1" fmla="*/ 2147483647 h 384"/>
              <a:gd name="T2" fmla="*/ 2147483647 w 207"/>
              <a:gd name="T3" fmla="*/ 2147483647 h 384"/>
              <a:gd name="T4" fmla="*/ 2147483647 w 207"/>
              <a:gd name="T5" fmla="*/ 2147483647 h 384"/>
              <a:gd name="T6" fmla="*/ 0 w 207"/>
              <a:gd name="T7" fmla="*/ 2147483647 h 384"/>
              <a:gd name="T8" fmla="*/ 2147483647 w 207"/>
              <a:gd name="T9" fmla="*/ 2147483647 h 384"/>
              <a:gd name="T10" fmla="*/ 2147483647 w 207"/>
              <a:gd name="T11" fmla="*/ 2147483647 h 384"/>
              <a:gd name="T12" fmla="*/ 0 w 207"/>
              <a:gd name="T13" fmla="*/ 2147483647 h 384"/>
              <a:gd name="T14" fmla="*/ 2147483647 w 207"/>
              <a:gd name="T15" fmla="*/ 2147483647 h 384"/>
              <a:gd name="T16" fmla="*/ 2147483647 w 207"/>
              <a:gd name="T17" fmla="*/ 2147483647 h 384"/>
              <a:gd name="T18" fmla="*/ 2147483647 w 207"/>
              <a:gd name="T19" fmla="*/ 2147483647 h 384"/>
              <a:gd name="T20" fmla="*/ 2147483647 w 207"/>
              <a:gd name="T21" fmla="*/ 2147483647 h 384"/>
              <a:gd name="T22" fmla="*/ 2147483647 w 207"/>
              <a:gd name="T23" fmla="*/ 2147483647 h 384"/>
              <a:gd name="T24" fmla="*/ 2147483647 w 207"/>
              <a:gd name="T25" fmla="*/ 2147483647 h 384"/>
              <a:gd name="T26" fmla="*/ 2147483647 w 207"/>
              <a:gd name="T27" fmla="*/ 2147483647 h 384"/>
              <a:gd name="T28" fmla="*/ 2147483647 w 207"/>
              <a:gd name="T29" fmla="*/ 2147483647 h 384"/>
              <a:gd name="T30" fmla="*/ 2147483647 w 207"/>
              <a:gd name="T31" fmla="*/ 2147483647 h 384"/>
              <a:gd name="T32" fmla="*/ 2147483647 w 207"/>
              <a:gd name="T33" fmla="*/ 2147483647 h 384"/>
              <a:gd name="T34" fmla="*/ 2147483647 w 207"/>
              <a:gd name="T35" fmla="*/ 2147483647 h 384"/>
              <a:gd name="T36" fmla="*/ 2147483647 w 207"/>
              <a:gd name="T37" fmla="*/ 2147483647 h 384"/>
              <a:gd name="T38" fmla="*/ 2147483647 w 207"/>
              <a:gd name="T39" fmla="*/ 2147483647 h 384"/>
              <a:gd name="T40" fmla="*/ 2147483647 w 207"/>
              <a:gd name="T41" fmla="*/ 2147483647 h 384"/>
              <a:gd name="T42" fmla="*/ 2147483647 w 207"/>
              <a:gd name="T43" fmla="*/ 0 h 384"/>
              <a:gd name="T44" fmla="*/ 2147483647 w 207"/>
              <a:gd name="T45" fmla="*/ 2147483647 h 384"/>
              <a:gd name="T46" fmla="*/ 2147483647 w 207"/>
              <a:gd name="T47" fmla="*/ 2147483647 h 384"/>
              <a:gd name="T48" fmla="*/ 2147483647 w 207"/>
              <a:gd name="T49" fmla="*/ 2147483647 h 384"/>
              <a:gd name="T50" fmla="*/ 2147483647 w 207"/>
              <a:gd name="T51" fmla="*/ 2147483647 h 384"/>
              <a:gd name="T52" fmla="*/ 2147483647 w 207"/>
              <a:gd name="T53" fmla="*/ 2147483647 h 384"/>
              <a:gd name="T54" fmla="*/ 2147483647 w 207"/>
              <a:gd name="T55" fmla="*/ 2147483647 h 384"/>
              <a:gd name="T56" fmla="*/ 2147483647 w 207"/>
              <a:gd name="T57" fmla="*/ 2147483647 h 384"/>
              <a:gd name="T58" fmla="*/ 2147483647 w 207"/>
              <a:gd name="T59" fmla="*/ 2147483647 h 384"/>
              <a:gd name="T60" fmla="*/ 2147483647 w 207"/>
              <a:gd name="T61" fmla="*/ 2147483647 h 384"/>
              <a:gd name="T62" fmla="*/ 2147483647 w 207"/>
              <a:gd name="T63" fmla="*/ 2147483647 h 384"/>
              <a:gd name="T64" fmla="*/ 2147483647 w 207"/>
              <a:gd name="T65" fmla="*/ 2147483647 h 384"/>
              <a:gd name="T66" fmla="*/ 2147483647 w 207"/>
              <a:gd name="T67" fmla="*/ 2147483647 h 384"/>
              <a:gd name="T68" fmla="*/ 2147483647 w 207"/>
              <a:gd name="T69" fmla="*/ 2147483647 h 384"/>
              <a:gd name="T70" fmla="*/ 2147483647 w 207"/>
              <a:gd name="T71" fmla="*/ 2147483647 h 384"/>
              <a:gd name="T72" fmla="*/ 2147483647 w 207"/>
              <a:gd name="T73" fmla="*/ 2147483647 h 384"/>
              <a:gd name="T74" fmla="*/ 2147483647 w 207"/>
              <a:gd name="T75" fmla="*/ 2147483647 h 384"/>
              <a:gd name="T76" fmla="*/ 2147483647 w 207"/>
              <a:gd name="T77" fmla="*/ 2147483647 h 384"/>
              <a:gd name="T78" fmla="*/ 2147483647 w 207"/>
              <a:gd name="T79" fmla="*/ 2147483647 h 384"/>
              <a:gd name="T80" fmla="*/ 2147483647 w 207"/>
              <a:gd name="T81" fmla="*/ 2147483647 h 384"/>
              <a:gd name="T82" fmla="*/ 2147483647 w 207"/>
              <a:gd name="T83" fmla="*/ 2147483647 h 384"/>
              <a:gd name="T84" fmla="*/ 2147483647 w 207"/>
              <a:gd name="T85" fmla="*/ 2147483647 h 384"/>
              <a:gd name="T86" fmla="*/ 2147483647 w 207"/>
              <a:gd name="T87" fmla="*/ 2147483647 h 384"/>
              <a:gd name="T88" fmla="*/ 2147483647 w 207"/>
              <a:gd name="T89" fmla="*/ 2147483647 h 384"/>
              <a:gd name="T90" fmla="*/ 2147483647 w 207"/>
              <a:gd name="T91" fmla="*/ 2147483647 h 384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0" t="0" r="r" b="b"/>
            <a:pathLst>
              <a:path w="207" h="384">
                <a:moveTo>
                  <a:pt x="36" y="364"/>
                </a:moveTo>
                <a:lnTo>
                  <a:pt x="30" y="360"/>
                </a:lnTo>
                <a:lnTo>
                  <a:pt x="22" y="350"/>
                </a:lnTo>
                <a:lnTo>
                  <a:pt x="28" y="342"/>
                </a:lnTo>
                <a:lnTo>
                  <a:pt x="38" y="330"/>
                </a:lnTo>
                <a:lnTo>
                  <a:pt x="38" y="314"/>
                </a:lnTo>
                <a:lnTo>
                  <a:pt x="38" y="302"/>
                </a:lnTo>
                <a:lnTo>
                  <a:pt x="36" y="296"/>
                </a:lnTo>
                <a:lnTo>
                  <a:pt x="26" y="298"/>
                </a:lnTo>
                <a:lnTo>
                  <a:pt x="16" y="292"/>
                </a:lnTo>
                <a:lnTo>
                  <a:pt x="8" y="288"/>
                </a:lnTo>
                <a:lnTo>
                  <a:pt x="0" y="278"/>
                </a:lnTo>
                <a:lnTo>
                  <a:pt x="0" y="264"/>
                </a:lnTo>
                <a:lnTo>
                  <a:pt x="6" y="244"/>
                </a:lnTo>
                <a:lnTo>
                  <a:pt x="14" y="242"/>
                </a:lnTo>
                <a:lnTo>
                  <a:pt x="18" y="238"/>
                </a:lnTo>
                <a:lnTo>
                  <a:pt x="22" y="232"/>
                </a:lnTo>
                <a:lnTo>
                  <a:pt x="18" y="224"/>
                </a:lnTo>
                <a:lnTo>
                  <a:pt x="10" y="214"/>
                </a:lnTo>
                <a:lnTo>
                  <a:pt x="0" y="218"/>
                </a:lnTo>
                <a:lnTo>
                  <a:pt x="0" y="188"/>
                </a:lnTo>
                <a:lnTo>
                  <a:pt x="0" y="160"/>
                </a:lnTo>
                <a:lnTo>
                  <a:pt x="2" y="150"/>
                </a:lnTo>
                <a:lnTo>
                  <a:pt x="6" y="136"/>
                </a:lnTo>
                <a:lnTo>
                  <a:pt x="10" y="142"/>
                </a:lnTo>
                <a:lnTo>
                  <a:pt x="18" y="150"/>
                </a:lnTo>
                <a:lnTo>
                  <a:pt x="30" y="150"/>
                </a:lnTo>
                <a:lnTo>
                  <a:pt x="34" y="158"/>
                </a:lnTo>
                <a:lnTo>
                  <a:pt x="46" y="162"/>
                </a:lnTo>
                <a:lnTo>
                  <a:pt x="48" y="154"/>
                </a:lnTo>
                <a:lnTo>
                  <a:pt x="50" y="142"/>
                </a:lnTo>
                <a:lnTo>
                  <a:pt x="56" y="134"/>
                </a:lnTo>
                <a:lnTo>
                  <a:pt x="56" y="126"/>
                </a:lnTo>
                <a:lnTo>
                  <a:pt x="68" y="126"/>
                </a:lnTo>
                <a:lnTo>
                  <a:pt x="76" y="132"/>
                </a:lnTo>
                <a:lnTo>
                  <a:pt x="74" y="140"/>
                </a:lnTo>
                <a:lnTo>
                  <a:pt x="84" y="150"/>
                </a:lnTo>
                <a:lnTo>
                  <a:pt x="91" y="140"/>
                </a:lnTo>
                <a:lnTo>
                  <a:pt x="84" y="126"/>
                </a:lnTo>
                <a:lnTo>
                  <a:pt x="82" y="110"/>
                </a:lnTo>
                <a:lnTo>
                  <a:pt x="82" y="98"/>
                </a:lnTo>
                <a:lnTo>
                  <a:pt x="82" y="94"/>
                </a:lnTo>
                <a:lnTo>
                  <a:pt x="64" y="94"/>
                </a:lnTo>
                <a:lnTo>
                  <a:pt x="54" y="100"/>
                </a:lnTo>
                <a:lnTo>
                  <a:pt x="42" y="102"/>
                </a:lnTo>
                <a:lnTo>
                  <a:pt x="38" y="112"/>
                </a:lnTo>
                <a:lnTo>
                  <a:pt x="38" y="120"/>
                </a:lnTo>
                <a:lnTo>
                  <a:pt x="30" y="120"/>
                </a:lnTo>
                <a:lnTo>
                  <a:pt x="30" y="130"/>
                </a:lnTo>
                <a:lnTo>
                  <a:pt x="28" y="138"/>
                </a:lnTo>
                <a:lnTo>
                  <a:pt x="20" y="136"/>
                </a:lnTo>
                <a:lnTo>
                  <a:pt x="12" y="124"/>
                </a:lnTo>
                <a:lnTo>
                  <a:pt x="18" y="106"/>
                </a:lnTo>
                <a:lnTo>
                  <a:pt x="30" y="90"/>
                </a:lnTo>
                <a:lnTo>
                  <a:pt x="40" y="84"/>
                </a:lnTo>
                <a:lnTo>
                  <a:pt x="62" y="80"/>
                </a:lnTo>
                <a:lnTo>
                  <a:pt x="68" y="76"/>
                </a:lnTo>
                <a:lnTo>
                  <a:pt x="93" y="78"/>
                </a:lnTo>
                <a:lnTo>
                  <a:pt x="109" y="60"/>
                </a:lnTo>
                <a:lnTo>
                  <a:pt x="123" y="38"/>
                </a:lnTo>
                <a:lnTo>
                  <a:pt x="133" y="20"/>
                </a:lnTo>
                <a:lnTo>
                  <a:pt x="147" y="20"/>
                </a:lnTo>
                <a:lnTo>
                  <a:pt x="159" y="14"/>
                </a:lnTo>
                <a:lnTo>
                  <a:pt x="167" y="6"/>
                </a:lnTo>
                <a:lnTo>
                  <a:pt x="175" y="0"/>
                </a:lnTo>
                <a:lnTo>
                  <a:pt x="179" y="0"/>
                </a:lnTo>
                <a:lnTo>
                  <a:pt x="177" y="8"/>
                </a:lnTo>
                <a:lnTo>
                  <a:pt x="165" y="20"/>
                </a:lnTo>
                <a:lnTo>
                  <a:pt x="169" y="30"/>
                </a:lnTo>
                <a:lnTo>
                  <a:pt x="175" y="40"/>
                </a:lnTo>
                <a:lnTo>
                  <a:pt x="175" y="66"/>
                </a:lnTo>
                <a:lnTo>
                  <a:pt x="169" y="74"/>
                </a:lnTo>
                <a:lnTo>
                  <a:pt x="167" y="84"/>
                </a:lnTo>
                <a:lnTo>
                  <a:pt x="163" y="92"/>
                </a:lnTo>
                <a:lnTo>
                  <a:pt x="155" y="98"/>
                </a:lnTo>
                <a:lnTo>
                  <a:pt x="147" y="94"/>
                </a:lnTo>
                <a:lnTo>
                  <a:pt x="155" y="104"/>
                </a:lnTo>
                <a:lnTo>
                  <a:pt x="157" y="112"/>
                </a:lnTo>
                <a:lnTo>
                  <a:pt x="159" y="124"/>
                </a:lnTo>
                <a:lnTo>
                  <a:pt x="159" y="136"/>
                </a:lnTo>
                <a:lnTo>
                  <a:pt x="149" y="138"/>
                </a:lnTo>
                <a:lnTo>
                  <a:pt x="163" y="138"/>
                </a:lnTo>
                <a:lnTo>
                  <a:pt x="163" y="146"/>
                </a:lnTo>
                <a:lnTo>
                  <a:pt x="155" y="152"/>
                </a:lnTo>
                <a:lnTo>
                  <a:pt x="157" y="156"/>
                </a:lnTo>
                <a:lnTo>
                  <a:pt x="163" y="150"/>
                </a:lnTo>
                <a:lnTo>
                  <a:pt x="169" y="158"/>
                </a:lnTo>
                <a:lnTo>
                  <a:pt x="177" y="158"/>
                </a:lnTo>
                <a:lnTo>
                  <a:pt x="193" y="156"/>
                </a:lnTo>
                <a:lnTo>
                  <a:pt x="197" y="158"/>
                </a:lnTo>
                <a:lnTo>
                  <a:pt x="203" y="160"/>
                </a:lnTo>
                <a:lnTo>
                  <a:pt x="207" y="176"/>
                </a:lnTo>
                <a:lnTo>
                  <a:pt x="205" y="182"/>
                </a:lnTo>
                <a:lnTo>
                  <a:pt x="195" y="192"/>
                </a:lnTo>
                <a:lnTo>
                  <a:pt x="191" y="200"/>
                </a:lnTo>
                <a:lnTo>
                  <a:pt x="187" y="204"/>
                </a:lnTo>
                <a:lnTo>
                  <a:pt x="177" y="212"/>
                </a:lnTo>
                <a:lnTo>
                  <a:pt x="177" y="202"/>
                </a:lnTo>
                <a:lnTo>
                  <a:pt x="171" y="200"/>
                </a:lnTo>
                <a:lnTo>
                  <a:pt x="169" y="206"/>
                </a:lnTo>
                <a:lnTo>
                  <a:pt x="161" y="202"/>
                </a:lnTo>
                <a:lnTo>
                  <a:pt x="155" y="200"/>
                </a:lnTo>
                <a:lnTo>
                  <a:pt x="155" y="212"/>
                </a:lnTo>
                <a:lnTo>
                  <a:pt x="157" y="226"/>
                </a:lnTo>
                <a:lnTo>
                  <a:pt x="155" y="236"/>
                </a:lnTo>
                <a:lnTo>
                  <a:pt x="155" y="244"/>
                </a:lnTo>
                <a:lnTo>
                  <a:pt x="147" y="244"/>
                </a:lnTo>
                <a:lnTo>
                  <a:pt x="141" y="240"/>
                </a:lnTo>
                <a:lnTo>
                  <a:pt x="137" y="244"/>
                </a:lnTo>
                <a:lnTo>
                  <a:pt x="141" y="252"/>
                </a:lnTo>
                <a:lnTo>
                  <a:pt x="141" y="264"/>
                </a:lnTo>
                <a:lnTo>
                  <a:pt x="131" y="268"/>
                </a:lnTo>
                <a:lnTo>
                  <a:pt x="125" y="272"/>
                </a:lnTo>
                <a:lnTo>
                  <a:pt x="125" y="278"/>
                </a:lnTo>
                <a:lnTo>
                  <a:pt x="127" y="284"/>
                </a:lnTo>
                <a:lnTo>
                  <a:pt x="121" y="288"/>
                </a:lnTo>
                <a:lnTo>
                  <a:pt x="111" y="286"/>
                </a:lnTo>
                <a:lnTo>
                  <a:pt x="109" y="296"/>
                </a:lnTo>
                <a:lnTo>
                  <a:pt x="109" y="308"/>
                </a:lnTo>
                <a:lnTo>
                  <a:pt x="113" y="316"/>
                </a:lnTo>
                <a:lnTo>
                  <a:pt x="113" y="326"/>
                </a:lnTo>
                <a:lnTo>
                  <a:pt x="109" y="332"/>
                </a:lnTo>
                <a:lnTo>
                  <a:pt x="101" y="334"/>
                </a:lnTo>
                <a:lnTo>
                  <a:pt x="105" y="348"/>
                </a:lnTo>
                <a:lnTo>
                  <a:pt x="111" y="350"/>
                </a:lnTo>
                <a:lnTo>
                  <a:pt x="119" y="346"/>
                </a:lnTo>
                <a:lnTo>
                  <a:pt x="129" y="348"/>
                </a:lnTo>
                <a:lnTo>
                  <a:pt x="135" y="354"/>
                </a:lnTo>
                <a:lnTo>
                  <a:pt x="143" y="366"/>
                </a:lnTo>
                <a:lnTo>
                  <a:pt x="143" y="372"/>
                </a:lnTo>
                <a:lnTo>
                  <a:pt x="137" y="384"/>
                </a:lnTo>
                <a:lnTo>
                  <a:pt x="131" y="380"/>
                </a:lnTo>
                <a:lnTo>
                  <a:pt x="117" y="378"/>
                </a:lnTo>
                <a:lnTo>
                  <a:pt x="105" y="366"/>
                </a:lnTo>
                <a:lnTo>
                  <a:pt x="97" y="380"/>
                </a:lnTo>
                <a:lnTo>
                  <a:pt x="82" y="380"/>
                </a:lnTo>
                <a:lnTo>
                  <a:pt x="72" y="370"/>
                </a:lnTo>
                <a:lnTo>
                  <a:pt x="58" y="366"/>
                </a:lnTo>
                <a:lnTo>
                  <a:pt x="36" y="364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58" name="Freeform 79"/>
          <p:cNvSpPr>
            <a:spLocks/>
          </p:cNvSpPr>
          <p:nvPr/>
        </p:nvSpPr>
        <p:spPr bwMode="auto">
          <a:xfrm>
            <a:off x="5173663" y="3074988"/>
            <a:ext cx="98425" cy="98425"/>
          </a:xfrm>
          <a:custGeom>
            <a:avLst/>
            <a:gdLst>
              <a:gd name="T0" fmla="*/ 2147483647 w 76"/>
              <a:gd name="T1" fmla="*/ 2147483647 h 76"/>
              <a:gd name="T2" fmla="*/ 2147483647 w 76"/>
              <a:gd name="T3" fmla="*/ 2147483647 h 76"/>
              <a:gd name="T4" fmla="*/ 2147483647 w 76"/>
              <a:gd name="T5" fmla="*/ 2147483647 h 76"/>
              <a:gd name="T6" fmla="*/ 2147483647 w 76"/>
              <a:gd name="T7" fmla="*/ 2147483647 h 76"/>
              <a:gd name="T8" fmla="*/ 2147483647 w 76"/>
              <a:gd name="T9" fmla="*/ 2147483647 h 76"/>
              <a:gd name="T10" fmla="*/ 2147483647 w 76"/>
              <a:gd name="T11" fmla="*/ 0 h 76"/>
              <a:gd name="T12" fmla="*/ 2147483647 w 76"/>
              <a:gd name="T13" fmla="*/ 2147483647 h 76"/>
              <a:gd name="T14" fmla="*/ 2147483647 w 76"/>
              <a:gd name="T15" fmla="*/ 2147483647 h 76"/>
              <a:gd name="T16" fmla="*/ 2147483647 w 76"/>
              <a:gd name="T17" fmla="*/ 2147483647 h 76"/>
              <a:gd name="T18" fmla="*/ 2147483647 w 76"/>
              <a:gd name="T19" fmla="*/ 2147483647 h 76"/>
              <a:gd name="T20" fmla="*/ 2147483647 w 76"/>
              <a:gd name="T21" fmla="*/ 2147483647 h 76"/>
              <a:gd name="T22" fmla="*/ 2147483647 w 76"/>
              <a:gd name="T23" fmla="*/ 2147483647 h 76"/>
              <a:gd name="T24" fmla="*/ 2147483647 w 76"/>
              <a:gd name="T25" fmla="*/ 2147483647 h 76"/>
              <a:gd name="T26" fmla="*/ 2147483647 w 76"/>
              <a:gd name="T27" fmla="*/ 2147483647 h 76"/>
              <a:gd name="T28" fmla="*/ 2147483647 w 76"/>
              <a:gd name="T29" fmla="*/ 2147483647 h 76"/>
              <a:gd name="T30" fmla="*/ 2147483647 w 76"/>
              <a:gd name="T31" fmla="*/ 2147483647 h 76"/>
              <a:gd name="T32" fmla="*/ 2147483647 w 76"/>
              <a:gd name="T33" fmla="*/ 2147483647 h 76"/>
              <a:gd name="T34" fmla="*/ 2147483647 w 76"/>
              <a:gd name="T35" fmla="*/ 2147483647 h 76"/>
              <a:gd name="T36" fmla="*/ 2147483647 w 76"/>
              <a:gd name="T37" fmla="*/ 2147483647 h 76"/>
              <a:gd name="T38" fmla="*/ 2147483647 w 76"/>
              <a:gd name="T39" fmla="*/ 2147483647 h 76"/>
              <a:gd name="T40" fmla="*/ 2147483647 w 76"/>
              <a:gd name="T41" fmla="*/ 2147483647 h 76"/>
              <a:gd name="T42" fmla="*/ 2147483647 w 76"/>
              <a:gd name="T43" fmla="*/ 2147483647 h 76"/>
              <a:gd name="T44" fmla="*/ 2147483647 w 76"/>
              <a:gd name="T45" fmla="*/ 2147483647 h 76"/>
              <a:gd name="T46" fmla="*/ 2147483647 w 76"/>
              <a:gd name="T47" fmla="*/ 2147483647 h 76"/>
              <a:gd name="T48" fmla="*/ 2147483647 w 76"/>
              <a:gd name="T49" fmla="*/ 2147483647 h 76"/>
              <a:gd name="T50" fmla="*/ 2147483647 w 76"/>
              <a:gd name="T51" fmla="*/ 2147483647 h 76"/>
              <a:gd name="T52" fmla="*/ 0 w 76"/>
              <a:gd name="T53" fmla="*/ 2147483647 h 76"/>
              <a:gd name="T54" fmla="*/ 2147483647 w 76"/>
              <a:gd name="T55" fmla="*/ 2147483647 h 7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0" t="0" r="r" b="b"/>
            <a:pathLst>
              <a:path w="76" h="76">
                <a:moveTo>
                  <a:pt x="4" y="20"/>
                </a:moveTo>
                <a:lnTo>
                  <a:pt x="12" y="18"/>
                </a:lnTo>
                <a:lnTo>
                  <a:pt x="20" y="14"/>
                </a:lnTo>
                <a:lnTo>
                  <a:pt x="26" y="6"/>
                </a:lnTo>
                <a:lnTo>
                  <a:pt x="28" y="4"/>
                </a:lnTo>
                <a:lnTo>
                  <a:pt x="30" y="0"/>
                </a:lnTo>
                <a:lnTo>
                  <a:pt x="40" y="2"/>
                </a:lnTo>
                <a:lnTo>
                  <a:pt x="46" y="8"/>
                </a:lnTo>
                <a:lnTo>
                  <a:pt x="52" y="10"/>
                </a:lnTo>
                <a:lnTo>
                  <a:pt x="56" y="2"/>
                </a:lnTo>
                <a:lnTo>
                  <a:pt x="66" y="6"/>
                </a:lnTo>
                <a:lnTo>
                  <a:pt x="68" y="14"/>
                </a:lnTo>
                <a:lnTo>
                  <a:pt x="68" y="22"/>
                </a:lnTo>
                <a:lnTo>
                  <a:pt x="76" y="34"/>
                </a:lnTo>
                <a:lnTo>
                  <a:pt x="76" y="44"/>
                </a:lnTo>
                <a:lnTo>
                  <a:pt x="74" y="62"/>
                </a:lnTo>
                <a:lnTo>
                  <a:pt x="70" y="68"/>
                </a:lnTo>
                <a:lnTo>
                  <a:pt x="58" y="76"/>
                </a:lnTo>
                <a:lnTo>
                  <a:pt x="46" y="74"/>
                </a:lnTo>
                <a:lnTo>
                  <a:pt x="34" y="70"/>
                </a:lnTo>
                <a:lnTo>
                  <a:pt x="30" y="70"/>
                </a:lnTo>
                <a:lnTo>
                  <a:pt x="26" y="70"/>
                </a:lnTo>
                <a:lnTo>
                  <a:pt x="26" y="58"/>
                </a:lnTo>
                <a:lnTo>
                  <a:pt x="16" y="56"/>
                </a:lnTo>
                <a:lnTo>
                  <a:pt x="8" y="44"/>
                </a:lnTo>
                <a:lnTo>
                  <a:pt x="4" y="32"/>
                </a:lnTo>
                <a:lnTo>
                  <a:pt x="0" y="24"/>
                </a:lnTo>
                <a:lnTo>
                  <a:pt x="4" y="20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59" name="Freeform 80"/>
          <p:cNvSpPr>
            <a:spLocks/>
          </p:cNvSpPr>
          <p:nvPr/>
        </p:nvSpPr>
        <p:spPr bwMode="auto">
          <a:xfrm>
            <a:off x="5256213" y="3157538"/>
            <a:ext cx="31750" cy="65087"/>
          </a:xfrm>
          <a:custGeom>
            <a:avLst/>
            <a:gdLst>
              <a:gd name="T0" fmla="*/ 2147483647 w 24"/>
              <a:gd name="T1" fmla="*/ 2147483647 h 50"/>
              <a:gd name="T2" fmla="*/ 2147483647 w 24"/>
              <a:gd name="T3" fmla="*/ 2147483647 h 50"/>
              <a:gd name="T4" fmla="*/ 2147483647 w 24"/>
              <a:gd name="T5" fmla="*/ 2147483647 h 50"/>
              <a:gd name="T6" fmla="*/ 2147483647 w 24"/>
              <a:gd name="T7" fmla="*/ 0 h 50"/>
              <a:gd name="T8" fmla="*/ 2147483647 w 24"/>
              <a:gd name="T9" fmla="*/ 2147483647 h 50"/>
              <a:gd name="T10" fmla="*/ 2147483647 w 24"/>
              <a:gd name="T11" fmla="*/ 2147483647 h 50"/>
              <a:gd name="T12" fmla="*/ 2147483647 w 24"/>
              <a:gd name="T13" fmla="*/ 2147483647 h 50"/>
              <a:gd name="T14" fmla="*/ 2147483647 w 24"/>
              <a:gd name="T15" fmla="*/ 2147483647 h 50"/>
              <a:gd name="T16" fmla="*/ 2147483647 w 24"/>
              <a:gd name="T17" fmla="*/ 2147483647 h 50"/>
              <a:gd name="T18" fmla="*/ 2147483647 w 24"/>
              <a:gd name="T19" fmla="*/ 2147483647 h 50"/>
              <a:gd name="T20" fmla="*/ 0 w 24"/>
              <a:gd name="T21" fmla="*/ 2147483647 h 50"/>
              <a:gd name="T22" fmla="*/ 0 w 24"/>
              <a:gd name="T23" fmla="*/ 2147483647 h 50"/>
              <a:gd name="T24" fmla="*/ 2147483647 w 24"/>
              <a:gd name="T25" fmla="*/ 2147483647 h 50"/>
              <a:gd name="T26" fmla="*/ 2147483647 w 24"/>
              <a:gd name="T27" fmla="*/ 2147483647 h 50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4" h="50">
                <a:moveTo>
                  <a:pt x="4" y="24"/>
                </a:moveTo>
                <a:lnTo>
                  <a:pt x="12" y="16"/>
                </a:lnTo>
                <a:lnTo>
                  <a:pt x="12" y="4"/>
                </a:lnTo>
                <a:lnTo>
                  <a:pt x="20" y="0"/>
                </a:lnTo>
                <a:lnTo>
                  <a:pt x="24" y="8"/>
                </a:lnTo>
                <a:lnTo>
                  <a:pt x="20" y="16"/>
                </a:lnTo>
                <a:lnTo>
                  <a:pt x="18" y="24"/>
                </a:lnTo>
                <a:lnTo>
                  <a:pt x="12" y="32"/>
                </a:lnTo>
                <a:lnTo>
                  <a:pt x="12" y="44"/>
                </a:lnTo>
                <a:lnTo>
                  <a:pt x="8" y="50"/>
                </a:lnTo>
                <a:lnTo>
                  <a:pt x="0" y="46"/>
                </a:lnTo>
                <a:lnTo>
                  <a:pt x="0" y="38"/>
                </a:lnTo>
                <a:lnTo>
                  <a:pt x="4" y="28"/>
                </a:lnTo>
                <a:lnTo>
                  <a:pt x="4" y="24"/>
                </a:lnTo>
                <a:close/>
              </a:path>
            </a:pathLst>
          </a:custGeom>
          <a:solidFill>
            <a:srgbClr val="FF921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60" name="Freeform 81"/>
          <p:cNvSpPr>
            <a:spLocks/>
          </p:cNvSpPr>
          <p:nvPr/>
        </p:nvSpPr>
        <p:spPr bwMode="auto">
          <a:xfrm>
            <a:off x="5284788" y="2986088"/>
            <a:ext cx="163512" cy="257175"/>
          </a:xfrm>
          <a:custGeom>
            <a:avLst/>
            <a:gdLst>
              <a:gd name="T0" fmla="*/ 2147483647 w 126"/>
              <a:gd name="T1" fmla="*/ 2147483647 h 198"/>
              <a:gd name="T2" fmla="*/ 2147483647 w 126"/>
              <a:gd name="T3" fmla="*/ 2147483647 h 198"/>
              <a:gd name="T4" fmla="*/ 2147483647 w 126"/>
              <a:gd name="T5" fmla="*/ 2147483647 h 198"/>
              <a:gd name="T6" fmla="*/ 2147483647 w 126"/>
              <a:gd name="T7" fmla="*/ 2147483647 h 198"/>
              <a:gd name="T8" fmla="*/ 2147483647 w 126"/>
              <a:gd name="T9" fmla="*/ 2147483647 h 198"/>
              <a:gd name="T10" fmla="*/ 2147483647 w 126"/>
              <a:gd name="T11" fmla="*/ 2147483647 h 198"/>
              <a:gd name="T12" fmla="*/ 2147483647 w 126"/>
              <a:gd name="T13" fmla="*/ 2147483647 h 198"/>
              <a:gd name="T14" fmla="*/ 2147483647 w 126"/>
              <a:gd name="T15" fmla="*/ 2147483647 h 198"/>
              <a:gd name="T16" fmla="*/ 2147483647 w 126"/>
              <a:gd name="T17" fmla="*/ 2147483647 h 198"/>
              <a:gd name="T18" fmla="*/ 2147483647 w 126"/>
              <a:gd name="T19" fmla="*/ 2147483647 h 198"/>
              <a:gd name="T20" fmla="*/ 2147483647 w 126"/>
              <a:gd name="T21" fmla="*/ 2147483647 h 198"/>
              <a:gd name="T22" fmla="*/ 2147483647 w 126"/>
              <a:gd name="T23" fmla="*/ 2147483647 h 198"/>
              <a:gd name="T24" fmla="*/ 2147483647 w 126"/>
              <a:gd name="T25" fmla="*/ 2147483647 h 198"/>
              <a:gd name="T26" fmla="*/ 2147483647 w 126"/>
              <a:gd name="T27" fmla="*/ 2147483647 h 198"/>
              <a:gd name="T28" fmla="*/ 2147483647 w 126"/>
              <a:gd name="T29" fmla="*/ 2147483647 h 198"/>
              <a:gd name="T30" fmla="*/ 2147483647 w 126"/>
              <a:gd name="T31" fmla="*/ 2147483647 h 198"/>
              <a:gd name="T32" fmla="*/ 2147483647 w 126"/>
              <a:gd name="T33" fmla="*/ 0 h 198"/>
              <a:gd name="T34" fmla="*/ 2147483647 w 126"/>
              <a:gd name="T35" fmla="*/ 2147483647 h 198"/>
              <a:gd name="T36" fmla="*/ 2147483647 w 126"/>
              <a:gd name="T37" fmla="*/ 2147483647 h 198"/>
              <a:gd name="T38" fmla="*/ 2147483647 w 126"/>
              <a:gd name="T39" fmla="*/ 2147483647 h 198"/>
              <a:gd name="T40" fmla="*/ 2147483647 w 126"/>
              <a:gd name="T41" fmla="*/ 2147483647 h 198"/>
              <a:gd name="T42" fmla="*/ 2147483647 w 126"/>
              <a:gd name="T43" fmla="*/ 2147483647 h 198"/>
              <a:gd name="T44" fmla="*/ 2147483647 w 126"/>
              <a:gd name="T45" fmla="*/ 2147483647 h 198"/>
              <a:gd name="T46" fmla="*/ 2147483647 w 126"/>
              <a:gd name="T47" fmla="*/ 2147483647 h 198"/>
              <a:gd name="T48" fmla="*/ 2147483647 w 126"/>
              <a:gd name="T49" fmla="*/ 2147483647 h 198"/>
              <a:gd name="T50" fmla="*/ 2147483647 w 126"/>
              <a:gd name="T51" fmla="*/ 2147483647 h 198"/>
              <a:gd name="T52" fmla="*/ 2147483647 w 126"/>
              <a:gd name="T53" fmla="*/ 2147483647 h 198"/>
              <a:gd name="T54" fmla="*/ 2147483647 w 126"/>
              <a:gd name="T55" fmla="*/ 2147483647 h 198"/>
              <a:gd name="T56" fmla="*/ 2147483647 w 126"/>
              <a:gd name="T57" fmla="*/ 2147483647 h 198"/>
              <a:gd name="T58" fmla="*/ 2147483647 w 126"/>
              <a:gd name="T59" fmla="*/ 2147483647 h 198"/>
              <a:gd name="T60" fmla="*/ 2147483647 w 126"/>
              <a:gd name="T61" fmla="*/ 2147483647 h 198"/>
              <a:gd name="T62" fmla="*/ 2147483647 w 126"/>
              <a:gd name="T63" fmla="*/ 2147483647 h 198"/>
              <a:gd name="T64" fmla="*/ 2147483647 w 126"/>
              <a:gd name="T65" fmla="*/ 2147483647 h 198"/>
              <a:gd name="T66" fmla="*/ 2147483647 w 126"/>
              <a:gd name="T67" fmla="*/ 2147483647 h 198"/>
              <a:gd name="T68" fmla="*/ 2147483647 w 126"/>
              <a:gd name="T69" fmla="*/ 2147483647 h 198"/>
              <a:gd name="T70" fmla="*/ 2147483647 w 126"/>
              <a:gd name="T71" fmla="*/ 2147483647 h 198"/>
              <a:gd name="T72" fmla="*/ 2147483647 w 126"/>
              <a:gd name="T73" fmla="*/ 2147483647 h 198"/>
              <a:gd name="T74" fmla="*/ 2147483647 w 126"/>
              <a:gd name="T75" fmla="*/ 2147483647 h 198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0" t="0" r="r" b="b"/>
            <a:pathLst>
              <a:path w="126" h="198">
                <a:moveTo>
                  <a:pt x="14" y="156"/>
                </a:moveTo>
                <a:lnTo>
                  <a:pt x="22" y="154"/>
                </a:lnTo>
                <a:lnTo>
                  <a:pt x="32" y="162"/>
                </a:lnTo>
                <a:lnTo>
                  <a:pt x="44" y="168"/>
                </a:lnTo>
                <a:lnTo>
                  <a:pt x="56" y="160"/>
                </a:lnTo>
                <a:lnTo>
                  <a:pt x="62" y="150"/>
                </a:lnTo>
                <a:lnTo>
                  <a:pt x="68" y="146"/>
                </a:lnTo>
                <a:lnTo>
                  <a:pt x="58" y="140"/>
                </a:lnTo>
                <a:lnTo>
                  <a:pt x="56" y="134"/>
                </a:lnTo>
                <a:lnTo>
                  <a:pt x="58" y="124"/>
                </a:lnTo>
                <a:lnTo>
                  <a:pt x="48" y="122"/>
                </a:lnTo>
                <a:lnTo>
                  <a:pt x="38" y="122"/>
                </a:lnTo>
                <a:lnTo>
                  <a:pt x="24" y="122"/>
                </a:lnTo>
                <a:lnTo>
                  <a:pt x="22" y="112"/>
                </a:lnTo>
                <a:lnTo>
                  <a:pt x="16" y="106"/>
                </a:lnTo>
                <a:lnTo>
                  <a:pt x="14" y="94"/>
                </a:lnTo>
                <a:lnTo>
                  <a:pt x="8" y="90"/>
                </a:lnTo>
                <a:lnTo>
                  <a:pt x="2" y="90"/>
                </a:lnTo>
                <a:lnTo>
                  <a:pt x="0" y="80"/>
                </a:lnTo>
                <a:lnTo>
                  <a:pt x="8" y="68"/>
                </a:lnTo>
                <a:lnTo>
                  <a:pt x="18" y="58"/>
                </a:lnTo>
                <a:lnTo>
                  <a:pt x="28" y="48"/>
                </a:lnTo>
                <a:lnTo>
                  <a:pt x="34" y="34"/>
                </a:lnTo>
                <a:lnTo>
                  <a:pt x="42" y="34"/>
                </a:lnTo>
                <a:lnTo>
                  <a:pt x="50" y="42"/>
                </a:lnTo>
                <a:lnTo>
                  <a:pt x="52" y="48"/>
                </a:lnTo>
                <a:lnTo>
                  <a:pt x="62" y="54"/>
                </a:lnTo>
                <a:lnTo>
                  <a:pt x="78" y="50"/>
                </a:lnTo>
                <a:lnTo>
                  <a:pt x="76" y="38"/>
                </a:lnTo>
                <a:lnTo>
                  <a:pt x="70" y="28"/>
                </a:lnTo>
                <a:lnTo>
                  <a:pt x="66" y="18"/>
                </a:lnTo>
                <a:lnTo>
                  <a:pt x="76" y="12"/>
                </a:lnTo>
                <a:lnTo>
                  <a:pt x="84" y="2"/>
                </a:lnTo>
                <a:lnTo>
                  <a:pt x="94" y="0"/>
                </a:lnTo>
                <a:lnTo>
                  <a:pt x="106" y="4"/>
                </a:lnTo>
                <a:lnTo>
                  <a:pt x="116" y="8"/>
                </a:lnTo>
                <a:lnTo>
                  <a:pt x="114" y="20"/>
                </a:lnTo>
                <a:lnTo>
                  <a:pt x="114" y="32"/>
                </a:lnTo>
                <a:lnTo>
                  <a:pt x="120" y="40"/>
                </a:lnTo>
                <a:lnTo>
                  <a:pt x="122" y="50"/>
                </a:lnTo>
                <a:lnTo>
                  <a:pt x="126" y="62"/>
                </a:lnTo>
                <a:lnTo>
                  <a:pt x="116" y="66"/>
                </a:lnTo>
                <a:lnTo>
                  <a:pt x="108" y="66"/>
                </a:lnTo>
                <a:lnTo>
                  <a:pt x="90" y="76"/>
                </a:lnTo>
                <a:lnTo>
                  <a:pt x="88" y="84"/>
                </a:lnTo>
                <a:lnTo>
                  <a:pt x="94" y="92"/>
                </a:lnTo>
                <a:lnTo>
                  <a:pt x="102" y="92"/>
                </a:lnTo>
                <a:lnTo>
                  <a:pt x="108" y="98"/>
                </a:lnTo>
                <a:lnTo>
                  <a:pt x="110" y="108"/>
                </a:lnTo>
                <a:lnTo>
                  <a:pt x="104" y="112"/>
                </a:lnTo>
                <a:lnTo>
                  <a:pt x="86" y="120"/>
                </a:lnTo>
                <a:lnTo>
                  <a:pt x="84" y="130"/>
                </a:lnTo>
                <a:lnTo>
                  <a:pt x="94" y="142"/>
                </a:lnTo>
                <a:lnTo>
                  <a:pt x="106" y="142"/>
                </a:lnTo>
                <a:lnTo>
                  <a:pt x="118" y="142"/>
                </a:lnTo>
                <a:lnTo>
                  <a:pt x="120" y="152"/>
                </a:lnTo>
                <a:lnTo>
                  <a:pt x="110" y="154"/>
                </a:lnTo>
                <a:lnTo>
                  <a:pt x="98" y="154"/>
                </a:lnTo>
                <a:lnTo>
                  <a:pt x="90" y="162"/>
                </a:lnTo>
                <a:lnTo>
                  <a:pt x="88" y="172"/>
                </a:lnTo>
                <a:lnTo>
                  <a:pt x="82" y="178"/>
                </a:lnTo>
                <a:lnTo>
                  <a:pt x="78" y="186"/>
                </a:lnTo>
                <a:lnTo>
                  <a:pt x="78" y="198"/>
                </a:lnTo>
                <a:lnTo>
                  <a:pt x="68" y="192"/>
                </a:lnTo>
                <a:lnTo>
                  <a:pt x="64" y="190"/>
                </a:lnTo>
                <a:lnTo>
                  <a:pt x="64" y="192"/>
                </a:lnTo>
                <a:lnTo>
                  <a:pt x="62" y="194"/>
                </a:lnTo>
                <a:lnTo>
                  <a:pt x="60" y="194"/>
                </a:lnTo>
                <a:lnTo>
                  <a:pt x="50" y="190"/>
                </a:lnTo>
                <a:lnTo>
                  <a:pt x="42" y="194"/>
                </a:lnTo>
                <a:lnTo>
                  <a:pt x="32" y="194"/>
                </a:lnTo>
                <a:lnTo>
                  <a:pt x="24" y="186"/>
                </a:lnTo>
                <a:lnTo>
                  <a:pt x="18" y="182"/>
                </a:lnTo>
                <a:lnTo>
                  <a:pt x="8" y="178"/>
                </a:lnTo>
                <a:lnTo>
                  <a:pt x="6" y="164"/>
                </a:lnTo>
                <a:lnTo>
                  <a:pt x="8" y="158"/>
                </a:lnTo>
                <a:lnTo>
                  <a:pt x="14" y="156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61" name="Freeform 82"/>
          <p:cNvSpPr>
            <a:spLocks/>
          </p:cNvSpPr>
          <p:nvPr/>
        </p:nvSpPr>
        <p:spPr bwMode="auto">
          <a:xfrm>
            <a:off x="5502275" y="3222625"/>
            <a:ext cx="61913" cy="79375"/>
          </a:xfrm>
          <a:custGeom>
            <a:avLst/>
            <a:gdLst>
              <a:gd name="T0" fmla="*/ 0 w 48"/>
              <a:gd name="T1" fmla="*/ 2147483647 h 62"/>
              <a:gd name="T2" fmla="*/ 2147483647 w 48"/>
              <a:gd name="T3" fmla="*/ 2147483647 h 62"/>
              <a:gd name="T4" fmla="*/ 2147483647 w 48"/>
              <a:gd name="T5" fmla="*/ 2147483647 h 62"/>
              <a:gd name="T6" fmla="*/ 2147483647 w 48"/>
              <a:gd name="T7" fmla="*/ 2147483647 h 62"/>
              <a:gd name="T8" fmla="*/ 2147483647 w 48"/>
              <a:gd name="T9" fmla="*/ 2147483647 h 62"/>
              <a:gd name="T10" fmla="*/ 2147483647 w 48"/>
              <a:gd name="T11" fmla="*/ 2147483647 h 62"/>
              <a:gd name="T12" fmla="*/ 2147483647 w 48"/>
              <a:gd name="T13" fmla="*/ 2147483647 h 62"/>
              <a:gd name="T14" fmla="*/ 2147483647 w 48"/>
              <a:gd name="T15" fmla="*/ 2147483647 h 62"/>
              <a:gd name="T16" fmla="*/ 2147483647 w 48"/>
              <a:gd name="T17" fmla="*/ 2147483647 h 62"/>
              <a:gd name="T18" fmla="*/ 2147483647 w 48"/>
              <a:gd name="T19" fmla="*/ 2147483647 h 62"/>
              <a:gd name="T20" fmla="*/ 2147483647 w 48"/>
              <a:gd name="T21" fmla="*/ 2147483647 h 62"/>
              <a:gd name="T22" fmla="*/ 2147483647 w 48"/>
              <a:gd name="T23" fmla="*/ 2147483647 h 62"/>
              <a:gd name="T24" fmla="*/ 2147483647 w 48"/>
              <a:gd name="T25" fmla="*/ 0 h 62"/>
              <a:gd name="T26" fmla="*/ 2147483647 w 48"/>
              <a:gd name="T27" fmla="*/ 2147483647 h 62"/>
              <a:gd name="T28" fmla="*/ 2147483647 w 48"/>
              <a:gd name="T29" fmla="*/ 2147483647 h 62"/>
              <a:gd name="T30" fmla="*/ 2147483647 w 48"/>
              <a:gd name="T31" fmla="*/ 2147483647 h 62"/>
              <a:gd name="T32" fmla="*/ 2147483647 w 48"/>
              <a:gd name="T33" fmla="*/ 2147483647 h 62"/>
              <a:gd name="T34" fmla="*/ 2147483647 w 48"/>
              <a:gd name="T35" fmla="*/ 2147483647 h 62"/>
              <a:gd name="T36" fmla="*/ 2147483647 w 48"/>
              <a:gd name="T37" fmla="*/ 2147483647 h 62"/>
              <a:gd name="T38" fmla="*/ 2147483647 w 48"/>
              <a:gd name="T39" fmla="*/ 2147483647 h 62"/>
              <a:gd name="T40" fmla="*/ 2147483647 w 48"/>
              <a:gd name="T41" fmla="*/ 2147483647 h 62"/>
              <a:gd name="T42" fmla="*/ 2147483647 w 48"/>
              <a:gd name="T43" fmla="*/ 2147483647 h 62"/>
              <a:gd name="T44" fmla="*/ 2147483647 w 48"/>
              <a:gd name="T45" fmla="*/ 2147483647 h 62"/>
              <a:gd name="T46" fmla="*/ 2147483647 w 48"/>
              <a:gd name="T47" fmla="*/ 2147483647 h 62"/>
              <a:gd name="T48" fmla="*/ 2147483647 w 48"/>
              <a:gd name="T49" fmla="*/ 2147483647 h 62"/>
              <a:gd name="T50" fmla="*/ 2147483647 w 48"/>
              <a:gd name="T51" fmla="*/ 2147483647 h 62"/>
              <a:gd name="T52" fmla="*/ 2147483647 w 48"/>
              <a:gd name="T53" fmla="*/ 2147483647 h 62"/>
              <a:gd name="T54" fmla="*/ 2147483647 w 48"/>
              <a:gd name="T55" fmla="*/ 2147483647 h 62"/>
              <a:gd name="T56" fmla="*/ 2147483647 w 48"/>
              <a:gd name="T57" fmla="*/ 2147483647 h 62"/>
              <a:gd name="T58" fmla="*/ 2147483647 w 48"/>
              <a:gd name="T59" fmla="*/ 2147483647 h 62"/>
              <a:gd name="T60" fmla="*/ 2147483647 w 48"/>
              <a:gd name="T61" fmla="*/ 2147483647 h 62"/>
              <a:gd name="T62" fmla="*/ 2147483647 w 48"/>
              <a:gd name="T63" fmla="*/ 2147483647 h 62"/>
              <a:gd name="T64" fmla="*/ 0 w 48"/>
              <a:gd name="T65" fmla="*/ 2147483647 h 62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0" t="0" r="r" b="b"/>
            <a:pathLst>
              <a:path w="48" h="62">
                <a:moveTo>
                  <a:pt x="0" y="42"/>
                </a:moveTo>
                <a:lnTo>
                  <a:pt x="4" y="38"/>
                </a:lnTo>
                <a:lnTo>
                  <a:pt x="2" y="24"/>
                </a:lnTo>
                <a:lnTo>
                  <a:pt x="8" y="22"/>
                </a:lnTo>
                <a:lnTo>
                  <a:pt x="14" y="24"/>
                </a:lnTo>
                <a:lnTo>
                  <a:pt x="22" y="28"/>
                </a:lnTo>
                <a:lnTo>
                  <a:pt x="22" y="20"/>
                </a:lnTo>
                <a:lnTo>
                  <a:pt x="18" y="16"/>
                </a:lnTo>
                <a:lnTo>
                  <a:pt x="10" y="18"/>
                </a:lnTo>
                <a:lnTo>
                  <a:pt x="4" y="12"/>
                </a:lnTo>
                <a:lnTo>
                  <a:pt x="4" y="8"/>
                </a:lnTo>
                <a:lnTo>
                  <a:pt x="8" y="2"/>
                </a:lnTo>
                <a:lnTo>
                  <a:pt x="14" y="0"/>
                </a:lnTo>
                <a:lnTo>
                  <a:pt x="18" y="4"/>
                </a:lnTo>
                <a:lnTo>
                  <a:pt x="22" y="14"/>
                </a:lnTo>
                <a:lnTo>
                  <a:pt x="26" y="16"/>
                </a:lnTo>
                <a:lnTo>
                  <a:pt x="28" y="14"/>
                </a:lnTo>
                <a:lnTo>
                  <a:pt x="34" y="14"/>
                </a:lnTo>
                <a:lnTo>
                  <a:pt x="38" y="18"/>
                </a:lnTo>
                <a:lnTo>
                  <a:pt x="40" y="22"/>
                </a:lnTo>
                <a:lnTo>
                  <a:pt x="36" y="26"/>
                </a:lnTo>
                <a:lnTo>
                  <a:pt x="32" y="32"/>
                </a:lnTo>
                <a:lnTo>
                  <a:pt x="36" y="36"/>
                </a:lnTo>
                <a:lnTo>
                  <a:pt x="42" y="40"/>
                </a:lnTo>
                <a:lnTo>
                  <a:pt x="48" y="50"/>
                </a:lnTo>
                <a:lnTo>
                  <a:pt x="42" y="52"/>
                </a:lnTo>
                <a:lnTo>
                  <a:pt x="28" y="50"/>
                </a:lnTo>
                <a:lnTo>
                  <a:pt x="26" y="48"/>
                </a:lnTo>
                <a:lnTo>
                  <a:pt x="20" y="50"/>
                </a:lnTo>
                <a:lnTo>
                  <a:pt x="20" y="58"/>
                </a:lnTo>
                <a:lnTo>
                  <a:pt x="14" y="62"/>
                </a:lnTo>
                <a:lnTo>
                  <a:pt x="2" y="56"/>
                </a:lnTo>
                <a:lnTo>
                  <a:pt x="0" y="4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62" name="Freeform 83"/>
          <p:cNvSpPr>
            <a:spLocks/>
          </p:cNvSpPr>
          <p:nvPr/>
        </p:nvSpPr>
        <p:spPr bwMode="auto">
          <a:xfrm>
            <a:off x="5641975" y="3121025"/>
            <a:ext cx="47625" cy="39688"/>
          </a:xfrm>
          <a:custGeom>
            <a:avLst/>
            <a:gdLst>
              <a:gd name="T0" fmla="*/ 2147483647 w 36"/>
              <a:gd name="T1" fmla="*/ 0 h 30"/>
              <a:gd name="T2" fmla="*/ 2147483647 w 36"/>
              <a:gd name="T3" fmla="*/ 0 h 30"/>
              <a:gd name="T4" fmla="*/ 2147483647 w 36"/>
              <a:gd name="T5" fmla="*/ 2147483647 h 30"/>
              <a:gd name="T6" fmla="*/ 2147483647 w 36"/>
              <a:gd name="T7" fmla="*/ 2147483647 h 30"/>
              <a:gd name="T8" fmla="*/ 2147483647 w 36"/>
              <a:gd name="T9" fmla="*/ 2147483647 h 30"/>
              <a:gd name="T10" fmla="*/ 2147483647 w 36"/>
              <a:gd name="T11" fmla="*/ 2147483647 h 30"/>
              <a:gd name="T12" fmla="*/ 2147483647 w 36"/>
              <a:gd name="T13" fmla="*/ 2147483647 h 30"/>
              <a:gd name="T14" fmla="*/ 2147483647 w 36"/>
              <a:gd name="T15" fmla="*/ 2147483647 h 30"/>
              <a:gd name="T16" fmla="*/ 2147483647 w 36"/>
              <a:gd name="T17" fmla="*/ 2147483647 h 30"/>
              <a:gd name="T18" fmla="*/ 0 w 36"/>
              <a:gd name="T19" fmla="*/ 2147483647 h 30"/>
              <a:gd name="T20" fmla="*/ 0 w 36"/>
              <a:gd name="T21" fmla="*/ 2147483647 h 30"/>
              <a:gd name="T22" fmla="*/ 2147483647 w 36"/>
              <a:gd name="T23" fmla="*/ 0 h 30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0" t="0" r="r" b="b"/>
            <a:pathLst>
              <a:path w="36" h="30">
                <a:moveTo>
                  <a:pt x="4" y="0"/>
                </a:moveTo>
                <a:lnTo>
                  <a:pt x="12" y="0"/>
                </a:lnTo>
                <a:lnTo>
                  <a:pt x="26" y="8"/>
                </a:lnTo>
                <a:lnTo>
                  <a:pt x="34" y="14"/>
                </a:lnTo>
                <a:lnTo>
                  <a:pt x="36" y="22"/>
                </a:lnTo>
                <a:lnTo>
                  <a:pt x="28" y="28"/>
                </a:lnTo>
                <a:lnTo>
                  <a:pt x="18" y="30"/>
                </a:lnTo>
                <a:lnTo>
                  <a:pt x="12" y="24"/>
                </a:lnTo>
                <a:lnTo>
                  <a:pt x="6" y="26"/>
                </a:lnTo>
                <a:lnTo>
                  <a:pt x="0" y="18"/>
                </a:lnTo>
                <a:lnTo>
                  <a:pt x="0" y="6"/>
                </a:lnTo>
                <a:lnTo>
                  <a:pt x="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63" name="Freeform 84"/>
          <p:cNvSpPr>
            <a:spLocks/>
          </p:cNvSpPr>
          <p:nvPr/>
        </p:nvSpPr>
        <p:spPr bwMode="auto">
          <a:xfrm>
            <a:off x="5238750" y="3017838"/>
            <a:ext cx="17463" cy="36512"/>
          </a:xfrm>
          <a:custGeom>
            <a:avLst/>
            <a:gdLst>
              <a:gd name="T0" fmla="*/ 2147483647 w 14"/>
              <a:gd name="T1" fmla="*/ 0 h 28"/>
              <a:gd name="T2" fmla="*/ 2147483647 w 14"/>
              <a:gd name="T3" fmla="*/ 2147483647 h 28"/>
              <a:gd name="T4" fmla="*/ 2147483647 w 14"/>
              <a:gd name="T5" fmla="*/ 2147483647 h 28"/>
              <a:gd name="T6" fmla="*/ 2147483647 w 14"/>
              <a:gd name="T7" fmla="*/ 2147483647 h 28"/>
              <a:gd name="T8" fmla="*/ 2147483647 w 14"/>
              <a:gd name="T9" fmla="*/ 2147483647 h 28"/>
              <a:gd name="T10" fmla="*/ 2147483647 w 14"/>
              <a:gd name="T11" fmla="*/ 2147483647 h 28"/>
              <a:gd name="T12" fmla="*/ 0 w 14"/>
              <a:gd name="T13" fmla="*/ 2147483647 h 28"/>
              <a:gd name="T14" fmla="*/ 0 w 14"/>
              <a:gd name="T15" fmla="*/ 2147483647 h 28"/>
              <a:gd name="T16" fmla="*/ 2147483647 w 14"/>
              <a:gd name="T17" fmla="*/ 2147483647 h 28"/>
              <a:gd name="T18" fmla="*/ 2147483647 w 14"/>
              <a:gd name="T19" fmla="*/ 2147483647 h 28"/>
              <a:gd name="T20" fmla="*/ 2147483647 w 14"/>
              <a:gd name="T21" fmla="*/ 0 h 2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4" h="28">
                <a:moveTo>
                  <a:pt x="4" y="0"/>
                </a:moveTo>
                <a:lnTo>
                  <a:pt x="10" y="4"/>
                </a:lnTo>
                <a:lnTo>
                  <a:pt x="14" y="10"/>
                </a:lnTo>
                <a:lnTo>
                  <a:pt x="14" y="16"/>
                </a:lnTo>
                <a:lnTo>
                  <a:pt x="12" y="24"/>
                </a:lnTo>
                <a:lnTo>
                  <a:pt x="8" y="28"/>
                </a:lnTo>
                <a:lnTo>
                  <a:pt x="0" y="24"/>
                </a:lnTo>
                <a:lnTo>
                  <a:pt x="0" y="14"/>
                </a:lnTo>
                <a:lnTo>
                  <a:pt x="4" y="8"/>
                </a:lnTo>
                <a:lnTo>
                  <a:pt x="2" y="4"/>
                </a:lnTo>
                <a:lnTo>
                  <a:pt x="4" y="0"/>
                </a:lnTo>
                <a:close/>
              </a:path>
            </a:pathLst>
          </a:custGeom>
          <a:solidFill>
            <a:srgbClr val="FF921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3964" name="Group 85"/>
          <p:cNvGrpSpPr>
            <a:grpSpLocks/>
          </p:cNvGrpSpPr>
          <p:nvPr/>
        </p:nvGrpSpPr>
        <p:grpSpPr bwMode="auto">
          <a:xfrm>
            <a:off x="4495800" y="3435350"/>
            <a:ext cx="414338" cy="441325"/>
            <a:chOff x="1672" y="2924"/>
            <a:chExt cx="320" cy="340"/>
          </a:xfrm>
        </p:grpSpPr>
        <p:sp>
          <p:nvSpPr>
            <p:cNvPr id="124038" name="Freeform 86"/>
            <p:cNvSpPr>
              <a:spLocks/>
            </p:cNvSpPr>
            <p:nvPr/>
          </p:nvSpPr>
          <p:spPr bwMode="auto">
            <a:xfrm>
              <a:off x="1672" y="2924"/>
              <a:ext cx="320" cy="340"/>
            </a:xfrm>
            <a:custGeom>
              <a:avLst/>
              <a:gdLst>
                <a:gd name="T0" fmla="*/ 18 w 320"/>
                <a:gd name="T1" fmla="*/ 244 h 340"/>
                <a:gd name="T2" fmla="*/ 48 w 320"/>
                <a:gd name="T3" fmla="*/ 252 h 340"/>
                <a:gd name="T4" fmla="*/ 74 w 320"/>
                <a:gd name="T5" fmla="*/ 238 h 340"/>
                <a:gd name="T6" fmla="*/ 66 w 320"/>
                <a:gd name="T7" fmla="*/ 222 h 340"/>
                <a:gd name="T8" fmla="*/ 42 w 320"/>
                <a:gd name="T9" fmla="*/ 214 h 340"/>
                <a:gd name="T10" fmla="*/ 44 w 320"/>
                <a:gd name="T11" fmla="*/ 204 h 340"/>
                <a:gd name="T12" fmla="*/ 74 w 320"/>
                <a:gd name="T13" fmla="*/ 216 h 340"/>
                <a:gd name="T14" fmla="*/ 80 w 320"/>
                <a:gd name="T15" fmla="*/ 206 h 340"/>
                <a:gd name="T16" fmla="*/ 62 w 320"/>
                <a:gd name="T17" fmla="*/ 178 h 340"/>
                <a:gd name="T18" fmla="*/ 92 w 320"/>
                <a:gd name="T19" fmla="*/ 148 h 340"/>
                <a:gd name="T20" fmla="*/ 112 w 320"/>
                <a:gd name="T21" fmla="*/ 100 h 340"/>
                <a:gd name="T22" fmla="*/ 126 w 320"/>
                <a:gd name="T23" fmla="*/ 68 h 340"/>
                <a:gd name="T24" fmla="*/ 138 w 320"/>
                <a:gd name="T25" fmla="*/ 60 h 340"/>
                <a:gd name="T26" fmla="*/ 150 w 320"/>
                <a:gd name="T27" fmla="*/ 58 h 340"/>
                <a:gd name="T28" fmla="*/ 156 w 320"/>
                <a:gd name="T29" fmla="*/ 74 h 340"/>
                <a:gd name="T30" fmla="*/ 166 w 320"/>
                <a:gd name="T31" fmla="*/ 92 h 340"/>
                <a:gd name="T32" fmla="*/ 148 w 320"/>
                <a:gd name="T33" fmla="*/ 102 h 340"/>
                <a:gd name="T34" fmla="*/ 148 w 320"/>
                <a:gd name="T35" fmla="*/ 128 h 340"/>
                <a:gd name="T36" fmla="*/ 176 w 320"/>
                <a:gd name="T37" fmla="*/ 116 h 340"/>
                <a:gd name="T38" fmla="*/ 198 w 320"/>
                <a:gd name="T39" fmla="*/ 92 h 340"/>
                <a:gd name="T40" fmla="*/ 188 w 320"/>
                <a:gd name="T41" fmla="*/ 62 h 340"/>
                <a:gd name="T42" fmla="*/ 180 w 320"/>
                <a:gd name="T43" fmla="*/ 38 h 340"/>
                <a:gd name="T44" fmla="*/ 224 w 320"/>
                <a:gd name="T45" fmla="*/ 6 h 340"/>
                <a:gd name="T46" fmla="*/ 278 w 320"/>
                <a:gd name="T47" fmla="*/ 0 h 340"/>
                <a:gd name="T48" fmla="*/ 312 w 320"/>
                <a:gd name="T49" fmla="*/ 22 h 340"/>
                <a:gd name="T50" fmla="*/ 308 w 320"/>
                <a:gd name="T51" fmla="*/ 80 h 340"/>
                <a:gd name="T52" fmla="*/ 278 w 320"/>
                <a:gd name="T53" fmla="*/ 124 h 340"/>
                <a:gd name="T54" fmla="*/ 288 w 320"/>
                <a:gd name="T55" fmla="*/ 172 h 340"/>
                <a:gd name="T56" fmla="*/ 280 w 320"/>
                <a:gd name="T57" fmla="*/ 198 h 340"/>
                <a:gd name="T58" fmla="*/ 218 w 320"/>
                <a:gd name="T59" fmla="*/ 202 h 340"/>
                <a:gd name="T60" fmla="*/ 232 w 320"/>
                <a:gd name="T61" fmla="*/ 268 h 340"/>
                <a:gd name="T62" fmla="*/ 204 w 320"/>
                <a:gd name="T63" fmla="*/ 306 h 340"/>
                <a:gd name="T64" fmla="*/ 212 w 320"/>
                <a:gd name="T65" fmla="*/ 340 h 340"/>
                <a:gd name="T66" fmla="*/ 182 w 320"/>
                <a:gd name="T67" fmla="*/ 332 h 340"/>
                <a:gd name="T68" fmla="*/ 194 w 320"/>
                <a:gd name="T69" fmla="*/ 314 h 340"/>
                <a:gd name="T70" fmla="*/ 202 w 320"/>
                <a:gd name="T71" fmla="*/ 292 h 340"/>
                <a:gd name="T72" fmla="*/ 182 w 320"/>
                <a:gd name="T73" fmla="*/ 284 h 340"/>
                <a:gd name="T74" fmla="*/ 150 w 320"/>
                <a:gd name="T75" fmla="*/ 274 h 340"/>
                <a:gd name="T76" fmla="*/ 140 w 320"/>
                <a:gd name="T77" fmla="*/ 258 h 340"/>
                <a:gd name="T78" fmla="*/ 134 w 320"/>
                <a:gd name="T79" fmla="*/ 246 h 340"/>
                <a:gd name="T80" fmla="*/ 122 w 320"/>
                <a:gd name="T81" fmla="*/ 252 h 340"/>
                <a:gd name="T82" fmla="*/ 112 w 320"/>
                <a:gd name="T83" fmla="*/ 242 h 340"/>
                <a:gd name="T84" fmla="*/ 102 w 320"/>
                <a:gd name="T85" fmla="*/ 242 h 340"/>
                <a:gd name="T86" fmla="*/ 86 w 320"/>
                <a:gd name="T87" fmla="*/ 256 h 340"/>
                <a:gd name="T88" fmla="*/ 64 w 320"/>
                <a:gd name="T89" fmla="*/ 264 h 340"/>
                <a:gd name="T90" fmla="*/ 38 w 320"/>
                <a:gd name="T91" fmla="*/ 270 h 340"/>
                <a:gd name="T92" fmla="*/ 14 w 320"/>
                <a:gd name="T93" fmla="*/ 264 h 340"/>
                <a:gd name="T94" fmla="*/ 0 w 320"/>
                <a:gd name="T95" fmla="*/ 252 h 340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0" t="0" r="r" b="b"/>
              <a:pathLst>
                <a:path w="320" h="340">
                  <a:moveTo>
                    <a:pt x="0" y="252"/>
                  </a:moveTo>
                  <a:lnTo>
                    <a:pt x="8" y="246"/>
                  </a:lnTo>
                  <a:lnTo>
                    <a:pt x="18" y="244"/>
                  </a:lnTo>
                  <a:lnTo>
                    <a:pt x="24" y="250"/>
                  </a:lnTo>
                  <a:lnTo>
                    <a:pt x="36" y="252"/>
                  </a:lnTo>
                  <a:lnTo>
                    <a:pt x="48" y="252"/>
                  </a:lnTo>
                  <a:lnTo>
                    <a:pt x="64" y="254"/>
                  </a:lnTo>
                  <a:lnTo>
                    <a:pt x="72" y="244"/>
                  </a:lnTo>
                  <a:lnTo>
                    <a:pt x="74" y="238"/>
                  </a:lnTo>
                  <a:lnTo>
                    <a:pt x="66" y="232"/>
                  </a:lnTo>
                  <a:lnTo>
                    <a:pt x="62" y="226"/>
                  </a:lnTo>
                  <a:lnTo>
                    <a:pt x="66" y="222"/>
                  </a:lnTo>
                  <a:lnTo>
                    <a:pt x="56" y="220"/>
                  </a:lnTo>
                  <a:lnTo>
                    <a:pt x="48" y="218"/>
                  </a:lnTo>
                  <a:lnTo>
                    <a:pt x="42" y="214"/>
                  </a:lnTo>
                  <a:lnTo>
                    <a:pt x="32" y="214"/>
                  </a:lnTo>
                  <a:lnTo>
                    <a:pt x="34" y="204"/>
                  </a:lnTo>
                  <a:lnTo>
                    <a:pt x="44" y="204"/>
                  </a:lnTo>
                  <a:lnTo>
                    <a:pt x="56" y="208"/>
                  </a:lnTo>
                  <a:lnTo>
                    <a:pt x="66" y="212"/>
                  </a:lnTo>
                  <a:lnTo>
                    <a:pt x="74" y="216"/>
                  </a:lnTo>
                  <a:lnTo>
                    <a:pt x="86" y="214"/>
                  </a:lnTo>
                  <a:lnTo>
                    <a:pt x="92" y="210"/>
                  </a:lnTo>
                  <a:lnTo>
                    <a:pt x="80" y="206"/>
                  </a:lnTo>
                  <a:lnTo>
                    <a:pt x="70" y="198"/>
                  </a:lnTo>
                  <a:lnTo>
                    <a:pt x="62" y="192"/>
                  </a:lnTo>
                  <a:lnTo>
                    <a:pt x="62" y="178"/>
                  </a:lnTo>
                  <a:lnTo>
                    <a:pt x="70" y="174"/>
                  </a:lnTo>
                  <a:lnTo>
                    <a:pt x="78" y="162"/>
                  </a:lnTo>
                  <a:lnTo>
                    <a:pt x="92" y="148"/>
                  </a:lnTo>
                  <a:lnTo>
                    <a:pt x="104" y="126"/>
                  </a:lnTo>
                  <a:lnTo>
                    <a:pt x="110" y="114"/>
                  </a:lnTo>
                  <a:lnTo>
                    <a:pt x="112" y="100"/>
                  </a:lnTo>
                  <a:lnTo>
                    <a:pt x="120" y="90"/>
                  </a:lnTo>
                  <a:lnTo>
                    <a:pt x="118" y="78"/>
                  </a:lnTo>
                  <a:lnTo>
                    <a:pt x="126" y="68"/>
                  </a:lnTo>
                  <a:lnTo>
                    <a:pt x="126" y="58"/>
                  </a:lnTo>
                  <a:lnTo>
                    <a:pt x="134" y="56"/>
                  </a:lnTo>
                  <a:lnTo>
                    <a:pt x="138" y="60"/>
                  </a:lnTo>
                  <a:lnTo>
                    <a:pt x="142" y="62"/>
                  </a:lnTo>
                  <a:lnTo>
                    <a:pt x="146" y="62"/>
                  </a:lnTo>
                  <a:lnTo>
                    <a:pt x="150" y="58"/>
                  </a:lnTo>
                  <a:lnTo>
                    <a:pt x="154" y="56"/>
                  </a:lnTo>
                  <a:lnTo>
                    <a:pt x="154" y="64"/>
                  </a:lnTo>
                  <a:lnTo>
                    <a:pt x="156" y="74"/>
                  </a:lnTo>
                  <a:lnTo>
                    <a:pt x="164" y="82"/>
                  </a:lnTo>
                  <a:lnTo>
                    <a:pt x="170" y="88"/>
                  </a:lnTo>
                  <a:lnTo>
                    <a:pt x="166" y="92"/>
                  </a:lnTo>
                  <a:lnTo>
                    <a:pt x="160" y="100"/>
                  </a:lnTo>
                  <a:lnTo>
                    <a:pt x="152" y="100"/>
                  </a:lnTo>
                  <a:lnTo>
                    <a:pt x="148" y="102"/>
                  </a:lnTo>
                  <a:lnTo>
                    <a:pt x="150" y="110"/>
                  </a:lnTo>
                  <a:lnTo>
                    <a:pt x="150" y="116"/>
                  </a:lnTo>
                  <a:lnTo>
                    <a:pt x="148" y="128"/>
                  </a:lnTo>
                  <a:lnTo>
                    <a:pt x="154" y="130"/>
                  </a:lnTo>
                  <a:lnTo>
                    <a:pt x="162" y="122"/>
                  </a:lnTo>
                  <a:lnTo>
                    <a:pt x="176" y="116"/>
                  </a:lnTo>
                  <a:lnTo>
                    <a:pt x="184" y="106"/>
                  </a:lnTo>
                  <a:lnTo>
                    <a:pt x="192" y="102"/>
                  </a:lnTo>
                  <a:lnTo>
                    <a:pt x="198" y="92"/>
                  </a:lnTo>
                  <a:lnTo>
                    <a:pt x="196" y="80"/>
                  </a:lnTo>
                  <a:lnTo>
                    <a:pt x="196" y="72"/>
                  </a:lnTo>
                  <a:lnTo>
                    <a:pt x="188" y="62"/>
                  </a:lnTo>
                  <a:lnTo>
                    <a:pt x="180" y="52"/>
                  </a:lnTo>
                  <a:lnTo>
                    <a:pt x="166" y="44"/>
                  </a:lnTo>
                  <a:lnTo>
                    <a:pt x="180" y="38"/>
                  </a:lnTo>
                  <a:lnTo>
                    <a:pt x="184" y="22"/>
                  </a:lnTo>
                  <a:lnTo>
                    <a:pt x="198" y="14"/>
                  </a:lnTo>
                  <a:lnTo>
                    <a:pt x="224" y="6"/>
                  </a:lnTo>
                  <a:lnTo>
                    <a:pt x="242" y="2"/>
                  </a:lnTo>
                  <a:lnTo>
                    <a:pt x="260" y="2"/>
                  </a:lnTo>
                  <a:lnTo>
                    <a:pt x="278" y="0"/>
                  </a:lnTo>
                  <a:lnTo>
                    <a:pt x="292" y="0"/>
                  </a:lnTo>
                  <a:lnTo>
                    <a:pt x="298" y="12"/>
                  </a:lnTo>
                  <a:lnTo>
                    <a:pt x="312" y="22"/>
                  </a:lnTo>
                  <a:lnTo>
                    <a:pt x="320" y="28"/>
                  </a:lnTo>
                  <a:lnTo>
                    <a:pt x="320" y="64"/>
                  </a:lnTo>
                  <a:lnTo>
                    <a:pt x="308" y="80"/>
                  </a:lnTo>
                  <a:lnTo>
                    <a:pt x="306" y="102"/>
                  </a:lnTo>
                  <a:lnTo>
                    <a:pt x="284" y="102"/>
                  </a:lnTo>
                  <a:lnTo>
                    <a:pt x="278" y="124"/>
                  </a:lnTo>
                  <a:lnTo>
                    <a:pt x="304" y="134"/>
                  </a:lnTo>
                  <a:lnTo>
                    <a:pt x="300" y="154"/>
                  </a:lnTo>
                  <a:lnTo>
                    <a:pt x="288" y="172"/>
                  </a:lnTo>
                  <a:lnTo>
                    <a:pt x="276" y="176"/>
                  </a:lnTo>
                  <a:lnTo>
                    <a:pt x="286" y="190"/>
                  </a:lnTo>
                  <a:lnTo>
                    <a:pt x="280" y="198"/>
                  </a:lnTo>
                  <a:lnTo>
                    <a:pt x="262" y="200"/>
                  </a:lnTo>
                  <a:lnTo>
                    <a:pt x="230" y="198"/>
                  </a:lnTo>
                  <a:lnTo>
                    <a:pt x="218" y="202"/>
                  </a:lnTo>
                  <a:lnTo>
                    <a:pt x="222" y="230"/>
                  </a:lnTo>
                  <a:lnTo>
                    <a:pt x="232" y="242"/>
                  </a:lnTo>
                  <a:lnTo>
                    <a:pt x="232" y="268"/>
                  </a:lnTo>
                  <a:lnTo>
                    <a:pt x="220" y="282"/>
                  </a:lnTo>
                  <a:lnTo>
                    <a:pt x="224" y="294"/>
                  </a:lnTo>
                  <a:lnTo>
                    <a:pt x="204" y="306"/>
                  </a:lnTo>
                  <a:lnTo>
                    <a:pt x="208" y="314"/>
                  </a:lnTo>
                  <a:lnTo>
                    <a:pt x="216" y="324"/>
                  </a:lnTo>
                  <a:lnTo>
                    <a:pt x="212" y="340"/>
                  </a:lnTo>
                  <a:lnTo>
                    <a:pt x="200" y="340"/>
                  </a:lnTo>
                  <a:lnTo>
                    <a:pt x="188" y="340"/>
                  </a:lnTo>
                  <a:lnTo>
                    <a:pt x="182" y="332"/>
                  </a:lnTo>
                  <a:lnTo>
                    <a:pt x="182" y="326"/>
                  </a:lnTo>
                  <a:lnTo>
                    <a:pt x="190" y="320"/>
                  </a:lnTo>
                  <a:lnTo>
                    <a:pt x="194" y="314"/>
                  </a:lnTo>
                  <a:lnTo>
                    <a:pt x="194" y="302"/>
                  </a:lnTo>
                  <a:lnTo>
                    <a:pt x="202" y="300"/>
                  </a:lnTo>
                  <a:lnTo>
                    <a:pt x="202" y="292"/>
                  </a:lnTo>
                  <a:lnTo>
                    <a:pt x="200" y="288"/>
                  </a:lnTo>
                  <a:lnTo>
                    <a:pt x="194" y="286"/>
                  </a:lnTo>
                  <a:lnTo>
                    <a:pt x="182" y="284"/>
                  </a:lnTo>
                  <a:lnTo>
                    <a:pt x="178" y="276"/>
                  </a:lnTo>
                  <a:lnTo>
                    <a:pt x="162" y="278"/>
                  </a:lnTo>
                  <a:lnTo>
                    <a:pt x="150" y="274"/>
                  </a:lnTo>
                  <a:lnTo>
                    <a:pt x="150" y="268"/>
                  </a:lnTo>
                  <a:lnTo>
                    <a:pt x="144" y="266"/>
                  </a:lnTo>
                  <a:lnTo>
                    <a:pt x="140" y="258"/>
                  </a:lnTo>
                  <a:lnTo>
                    <a:pt x="142" y="250"/>
                  </a:lnTo>
                  <a:lnTo>
                    <a:pt x="140" y="246"/>
                  </a:lnTo>
                  <a:lnTo>
                    <a:pt x="134" y="246"/>
                  </a:lnTo>
                  <a:lnTo>
                    <a:pt x="132" y="254"/>
                  </a:lnTo>
                  <a:lnTo>
                    <a:pt x="126" y="256"/>
                  </a:lnTo>
                  <a:lnTo>
                    <a:pt x="122" y="252"/>
                  </a:lnTo>
                  <a:lnTo>
                    <a:pt x="122" y="246"/>
                  </a:lnTo>
                  <a:lnTo>
                    <a:pt x="118" y="242"/>
                  </a:lnTo>
                  <a:lnTo>
                    <a:pt x="112" y="242"/>
                  </a:lnTo>
                  <a:lnTo>
                    <a:pt x="110" y="248"/>
                  </a:lnTo>
                  <a:lnTo>
                    <a:pt x="102" y="248"/>
                  </a:lnTo>
                  <a:lnTo>
                    <a:pt x="102" y="242"/>
                  </a:lnTo>
                  <a:lnTo>
                    <a:pt x="94" y="244"/>
                  </a:lnTo>
                  <a:lnTo>
                    <a:pt x="88" y="244"/>
                  </a:lnTo>
                  <a:lnTo>
                    <a:pt x="86" y="256"/>
                  </a:lnTo>
                  <a:lnTo>
                    <a:pt x="74" y="256"/>
                  </a:lnTo>
                  <a:lnTo>
                    <a:pt x="68" y="264"/>
                  </a:lnTo>
                  <a:lnTo>
                    <a:pt x="64" y="264"/>
                  </a:lnTo>
                  <a:lnTo>
                    <a:pt x="56" y="272"/>
                  </a:lnTo>
                  <a:lnTo>
                    <a:pt x="46" y="274"/>
                  </a:lnTo>
                  <a:lnTo>
                    <a:pt x="38" y="270"/>
                  </a:lnTo>
                  <a:lnTo>
                    <a:pt x="34" y="264"/>
                  </a:lnTo>
                  <a:lnTo>
                    <a:pt x="20" y="260"/>
                  </a:lnTo>
                  <a:lnTo>
                    <a:pt x="14" y="264"/>
                  </a:lnTo>
                  <a:lnTo>
                    <a:pt x="6" y="266"/>
                  </a:lnTo>
                  <a:lnTo>
                    <a:pt x="0" y="260"/>
                  </a:lnTo>
                  <a:lnTo>
                    <a:pt x="0" y="252"/>
                  </a:lnTo>
                  <a:close/>
                </a:path>
              </a:pathLst>
            </a:custGeom>
            <a:solidFill>
              <a:srgbClr val="FF99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39" name="Freeform 87"/>
            <p:cNvSpPr>
              <a:spLocks/>
            </p:cNvSpPr>
            <p:nvPr/>
          </p:nvSpPr>
          <p:spPr bwMode="auto">
            <a:xfrm>
              <a:off x="1682" y="3144"/>
              <a:ext cx="52" cy="28"/>
            </a:xfrm>
            <a:custGeom>
              <a:avLst/>
              <a:gdLst>
                <a:gd name="T0" fmla="*/ 12 w 52"/>
                <a:gd name="T1" fmla="*/ 2 h 28"/>
                <a:gd name="T2" fmla="*/ 22 w 52"/>
                <a:gd name="T3" fmla="*/ 0 h 28"/>
                <a:gd name="T4" fmla="*/ 32 w 52"/>
                <a:gd name="T5" fmla="*/ 2 h 28"/>
                <a:gd name="T6" fmla="*/ 32 w 52"/>
                <a:gd name="T7" fmla="*/ 4 h 28"/>
                <a:gd name="T8" fmla="*/ 34 w 52"/>
                <a:gd name="T9" fmla="*/ 6 h 28"/>
                <a:gd name="T10" fmla="*/ 38 w 52"/>
                <a:gd name="T11" fmla="*/ 10 h 28"/>
                <a:gd name="T12" fmla="*/ 42 w 52"/>
                <a:gd name="T13" fmla="*/ 12 h 28"/>
                <a:gd name="T14" fmla="*/ 48 w 52"/>
                <a:gd name="T15" fmla="*/ 16 h 28"/>
                <a:gd name="T16" fmla="*/ 52 w 52"/>
                <a:gd name="T17" fmla="*/ 22 h 28"/>
                <a:gd name="T18" fmla="*/ 44 w 52"/>
                <a:gd name="T19" fmla="*/ 28 h 28"/>
                <a:gd name="T20" fmla="*/ 32 w 52"/>
                <a:gd name="T21" fmla="*/ 28 h 28"/>
                <a:gd name="T22" fmla="*/ 22 w 52"/>
                <a:gd name="T23" fmla="*/ 26 h 28"/>
                <a:gd name="T24" fmla="*/ 20 w 52"/>
                <a:gd name="T25" fmla="*/ 22 h 28"/>
                <a:gd name="T26" fmla="*/ 14 w 52"/>
                <a:gd name="T27" fmla="*/ 22 h 28"/>
                <a:gd name="T28" fmla="*/ 6 w 52"/>
                <a:gd name="T29" fmla="*/ 20 h 28"/>
                <a:gd name="T30" fmla="*/ 2 w 52"/>
                <a:gd name="T31" fmla="*/ 16 h 28"/>
                <a:gd name="T32" fmla="*/ 0 w 52"/>
                <a:gd name="T33" fmla="*/ 10 h 28"/>
                <a:gd name="T34" fmla="*/ 4 w 52"/>
                <a:gd name="T35" fmla="*/ 6 h 28"/>
                <a:gd name="T36" fmla="*/ 12 w 52"/>
                <a:gd name="T37" fmla="*/ 2 h 28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</a:gdLst>
              <a:ahLst/>
              <a:cxnLst>
                <a:cxn ang="T38">
                  <a:pos x="T0" y="T1"/>
                </a:cxn>
                <a:cxn ang="T39">
                  <a:pos x="T2" y="T3"/>
                </a:cxn>
                <a:cxn ang="T40">
                  <a:pos x="T4" y="T5"/>
                </a:cxn>
                <a:cxn ang="T41">
                  <a:pos x="T6" y="T7"/>
                </a:cxn>
                <a:cxn ang="T42">
                  <a:pos x="T8" y="T9"/>
                </a:cxn>
                <a:cxn ang="T43">
                  <a:pos x="T10" y="T11"/>
                </a:cxn>
                <a:cxn ang="T44">
                  <a:pos x="T12" y="T13"/>
                </a:cxn>
                <a:cxn ang="T45">
                  <a:pos x="T14" y="T15"/>
                </a:cxn>
                <a:cxn ang="T46">
                  <a:pos x="T16" y="T17"/>
                </a:cxn>
                <a:cxn ang="T47">
                  <a:pos x="T18" y="T19"/>
                </a:cxn>
                <a:cxn ang="T48">
                  <a:pos x="T20" y="T21"/>
                </a:cxn>
                <a:cxn ang="T49">
                  <a:pos x="T22" y="T23"/>
                </a:cxn>
                <a:cxn ang="T50">
                  <a:pos x="T24" y="T25"/>
                </a:cxn>
                <a:cxn ang="T51">
                  <a:pos x="T26" y="T27"/>
                </a:cxn>
                <a:cxn ang="T52">
                  <a:pos x="T28" y="T29"/>
                </a:cxn>
                <a:cxn ang="T53">
                  <a:pos x="T30" y="T31"/>
                </a:cxn>
                <a:cxn ang="T54">
                  <a:pos x="T32" y="T33"/>
                </a:cxn>
                <a:cxn ang="T55">
                  <a:pos x="T34" y="T35"/>
                </a:cxn>
                <a:cxn ang="T56">
                  <a:pos x="T36" y="T37"/>
                </a:cxn>
              </a:cxnLst>
              <a:rect l="0" t="0" r="r" b="b"/>
              <a:pathLst>
                <a:path w="52" h="28">
                  <a:moveTo>
                    <a:pt x="12" y="2"/>
                  </a:moveTo>
                  <a:lnTo>
                    <a:pt x="22" y="0"/>
                  </a:lnTo>
                  <a:lnTo>
                    <a:pt x="32" y="2"/>
                  </a:lnTo>
                  <a:lnTo>
                    <a:pt x="32" y="4"/>
                  </a:lnTo>
                  <a:lnTo>
                    <a:pt x="34" y="6"/>
                  </a:lnTo>
                  <a:lnTo>
                    <a:pt x="38" y="10"/>
                  </a:lnTo>
                  <a:lnTo>
                    <a:pt x="42" y="12"/>
                  </a:lnTo>
                  <a:lnTo>
                    <a:pt x="48" y="16"/>
                  </a:lnTo>
                  <a:lnTo>
                    <a:pt x="52" y="22"/>
                  </a:lnTo>
                  <a:lnTo>
                    <a:pt x="44" y="28"/>
                  </a:lnTo>
                  <a:lnTo>
                    <a:pt x="32" y="28"/>
                  </a:lnTo>
                  <a:lnTo>
                    <a:pt x="22" y="26"/>
                  </a:lnTo>
                  <a:lnTo>
                    <a:pt x="20" y="22"/>
                  </a:lnTo>
                  <a:lnTo>
                    <a:pt x="14" y="22"/>
                  </a:lnTo>
                  <a:lnTo>
                    <a:pt x="6" y="20"/>
                  </a:lnTo>
                  <a:lnTo>
                    <a:pt x="2" y="16"/>
                  </a:lnTo>
                  <a:lnTo>
                    <a:pt x="0" y="10"/>
                  </a:lnTo>
                  <a:lnTo>
                    <a:pt x="4" y="6"/>
                  </a:lnTo>
                  <a:lnTo>
                    <a:pt x="12" y="2"/>
                  </a:lnTo>
                  <a:close/>
                </a:path>
              </a:pathLst>
            </a:custGeom>
            <a:solidFill>
              <a:srgbClr val="FF99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3965" name="Freeform 88"/>
          <p:cNvSpPr>
            <a:spLocks/>
          </p:cNvSpPr>
          <p:nvPr/>
        </p:nvSpPr>
        <p:spPr bwMode="auto">
          <a:xfrm>
            <a:off x="4408488" y="3749675"/>
            <a:ext cx="398462" cy="333375"/>
          </a:xfrm>
          <a:custGeom>
            <a:avLst/>
            <a:gdLst>
              <a:gd name="T0" fmla="*/ 2147483647 w 308"/>
              <a:gd name="T1" fmla="*/ 2147483647 h 258"/>
              <a:gd name="T2" fmla="*/ 2147483647 w 308"/>
              <a:gd name="T3" fmla="*/ 2147483647 h 258"/>
              <a:gd name="T4" fmla="*/ 2147483647 w 308"/>
              <a:gd name="T5" fmla="*/ 2147483647 h 258"/>
              <a:gd name="T6" fmla="*/ 2147483647 w 308"/>
              <a:gd name="T7" fmla="*/ 2147483647 h 258"/>
              <a:gd name="T8" fmla="*/ 2147483647 w 308"/>
              <a:gd name="T9" fmla="*/ 2147483647 h 258"/>
              <a:gd name="T10" fmla="*/ 2147483647 w 308"/>
              <a:gd name="T11" fmla="*/ 2147483647 h 258"/>
              <a:gd name="T12" fmla="*/ 2147483647 w 308"/>
              <a:gd name="T13" fmla="*/ 2147483647 h 258"/>
              <a:gd name="T14" fmla="*/ 2147483647 w 308"/>
              <a:gd name="T15" fmla="*/ 2147483647 h 258"/>
              <a:gd name="T16" fmla="*/ 2147483647 w 308"/>
              <a:gd name="T17" fmla="*/ 2147483647 h 258"/>
              <a:gd name="T18" fmla="*/ 2147483647 w 308"/>
              <a:gd name="T19" fmla="*/ 2147483647 h 258"/>
              <a:gd name="T20" fmla="*/ 2147483647 w 308"/>
              <a:gd name="T21" fmla="*/ 0 h 258"/>
              <a:gd name="T22" fmla="*/ 2147483647 w 308"/>
              <a:gd name="T23" fmla="*/ 2147483647 h 258"/>
              <a:gd name="T24" fmla="*/ 2147483647 w 308"/>
              <a:gd name="T25" fmla="*/ 2147483647 h 258"/>
              <a:gd name="T26" fmla="*/ 2147483647 w 308"/>
              <a:gd name="T27" fmla="*/ 2147483647 h 258"/>
              <a:gd name="T28" fmla="*/ 2147483647 w 308"/>
              <a:gd name="T29" fmla="*/ 2147483647 h 258"/>
              <a:gd name="T30" fmla="*/ 2147483647 w 308"/>
              <a:gd name="T31" fmla="*/ 2147483647 h 258"/>
              <a:gd name="T32" fmla="*/ 2147483647 w 308"/>
              <a:gd name="T33" fmla="*/ 2147483647 h 258"/>
              <a:gd name="T34" fmla="*/ 2147483647 w 308"/>
              <a:gd name="T35" fmla="*/ 2147483647 h 258"/>
              <a:gd name="T36" fmla="*/ 2147483647 w 308"/>
              <a:gd name="T37" fmla="*/ 2147483647 h 258"/>
              <a:gd name="T38" fmla="*/ 2147483647 w 308"/>
              <a:gd name="T39" fmla="*/ 2147483647 h 258"/>
              <a:gd name="T40" fmla="*/ 2147483647 w 308"/>
              <a:gd name="T41" fmla="*/ 2147483647 h 258"/>
              <a:gd name="T42" fmla="*/ 2147483647 w 308"/>
              <a:gd name="T43" fmla="*/ 2147483647 h 258"/>
              <a:gd name="T44" fmla="*/ 2147483647 w 308"/>
              <a:gd name="T45" fmla="*/ 2147483647 h 258"/>
              <a:gd name="T46" fmla="*/ 2147483647 w 308"/>
              <a:gd name="T47" fmla="*/ 2147483647 h 258"/>
              <a:gd name="T48" fmla="*/ 2147483647 w 308"/>
              <a:gd name="T49" fmla="*/ 2147483647 h 258"/>
              <a:gd name="T50" fmla="*/ 2147483647 w 308"/>
              <a:gd name="T51" fmla="*/ 2147483647 h 258"/>
              <a:gd name="T52" fmla="*/ 2147483647 w 308"/>
              <a:gd name="T53" fmla="*/ 2147483647 h 258"/>
              <a:gd name="T54" fmla="*/ 2147483647 w 308"/>
              <a:gd name="T55" fmla="*/ 2147483647 h 258"/>
              <a:gd name="T56" fmla="*/ 2147483647 w 308"/>
              <a:gd name="T57" fmla="*/ 2147483647 h 258"/>
              <a:gd name="T58" fmla="*/ 2147483647 w 308"/>
              <a:gd name="T59" fmla="*/ 2147483647 h 258"/>
              <a:gd name="T60" fmla="*/ 2147483647 w 308"/>
              <a:gd name="T61" fmla="*/ 2147483647 h 258"/>
              <a:gd name="T62" fmla="*/ 2147483647 w 308"/>
              <a:gd name="T63" fmla="*/ 2147483647 h 258"/>
              <a:gd name="T64" fmla="*/ 2147483647 w 308"/>
              <a:gd name="T65" fmla="*/ 2147483647 h 258"/>
              <a:gd name="T66" fmla="*/ 2147483647 w 308"/>
              <a:gd name="T67" fmla="*/ 2147483647 h 258"/>
              <a:gd name="T68" fmla="*/ 2147483647 w 308"/>
              <a:gd name="T69" fmla="*/ 2147483647 h 258"/>
              <a:gd name="T70" fmla="*/ 2147483647 w 308"/>
              <a:gd name="T71" fmla="*/ 2147483647 h 258"/>
              <a:gd name="T72" fmla="*/ 2147483647 w 308"/>
              <a:gd name="T73" fmla="*/ 2147483647 h 258"/>
              <a:gd name="T74" fmla="*/ 2147483647 w 308"/>
              <a:gd name="T75" fmla="*/ 2147483647 h 258"/>
              <a:gd name="T76" fmla="*/ 2147483647 w 308"/>
              <a:gd name="T77" fmla="*/ 2147483647 h 258"/>
              <a:gd name="T78" fmla="*/ 2147483647 w 308"/>
              <a:gd name="T79" fmla="*/ 2147483647 h 258"/>
              <a:gd name="T80" fmla="*/ 2147483647 w 308"/>
              <a:gd name="T81" fmla="*/ 2147483647 h 258"/>
              <a:gd name="T82" fmla="*/ 2147483647 w 308"/>
              <a:gd name="T83" fmla="*/ 2147483647 h 258"/>
              <a:gd name="T84" fmla="*/ 2147483647 w 308"/>
              <a:gd name="T85" fmla="*/ 2147483647 h 258"/>
              <a:gd name="T86" fmla="*/ 2147483647 w 308"/>
              <a:gd name="T87" fmla="*/ 2147483647 h 258"/>
              <a:gd name="T88" fmla="*/ 2147483647 w 308"/>
              <a:gd name="T89" fmla="*/ 2147483647 h 258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0" t="0" r="r" b="b"/>
            <a:pathLst>
              <a:path w="308" h="258">
                <a:moveTo>
                  <a:pt x="2" y="38"/>
                </a:moveTo>
                <a:lnTo>
                  <a:pt x="18" y="32"/>
                </a:lnTo>
                <a:lnTo>
                  <a:pt x="36" y="22"/>
                </a:lnTo>
                <a:lnTo>
                  <a:pt x="52" y="10"/>
                </a:lnTo>
                <a:lnTo>
                  <a:pt x="68" y="10"/>
                </a:lnTo>
                <a:lnTo>
                  <a:pt x="68" y="18"/>
                </a:lnTo>
                <a:lnTo>
                  <a:pt x="74" y="24"/>
                </a:lnTo>
                <a:lnTo>
                  <a:pt x="82" y="22"/>
                </a:lnTo>
                <a:lnTo>
                  <a:pt x="88" y="18"/>
                </a:lnTo>
                <a:lnTo>
                  <a:pt x="102" y="22"/>
                </a:lnTo>
                <a:lnTo>
                  <a:pt x="106" y="28"/>
                </a:lnTo>
                <a:lnTo>
                  <a:pt x="114" y="32"/>
                </a:lnTo>
                <a:lnTo>
                  <a:pt x="124" y="30"/>
                </a:lnTo>
                <a:lnTo>
                  <a:pt x="132" y="22"/>
                </a:lnTo>
                <a:lnTo>
                  <a:pt x="136" y="22"/>
                </a:lnTo>
                <a:lnTo>
                  <a:pt x="142" y="14"/>
                </a:lnTo>
                <a:lnTo>
                  <a:pt x="154" y="14"/>
                </a:lnTo>
                <a:lnTo>
                  <a:pt x="156" y="2"/>
                </a:lnTo>
                <a:lnTo>
                  <a:pt x="170" y="0"/>
                </a:lnTo>
                <a:lnTo>
                  <a:pt x="170" y="6"/>
                </a:lnTo>
                <a:lnTo>
                  <a:pt x="178" y="6"/>
                </a:lnTo>
                <a:lnTo>
                  <a:pt x="180" y="0"/>
                </a:lnTo>
                <a:lnTo>
                  <a:pt x="186" y="0"/>
                </a:lnTo>
                <a:lnTo>
                  <a:pt x="190" y="4"/>
                </a:lnTo>
                <a:lnTo>
                  <a:pt x="190" y="10"/>
                </a:lnTo>
                <a:lnTo>
                  <a:pt x="194" y="14"/>
                </a:lnTo>
                <a:lnTo>
                  <a:pt x="200" y="12"/>
                </a:lnTo>
                <a:lnTo>
                  <a:pt x="202" y="4"/>
                </a:lnTo>
                <a:lnTo>
                  <a:pt x="208" y="4"/>
                </a:lnTo>
                <a:lnTo>
                  <a:pt x="210" y="8"/>
                </a:lnTo>
                <a:lnTo>
                  <a:pt x="208" y="16"/>
                </a:lnTo>
                <a:lnTo>
                  <a:pt x="212" y="24"/>
                </a:lnTo>
                <a:lnTo>
                  <a:pt x="218" y="26"/>
                </a:lnTo>
                <a:lnTo>
                  <a:pt x="218" y="32"/>
                </a:lnTo>
                <a:lnTo>
                  <a:pt x="230" y="36"/>
                </a:lnTo>
                <a:lnTo>
                  <a:pt x="246" y="34"/>
                </a:lnTo>
                <a:lnTo>
                  <a:pt x="250" y="42"/>
                </a:lnTo>
                <a:lnTo>
                  <a:pt x="262" y="44"/>
                </a:lnTo>
                <a:lnTo>
                  <a:pt x="268" y="46"/>
                </a:lnTo>
                <a:lnTo>
                  <a:pt x="270" y="50"/>
                </a:lnTo>
                <a:lnTo>
                  <a:pt x="270" y="58"/>
                </a:lnTo>
                <a:lnTo>
                  <a:pt x="262" y="60"/>
                </a:lnTo>
                <a:lnTo>
                  <a:pt x="262" y="72"/>
                </a:lnTo>
                <a:lnTo>
                  <a:pt x="258" y="78"/>
                </a:lnTo>
                <a:lnTo>
                  <a:pt x="250" y="84"/>
                </a:lnTo>
                <a:lnTo>
                  <a:pt x="250" y="90"/>
                </a:lnTo>
                <a:lnTo>
                  <a:pt x="256" y="98"/>
                </a:lnTo>
                <a:lnTo>
                  <a:pt x="280" y="98"/>
                </a:lnTo>
                <a:lnTo>
                  <a:pt x="296" y="118"/>
                </a:lnTo>
                <a:lnTo>
                  <a:pt x="292" y="132"/>
                </a:lnTo>
                <a:lnTo>
                  <a:pt x="308" y="138"/>
                </a:lnTo>
                <a:lnTo>
                  <a:pt x="306" y="160"/>
                </a:lnTo>
                <a:lnTo>
                  <a:pt x="286" y="178"/>
                </a:lnTo>
                <a:lnTo>
                  <a:pt x="268" y="176"/>
                </a:lnTo>
                <a:lnTo>
                  <a:pt x="254" y="200"/>
                </a:lnTo>
                <a:lnTo>
                  <a:pt x="252" y="216"/>
                </a:lnTo>
                <a:lnTo>
                  <a:pt x="254" y="228"/>
                </a:lnTo>
                <a:lnTo>
                  <a:pt x="262" y="240"/>
                </a:lnTo>
                <a:lnTo>
                  <a:pt x="258" y="248"/>
                </a:lnTo>
                <a:lnTo>
                  <a:pt x="256" y="258"/>
                </a:lnTo>
                <a:lnTo>
                  <a:pt x="226" y="256"/>
                </a:lnTo>
                <a:lnTo>
                  <a:pt x="218" y="240"/>
                </a:lnTo>
                <a:lnTo>
                  <a:pt x="190" y="218"/>
                </a:lnTo>
                <a:lnTo>
                  <a:pt x="176" y="216"/>
                </a:lnTo>
                <a:lnTo>
                  <a:pt x="174" y="190"/>
                </a:lnTo>
                <a:lnTo>
                  <a:pt x="182" y="180"/>
                </a:lnTo>
                <a:lnTo>
                  <a:pt x="176" y="170"/>
                </a:lnTo>
                <a:lnTo>
                  <a:pt x="166" y="178"/>
                </a:lnTo>
                <a:lnTo>
                  <a:pt x="166" y="186"/>
                </a:lnTo>
                <a:lnTo>
                  <a:pt x="160" y="194"/>
                </a:lnTo>
                <a:lnTo>
                  <a:pt x="148" y="198"/>
                </a:lnTo>
                <a:lnTo>
                  <a:pt x="124" y="194"/>
                </a:lnTo>
                <a:lnTo>
                  <a:pt x="122" y="184"/>
                </a:lnTo>
                <a:lnTo>
                  <a:pt x="128" y="176"/>
                </a:lnTo>
                <a:lnTo>
                  <a:pt x="120" y="164"/>
                </a:lnTo>
                <a:lnTo>
                  <a:pt x="126" y="154"/>
                </a:lnTo>
                <a:lnTo>
                  <a:pt x="114" y="142"/>
                </a:lnTo>
                <a:lnTo>
                  <a:pt x="88" y="142"/>
                </a:lnTo>
                <a:lnTo>
                  <a:pt x="86" y="128"/>
                </a:lnTo>
                <a:lnTo>
                  <a:pt x="74" y="116"/>
                </a:lnTo>
                <a:lnTo>
                  <a:pt x="54" y="116"/>
                </a:lnTo>
                <a:lnTo>
                  <a:pt x="54" y="102"/>
                </a:lnTo>
                <a:lnTo>
                  <a:pt x="46" y="82"/>
                </a:lnTo>
                <a:lnTo>
                  <a:pt x="32" y="80"/>
                </a:lnTo>
                <a:lnTo>
                  <a:pt x="16" y="68"/>
                </a:lnTo>
                <a:lnTo>
                  <a:pt x="10" y="62"/>
                </a:lnTo>
                <a:lnTo>
                  <a:pt x="4" y="54"/>
                </a:lnTo>
                <a:lnTo>
                  <a:pt x="4" y="48"/>
                </a:lnTo>
                <a:lnTo>
                  <a:pt x="0" y="42"/>
                </a:lnTo>
                <a:lnTo>
                  <a:pt x="2" y="38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66" name="Freeform 89" descr="90%"/>
          <p:cNvSpPr>
            <a:spLocks/>
          </p:cNvSpPr>
          <p:nvPr/>
        </p:nvSpPr>
        <p:spPr bwMode="auto">
          <a:xfrm>
            <a:off x="3548063" y="3798888"/>
            <a:ext cx="1450975" cy="1457325"/>
          </a:xfrm>
          <a:custGeom>
            <a:avLst/>
            <a:gdLst>
              <a:gd name="T0" fmla="*/ 2147483647 w 1120"/>
              <a:gd name="T1" fmla="*/ 2147483647 h 1126"/>
              <a:gd name="T2" fmla="*/ 2147483647 w 1120"/>
              <a:gd name="T3" fmla="*/ 2147483647 h 1126"/>
              <a:gd name="T4" fmla="*/ 2147483647 w 1120"/>
              <a:gd name="T5" fmla="*/ 2147483647 h 1126"/>
              <a:gd name="T6" fmla="*/ 2147483647 w 1120"/>
              <a:gd name="T7" fmla="*/ 2147483647 h 1126"/>
              <a:gd name="T8" fmla="*/ 2147483647 w 1120"/>
              <a:gd name="T9" fmla="*/ 2147483647 h 1126"/>
              <a:gd name="T10" fmla="*/ 2147483647 w 1120"/>
              <a:gd name="T11" fmla="*/ 2147483647 h 1126"/>
              <a:gd name="T12" fmla="*/ 2147483647 w 1120"/>
              <a:gd name="T13" fmla="*/ 2147483647 h 1126"/>
              <a:gd name="T14" fmla="*/ 2147483647 w 1120"/>
              <a:gd name="T15" fmla="*/ 2147483647 h 1126"/>
              <a:gd name="T16" fmla="*/ 2147483647 w 1120"/>
              <a:gd name="T17" fmla="*/ 2147483647 h 1126"/>
              <a:gd name="T18" fmla="*/ 2147483647 w 1120"/>
              <a:gd name="T19" fmla="*/ 2147483647 h 1126"/>
              <a:gd name="T20" fmla="*/ 2147483647 w 1120"/>
              <a:gd name="T21" fmla="*/ 2147483647 h 1126"/>
              <a:gd name="T22" fmla="*/ 2147483647 w 1120"/>
              <a:gd name="T23" fmla="*/ 2147483647 h 1126"/>
              <a:gd name="T24" fmla="*/ 2147483647 w 1120"/>
              <a:gd name="T25" fmla="*/ 2147483647 h 1126"/>
              <a:gd name="T26" fmla="*/ 2147483647 w 1120"/>
              <a:gd name="T27" fmla="*/ 2147483647 h 1126"/>
              <a:gd name="T28" fmla="*/ 2147483647 w 1120"/>
              <a:gd name="T29" fmla="*/ 2147483647 h 1126"/>
              <a:gd name="T30" fmla="*/ 2147483647 w 1120"/>
              <a:gd name="T31" fmla="*/ 2147483647 h 1126"/>
              <a:gd name="T32" fmla="*/ 2147483647 w 1120"/>
              <a:gd name="T33" fmla="*/ 2147483647 h 1126"/>
              <a:gd name="T34" fmla="*/ 2147483647 w 1120"/>
              <a:gd name="T35" fmla="*/ 2147483647 h 1126"/>
              <a:gd name="T36" fmla="*/ 2147483647 w 1120"/>
              <a:gd name="T37" fmla="*/ 2147483647 h 1126"/>
              <a:gd name="T38" fmla="*/ 2147483647 w 1120"/>
              <a:gd name="T39" fmla="*/ 2147483647 h 1126"/>
              <a:gd name="T40" fmla="*/ 2147483647 w 1120"/>
              <a:gd name="T41" fmla="*/ 2147483647 h 1126"/>
              <a:gd name="T42" fmla="*/ 2147483647 w 1120"/>
              <a:gd name="T43" fmla="*/ 2147483647 h 1126"/>
              <a:gd name="T44" fmla="*/ 2147483647 w 1120"/>
              <a:gd name="T45" fmla="*/ 2147483647 h 1126"/>
              <a:gd name="T46" fmla="*/ 2147483647 w 1120"/>
              <a:gd name="T47" fmla="*/ 2147483647 h 1126"/>
              <a:gd name="T48" fmla="*/ 2147483647 w 1120"/>
              <a:gd name="T49" fmla="*/ 2147483647 h 1126"/>
              <a:gd name="T50" fmla="*/ 2147483647 w 1120"/>
              <a:gd name="T51" fmla="*/ 2147483647 h 1126"/>
              <a:gd name="T52" fmla="*/ 2147483647 w 1120"/>
              <a:gd name="T53" fmla="*/ 2147483647 h 1126"/>
              <a:gd name="T54" fmla="*/ 2147483647 w 1120"/>
              <a:gd name="T55" fmla="*/ 2147483647 h 1126"/>
              <a:gd name="T56" fmla="*/ 0 w 1120"/>
              <a:gd name="T57" fmla="*/ 2147483647 h 1126"/>
              <a:gd name="T58" fmla="*/ 2147483647 w 1120"/>
              <a:gd name="T59" fmla="*/ 2147483647 h 1126"/>
              <a:gd name="T60" fmla="*/ 2147483647 w 1120"/>
              <a:gd name="T61" fmla="*/ 2147483647 h 1126"/>
              <a:gd name="T62" fmla="*/ 2147483647 w 1120"/>
              <a:gd name="T63" fmla="*/ 2147483647 h 1126"/>
              <a:gd name="T64" fmla="*/ 2147483647 w 1120"/>
              <a:gd name="T65" fmla="*/ 2147483647 h 1126"/>
              <a:gd name="T66" fmla="*/ 2147483647 w 1120"/>
              <a:gd name="T67" fmla="*/ 2147483647 h 1126"/>
              <a:gd name="T68" fmla="*/ 2147483647 w 1120"/>
              <a:gd name="T69" fmla="*/ 2147483647 h 1126"/>
              <a:gd name="T70" fmla="*/ 2147483647 w 1120"/>
              <a:gd name="T71" fmla="*/ 2147483647 h 1126"/>
              <a:gd name="T72" fmla="*/ 2147483647 w 1120"/>
              <a:gd name="T73" fmla="*/ 2147483647 h 1126"/>
              <a:gd name="T74" fmla="*/ 2147483647 w 1120"/>
              <a:gd name="T75" fmla="*/ 2147483647 h 1126"/>
              <a:gd name="T76" fmla="*/ 2147483647 w 1120"/>
              <a:gd name="T77" fmla="*/ 2147483647 h 1126"/>
              <a:gd name="T78" fmla="*/ 2147483647 w 1120"/>
              <a:gd name="T79" fmla="*/ 2147483647 h 1126"/>
              <a:gd name="T80" fmla="*/ 2147483647 w 1120"/>
              <a:gd name="T81" fmla="*/ 2147483647 h 1126"/>
              <a:gd name="T82" fmla="*/ 2147483647 w 1120"/>
              <a:gd name="T83" fmla="*/ 2147483647 h 1126"/>
              <a:gd name="T84" fmla="*/ 2147483647 w 1120"/>
              <a:gd name="T85" fmla="*/ 2147483647 h 1126"/>
              <a:gd name="T86" fmla="*/ 2147483647 w 1120"/>
              <a:gd name="T87" fmla="*/ 2147483647 h 1126"/>
              <a:gd name="T88" fmla="*/ 2147483647 w 1120"/>
              <a:gd name="T89" fmla="*/ 2147483647 h 1126"/>
              <a:gd name="T90" fmla="*/ 2147483647 w 1120"/>
              <a:gd name="T91" fmla="*/ 2147483647 h 1126"/>
              <a:gd name="T92" fmla="*/ 2147483647 w 1120"/>
              <a:gd name="T93" fmla="*/ 2147483647 h 1126"/>
              <a:gd name="T94" fmla="*/ 2147483647 w 1120"/>
              <a:gd name="T95" fmla="*/ 2147483647 h 1126"/>
              <a:gd name="T96" fmla="*/ 2147483647 w 1120"/>
              <a:gd name="T97" fmla="*/ 2147483647 h 1126"/>
              <a:gd name="T98" fmla="*/ 2147483647 w 1120"/>
              <a:gd name="T99" fmla="*/ 2147483647 h 1126"/>
              <a:gd name="T100" fmla="*/ 2147483647 w 1120"/>
              <a:gd name="T101" fmla="*/ 2147483647 h 1126"/>
              <a:gd name="T102" fmla="*/ 2147483647 w 1120"/>
              <a:gd name="T103" fmla="*/ 2147483647 h 1126"/>
              <a:gd name="T104" fmla="*/ 2147483647 w 1120"/>
              <a:gd name="T105" fmla="*/ 2147483647 h 1126"/>
              <a:gd name="T106" fmla="*/ 2147483647 w 1120"/>
              <a:gd name="T107" fmla="*/ 2147483647 h 1126"/>
              <a:gd name="T108" fmla="*/ 2147483647 w 1120"/>
              <a:gd name="T109" fmla="*/ 2147483647 h 1126"/>
              <a:gd name="T110" fmla="*/ 2147483647 w 1120"/>
              <a:gd name="T111" fmla="*/ 2147483647 h 1126"/>
              <a:gd name="T112" fmla="*/ 2147483647 w 1120"/>
              <a:gd name="T113" fmla="*/ 2147483647 h 1126"/>
              <a:gd name="T114" fmla="*/ 2147483647 w 1120"/>
              <a:gd name="T115" fmla="*/ 2147483647 h 1126"/>
              <a:gd name="T116" fmla="*/ 2147483647 w 1120"/>
              <a:gd name="T117" fmla="*/ 2147483647 h 112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120" h="1126">
                <a:moveTo>
                  <a:pt x="1022" y="984"/>
                </a:moveTo>
                <a:lnTo>
                  <a:pt x="1008" y="984"/>
                </a:lnTo>
                <a:lnTo>
                  <a:pt x="1000" y="996"/>
                </a:lnTo>
                <a:lnTo>
                  <a:pt x="988" y="998"/>
                </a:lnTo>
                <a:lnTo>
                  <a:pt x="976" y="1016"/>
                </a:lnTo>
                <a:lnTo>
                  <a:pt x="962" y="1016"/>
                </a:lnTo>
                <a:lnTo>
                  <a:pt x="954" y="1028"/>
                </a:lnTo>
                <a:lnTo>
                  <a:pt x="950" y="1044"/>
                </a:lnTo>
                <a:lnTo>
                  <a:pt x="938" y="1046"/>
                </a:lnTo>
                <a:lnTo>
                  <a:pt x="926" y="1048"/>
                </a:lnTo>
                <a:lnTo>
                  <a:pt x="926" y="1052"/>
                </a:lnTo>
                <a:lnTo>
                  <a:pt x="908" y="1052"/>
                </a:lnTo>
                <a:lnTo>
                  <a:pt x="900" y="1056"/>
                </a:lnTo>
                <a:lnTo>
                  <a:pt x="892" y="1050"/>
                </a:lnTo>
                <a:lnTo>
                  <a:pt x="882" y="1054"/>
                </a:lnTo>
                <a:lnTo>
                  <a:pt x="870" y="1054"/>
                </a:lnTo>
                <a:lnTo>
                  <a:pt x="864" y="1044"/>
                </a:lnTo>
                <a:lnTo>
                  <a:pt x="848" y="1036"/>
                </a:lnTo>
                <a:lnTo>
                  <a:pt x="830" y="1036"/>
                </a:lnTo>
                <a:lnTo>
                  <a:pt x="828" y="1018"/>
                </a:lnTo>
                <a:lnTo>
                  <a:pt x="822" y="1016"/>
                </a:lnTo>
                <a:lnTo>
                  <a:pt x="806" y="1016"/>
                </a:lnTo>
                <a:lnTo>
                  <a:pt x="800" y="1010"/>
                </a:lnTo>
                <a:lnTo>
                  <a:pt x="808" y="1008"/>
                </a:lnTo>
                <a:lnTo>
                  <a:pt x="812" y="1004"/>
                </a:lnTo>
                <a:lnTo>
                  <a:pt x="814" y="1002"/>
                </a:lnTo>
                <a:lnTo>
                  <a:pt x="812" y="994"/>
                </a:lnTo>
                <a:lnTo>
                  <a:pt x="802" y="992"/>
                </a:lnTo>
                <a:lnTo>
                  <a:pt x="802" y="1004"/>
                </a:lnTo>
                <a:lnTo>
                  <a:pt x="790" y="1006"/>
                </a:lnTo>
                <a:lnTo>
                  <a:pt x="784" y="1010"/>
                </a:lnTo>
                <a:lnTo>
                  <a:pt x="770" y="1004"/>
                </a:lnTo>
                <a:lnTo>
                  <a:pt x="766" y="1012"/>
                </a:lnTo>
                <a:lnTo>
                  <a:pt x="756" y="1008"/>
                </a:lnTo>
                <a:lnTo>
                  <a:pt x="754" y="1000"/>
                </a:lnTo>
                <a:lnTo>
                  <a:pt x="742" y="1000"/>
                </a:lnTo>
                <a:lnTo>
                  <a:pt x="728" y="990"/>
                </a:lnTo>
                <a:lnTo>
                  <a:pt x="722" y="994"/>
                </a:lnTo>
                <a:lnTo>
                  <a:pt x="714" y="984"/>
                </a:lnTo>
                <a:lnTo>
                  <a:pt x="704" y="982"/>
                </a:lnTo>
                <a:lnTo>
                  <a:pt x="688" y="990"/>
                </a:lnTo>
                <a:lnTo>
                  <a:pt x="678" y="998"/>
                </a:lnTo>
                <a:lnTo>
                  <a:pt x="658" y="1010"/>
                </a:lnTo>
                <a:lnTo>
                  <a:pt x="654" y="1014"/>
                </a:lnTo>
                <a:lnTo>
                  <a:pt x="640" y="1014"/>
                </a:lnTo>
                <a:lnTo>
                  <a:pt x="622" y="1026"/>
                </a:lnTo>
                <a:lnTo>
                  <a:pt x="610" y="1036"/>
                </a:lnTo>
                <a:lnTo>
                  <a:pt x="606" y="1054"/>
                </a:lnTo>
                <a:lnTo>
                  <a:pt x="604" y="1068"/>
                </a:lnTo>
                <a:lnTo>
                  <a:pt x="604" y="1100"/>
                </a:lnTo>
                <a:lnTo>
                  <a:pt x="608" y="1106"/>
                </a:lnTo>
                <a:lnTo>
                  <a:pt x="610" y="1112"/>
                </a:lnTo>
                <a:lnTo>
                  <a:pt x="610" y="1120"/>
                </a:lnTo>
                <a:lnTo>
                  <a:pt x="596" y="1114"/>
                </a:lnTo>
                <a:lnTo>
                  <a:pt x="582" y="1112"/>
                </a:lnTo>
                <a:lnTo>
                  <a:pt x="576" y="1114"/>
                </a:lnTo>
                <a:lnTo>
                  <a:pt x="564" y="1116"/>
                </a:lnTo>
                <a:lnTo>
                  <a:pt x="562" y="1124"/>
                </a:lnTo>
                <a:lnTo>
                  <a:pt x="544" y="1126"/>
                </a:lnTo>
                <a:lnTo>
                  <a:pt x="534" y="1114"/>
                </a:lnTo>
                <a:lnTo>
                  <a:pt x="524" y="1112"/>
                </a:lnTo>
                <a:lnTo>
                  <a:pt x="514" y="1112"/>
                </a:lnTo>
                <a:lnTo>
                  <a:pt x="502" y="1120"/>
                </a:lnTo>
                <a:lnTo>
                  <a:pt x="494" y="1112"/>
                </a:lnTo>
                <a:lnTo>
                  <a:pt x="492" y="1106"/>
                </a:lnTo>
                <a:lnTo>
                  <a:pt x="478" y="1096"/>
                </a:lnTo>
                <a:lnTo>
                  <a:pt x="468" y="1096"/>
                </a:lnTo>
                <a:lnTo>
                  <a:pt x="466" y="1098"/>
                </a:lnTo>
                <a:lnTo>
                  <a:pt x="468" y="1092"/>
                </a:lnTo>
                <a:lnTo>
                  <a:pt x="466" y="1086"/>
                </a:lnTo>
                <a:lnTo>
                  <a:pt x="464" y="1082"/>
                </a:lnTo>
                <a:lnTo>
                  <a:pt x="458" y="1082"/>
                </a:lnTo>
                <a:lnTo>
                  <a:pt x="450" y="1084"/>
                </a:lnTo>
                <a:lnTo>
                  <a:pt x="448" y="1088"/>
                </a:lnTo>
                <a:lnTo>
                  <a:pt x="444" y="1072"/>
                </a:lnTo>
                <a:lnTo>
                  <a:pt x="438" y="1064"/>
                </a:lnTo>
                <a:lnTo>
                  <a:pt x="424" y="1062"/>
                </a:lnTo>
                <a:lnTo>
                  <a:pt x="416" y="1056"/>
                </a:lnTo>
                <a:lnTo>
                  <a:pt x="396" y="1046"/>
                </a:lnTo>
                <a:lnTo>
                  <a:pt x="378" y="1040"/>
                </a:lnTo>
                <a:lnTo>
                  <a:pt x="372" y="1046"/>
                </a:lnTo>
                <a:lnTo>
                  <a:pt x="374" y="1060"/>
                </a:lnTo>
                <a:lnTo>
                  <a:pt x="348" y="1060"/>
                </a:lnTo>
                <a:lnTo>
                  <a:pt x="348" y="1056"/>
                </a:lnTo>
                <a:lnTo>
                  <a:pt x="304" y="1050"/>
                </a:lnTo>
                <a:lnTo>
                  <a:pt x="286" y="1030"/>
                </a:lnTo>
                <a:lnTo>
                  <a:pt x="278" y="1032"/>
                </a:lnTo>
                <a:lnTo>
                  <a:pt x="258" y="1032"/>
                </a:lnTo>
                <a:lnTo>
                  <a:pt x="246" y="1016"/>
                </a:lnTo>
                <a:lnTo>
                  <a:pt x="244" y="1008"/>
                </a:lnTo>
                <a:lnTo>
                  <a:pt x="234" y="1008"/>
                </a:lnTo>
                <a:lnTo>
                  <a:pt x="224" y="1004"/>
                </a:lnTo>
                <a:lnTo>
                  <a:pt x="200" y="988"/>
                </a:lnTo>
                <a:lnTo>
                  <a:pt x="196" y="980"/>
                </a:lnTo>
                <a:lnTo>
                  <a:pt x="188" y="986"/>
                </a:lnTo>
                <a:lnTo>
                  <a:pt x="176" y="986"/>
                </a:lnTo>
                <a:lnTo>
                  <a:pt x="178" y="976"/>
                </a:lnTo>
                <a:lnTo>
                  <a:pt x="188" y="964"/>
                </a:lnTo>
                <a:lnTo>
                  <a:pt x="184" y="956"/>
                </a:lnTo>
                <a:lnTo>
                  <a:pt x="174" y="956"/>
                </a:lnTo>
                <a:lnTo>
                  <a:pt x="168" y="954"/>
                </a:lnTo>
                <a:lnTo>
                  <a:pt x="152" y="940"/>
                </a:lnTo>
                <a:lnTo>
                  <a:pt x="168" y="938"/>
                </a:lnTo>
                <a:lnTo>
                  <a:pt x="182" y="918"/>
                </a:lnTo>
                <a:lnTo>
                  <a:pt x="190" y="904"/>
                </a:lnTo>
                <a:lnTo>
                  <a:pt x="196" y="890"/>
                </a:lnTo>
                <a:lnTo>
                  <a:pt x="208" y="862"/>
                </a:lnTo>
                <a:lnTo>
                  <a:pt x="220" y="832"/>
                </a:lnTo>
                <a:lnTo>
                  <a:pt x="226" y="804"/>
                </a:lnTo>
                <a:lnTo>
                  <a:pt x="228" y="794"/>
                </a:lnTo>
                <a:lnTo>
                  <a:pt x="234" y="780"/>
                </a:lnTo>
                <a:lnTo>
                  <a:pt x="242" y="782"/>
                </a:lnTo>
                <a:lnTo>
                  <a:pt x="246" y="778"/>
                </a:lnTo>
                <a:lnTo>
                  <a:pt x="246" y="772"/>
                </a:lnTo>
                <a:lnTo>
                  <a:pt x="236" y="772"/>
                </a:lnTo>
                <a:lnTo>
                  <a:pt x="234" y="764"/>
                </a:lnTo>
                <a:lnTo>
                  <a:pt x="240" y="734"/>
                </a:lnTo>
                <a:lnTo>
                  <a:pt x="250" y="698"/>
                </a:lnTo>
                <a:lnTo>
                  <a:pt x="254" y="688"/>
                </a:lnTo>
                <a:lnTo>
                  <a:pt x="254" y="678"/>
                </a:lnTo>
                <a:lnTo>
                  <a:pt x="258" y="672"/>
                </a:lnTo>
                <a:lnTo>
                  <a:pt x="264" y="670"/>
                </a:lnTo>
                <a:lnTo>
                  <a:pt x="266" y="676"/>
                </a:lnTo>
                <a:lnTo>
                  <a:pt x="272" y="684"/>
                </a:lnTo>
                <a:lnTo>
                  <a:pt x="280" y="692"/>
                </a:lnTo>
                <a:lnTo>
                  <a:pt x="286" y="702"/>
                </a:lnTo>
                <a:lnTo>
                  <a:pt x="290" y="704"/>
                </a:lnTo>
                <a:lnTo>
                  <a:pt x="292" y="696"/>
                </a:lnTo>
                <a:lnTo>
                  <a:pt x="286" y="682"/>
                </a:lnTo>
                <a:lnTo>
                  <a:pt x="276" y="670"/>
                </a:lnTo>
                <a:lnTo>
                  <a:pt x="266" y="660"/>
                </a:lnTo>
                <a:lnTo>
                  <a:pt x="260" y="652"/>
                </a:lnTo>
                <a:lnTo>
                  <a:pt x="252" y="648"/>
                </a:lnTo>
                <a:lnTo>
                  <a:pt x="252" y="640"/>
                </a:lnTo>
                <a:lnTo>
                  <a:pt x="256" y="636"/>
                </a:lnTo>
                <a:lnTo>
                  <a:pt x="256" y="628"/>
                </a:lnTo>
                <a:lnTo>
                  <a:pt x="248" y="620"/>
                </a:lnTo>
                <a:lnTo>
                  <a:pt x="242" y="612"/>
                </a:lnTo>
                <a:lnTo>
                  <a:pt x="246" y="608"/>
                </a:lnTo>
                <a:lnTo>
                  <a:pt x="252" y="606"/>
                </a:lnTo>
                <a:lnTo>
                  <a:pt x="256" y="612"/>
                </a:lnTo>
                <a:lnTo>
                  <a:pt x="258" y="620"/>
                </a:lnTo>
                <a:lnTo>
                  <a:pt x="260" y="624"/>
                </a:lnTo>
                <a:lnTo>
                  <a:pt x="268" y="626"/>
                </a:lnTo>
                <a:lnTo>
                  <a:pt x="272" y="618"/>
                </a:lnTo>
                <a:lnTo>
                  <a:pt x="272" y="606"/>
                </a:lnTo>
                <a:lnTo>
                  <a:pt x="270" y="594"/>
                </a:lnTo>
                <a:lnTo>
                  <a:pt x="264" y="586"/>
                </a:lnTo>
                <a:lnTo>
                  <a:pt x="268" y="580"/>
                </a:lnTo>
                <a:lnTo>
                  <a:pt x="274" y="576"/>
                </a:lnTo>
                <a:lnTo>
                  <a:pt x="274" y="572"/>
                </a:lnTo>
                <a:lnTo>
                  <a:pt x="268" y="572"/>
                </a:lnTo>
                <a:lnTo>
                  <a:pt x="264" y="576"/>
                </a:lnTo>
                <a:lnTo>
                  <a:pt x="260" y="568"/>
                </a:lnTo>
                <a:lnTo>
                  <a:pt x="244" y="558"/>
                </a:lnTo>
                <a:lnTo>
                  <a:pt x="240" y="552"/>
                </a:lnTo>
                <a:lnTo>
                  <a:pt x="230" y="546"/>
                </a:lnTo>
                <a:lnTo>
                  <a:pt x="218" y="534"/>
                </a:lnTo>
                <a:lnTo>
                  <a:pt x="214" y="516"/>
                </a:lnTo>
                <a:lnTo>
                  <a:pt x="206" y="504"/>
                </a:lnTo>
                <a:lnTo>
                  <a:pt x="196" y="494"/>
                </a:lnTo>
                <a:lnTo>
                  <a:pt x="196" y="484"/>
                </a:lnTo>
                <a:lnTo>
                  <a:pt x="196" y="478"/>
                </a:lnTo>
                <a:lnTo>
                  <a:pt x="190" y="472"/>
                </a:lnTo>
                <a:lnTo>
                  <a:pt x="192" y="468"/>
                </a:lnTo>
                <a:lnTo>
                  <a:pt x="198" y="476"/>
                </a:lnTo>
                <a:lnTo>
                  <a:pt x="204" y="478"/>
                </a:lnTo>
                <a:lnTo>
                  <a:pt x="210" y="470"/>
                </a:lnTo>
                <a:lnTo>
                  <a:pt x="212" y="466"/>
                </a:lnTo>
                <a:lnTo>
                  <a:pt x="206" y="458"/>
                </a:lnTo>
                <a:lnTo>
                  <a:pt x="200" y="456"/>
                </a:lnTo>
                <a:lnTo>
                  <a:pt x="194" y="448"/>
                </a:lnTo>
                <a:lnTo>
                  <a:pt x="200" y="442"/>
                </a:lnTo>
                <a:lnTo>
                  <a:pt x="200" y="434"/>
                </a:lnTo>
                <a:lnTo>
                  <a:pt x="194" y="434"/>
                </a:lnTo>
                <a:lnTo>
                  <a:pt x="190" y="436"/>
                </a:lnTo>
                <a:lnTo>
                  <a:pt x="182" y="432"/>
                </a:lnTo>
                <a:lnTo>
                  <a:pt x="174" y="424"/>
                </a:lnTo>
                <a:lnTo>
                  <a:pt x="170" y="416"/>
                </a:lnTo>
                <a:lnTo>
                  <a:pt x="178" y="408"/>
                </a:lnTo>
                <a:lnTo>
                  <a:pt x="178" y="400"/>
                </a:lnTo>
                <a:lnTo>
                  <a:pt x="170" y="396"/>
                </a:lnTo>
                <a:lnTo>
                  <a:pt x="158" y="396"/>
                </a:lnTo>
                <a:lnTo>
                  <a:pt x="150" y="394"/>
                </a:lnTo>
                <a:lnTo>
                  <a:pt x="142" y="382"/>
                </a:lnTo>
                <a:lnTo>
                  <a:pt x="132" y="382"/>
                </a:lnTo>
                <a:lnTo>
                  <a:pt x="126" y="382"/>
                </a:lnTo>
                <a:lnTo>
                  <a:pt x="116" y="366"/>
                </a:lnTo>
                <a:lnTo>
                  <a:pt x="106" y="358"/>
                </a:lnTo>
                <a:lnTo>
                  <a:pt x="92" y="350"/>
                </a:lnTo>
                <a:lnTo>
                  <a:pt x="78" y="344"/>
                </a:lnTo>
                <a:lnTo>
                  <a:pt x="68" y="342"/>
                </a:lnTo>
                <a:lnTo>
                  <a:pt x="64" y="330"/>
                </a:lnTo>
                <a:lnTo>
                  <a:pt x="50" y="328"/>
                </a:lnTo>
                <a:lnTo>
                  <a:pt x="42" y="328"/>
                </a:lnTo>
                <a:lnTo>
                  <a:pt x="40" y="334"/>
                </a:lnTo>
                <a:lnTo>
                  <a:pt x="32" y="336"/>
                </a:lnTo>
                <a:lnTo>
                  <a:pt x="24" y="332"/>
                </a:lnTo>
                <a:lnTo>
                  <a:pt x="24" y="320"/>
                </a:lnTo>
                <a:lnTo>
                  <a:pt x="20" y="308"/>
                </a:lnTo>
                <a:lnTo>
                  <a:pt x="16" y="302"/>
                </a:lnTo>
                <a:lnTo>
                  <a:pt x="4" y="302"/>
                </a:lnTo>
                <a:lnTo>
                  <a:pt x="0" y="298"/>
                </a:lnTo>
                <a:lnTo>
                  <a:pt x="4" y="292"/>
                </a:lnTo>
                <a:lnTo>
                  <a:pt x="22" y="292"/>
                </a:lnTo>
                <a:lnTo>
                  <a:pt x="30" y="296"/>
                </a:lnTo>
                <a:lnTo>
                  <a:pt x="38" y="296"/>
                </a:lnTo>
                <a:lnTo>
                  <a:pt x="38" y="286"/>
                </a:lnTo>
                <a:lnTo>
                  <a:pt x="32" y="280"/>
                </a:lnTo>
                <a:lnTo>
                  <a:pt x="26" y="276"/>
                </a:lnTo>
                <a:lnTo>
                  <a:pt x="22" y="274"/>
                </a:lnTo>
                <a:lnTo>
                  <a:pt x="26" y="268"/>
                </a:lnTo>
                <a:lnTo>
                  <a:pt x="30" y="266"/>
                </a:lnTo>
                <a:lnTo>
                  <a:pt x="28" y="262"/>
                </a:lnTo>
                <a:lnTo>
                  <a:pt x="24" y="262"/>
                </a:lnTo>
                <a:lnTo>
                  <a:pt x="14" y="266"/>
                </a:lnTo>
                <a:lnTo>
                  <a:pt x="6" y="258"/>
                </a:lnTo>
                <a:lnTo>
                  <a:pt x="6" y="248"/>
                </a:lnTo>
                <a:lnTo>
                  <a:pt x="12" y="234"/>
                </a:lnTo>
                <a:lnTo>
                  <a:pt x="32" y="224"/>
                </a:lnTo>
                <a:lnTo>
                  <a:pt x="60" y="226"/>
                </a:lnTo>
                <a:lnTo>
                  <a:pt x="78" y="222"/>
                </a:lnTo>
                <a:lnTo>
                  <a:pt x="86" y="228"/>
                </a:lnTo>
                <a:lnTo>
                  <a:pt x="94" y="226"/>
                </a:lnTo>
                <a:lnTo>
                  <a:pt x="104" y="230"/>
                </a:lnTo>
                <a:lnTo>
                  <a:pt x="110" y="232"/>
                </a:lnTo>
                <a:lnTo>
                  <a:pt x="112" y="226"/>
                </a:lnTo>
                <a:lnTo>
                  <a:pt x="116" y="218"/>
                </a:lnTo>
                <a:lnTo>
                  <a:pt x="126" y="218"/>
                </a:lnTo>
                <a:lnTo>
                  <a:pt x="138" y="218"/>
                </a:lnTo>
                <a:lnTo>
                  <a:pt x="144" y="222"/>
                </a:lnTo>
                <a:lnTo>
                  <a:pt x="154" y="220"/>
                </a:lnTo>
                <a:lnTo>
                  <a:pt x="160" y="228"/>
                </a:lnTo>
                <a:lnTo>
                  <a:pt x="170" y="244"/>
                </a:lnTo>
                <a:lnTo>
                  <a:pt x="174" y="254"/>
                </a:lnTo>
                <a:lnTo>
                  <a:pt x="178" y="262"/>
                </a:lnTo>
                <a:lnTo>
                  <a:pt x="188" y="268"/>
                </a:lnTo>
                <a:lnTo>
                  <a:pt x="198" y="260"/>
                </a:lnTo>
                <a:lnTo>
                  <a:pt x="204" y="254"/>
                </a:lnTo>
                <a:lnTo>
                  <a:pt x="216" y="254"/>
                </a:lnTo>
                <a:lnTo>
                  <a:pt x="220" y="252"/>
                </a:lnTo>
                <a:lnTo>
                  <a:pt x="222" y="258"/>
                </a:lnTo>
                <a:lnTo>
                  <a:pt x="238" y="264"/>
                </a:lnTo>
                <a:lnTo>
                  <a:pt x="246" y="260"/>
                </a:lnTo>
                <a:lnTo>
                  <a:pt x="258" y="256"/>
                </a:lnTo>
                <a:lnTo>
                  <a:pt x="258" y="264"/>
                </a:lnTo>
                <a:lnTo>
                  <a:pt x="264" y="268"/>
                </a:lnTo>
                <a:lnTo>
                  <a:pt x="272" y="270"/>
                </a:lnTo>
                <a:lnTo>
                  <a:pt x="290" y="272"/>
                </a:lnTo>
                <a:lnTo>
                  <a:pt x="292" y="264"/>
                </a:lnTo>
                <a:lnTo>
                  <a:pt x="286" y="254"/>
                </a:lnTo>
                <a:lnTo>
                  <a:pt x="284" y="234"/>
                </a:lnTo>
                <a:lnTo>
                  <a:pt x="290" y="212"/>
                </a:lnTo>
                <a:lnTo>
                  <a:pt x="288" y="188"/>
                </a:lnTo>
                <a:lnTo>
                  <a:pt x="286" y="178"/>
                </a:lnTo>
                <a:lnTo>
                  <a:pt x="276" y="170"/>
                </a:lnTo>
                <a:lnTo>
                  <a:pt x="276" y="154"/>
                </a:lnTo>
                <a:lnTo>
                  <a:pt x="276" y="138"/>
                </a:lnTo>
                <a:lnTo>
                  <a:pt x="274" y="126"/>
                </a:lnTo>
                <a:lnTo>
                  <a:pt x="286" y="130"/>
                </a:lnTo>
                <a:lnTo>
                  <a:pt x="294" y="138"/>
                </a:lnTo>
                <a:lnTo>
                  <a:pt x="304" y="140"/>
                </a:lnTo>
                <a:lnTo>
                  <a:pt x="312" y="134"/>
                </a:lnTo>
                <a:lnTo>
                  <a:pt x="320" y="134"/>
                </a:lnTo>
                <a:lnTo>
                  <a:pt x="326" y="138"/>
                </a:lnTo>
                <a:lnTo>
                  <a:pt x="332" y="146"/>
                </a:lnTo>
                <a:lnTo>
                  <a:pt x="328" y="152"/>
                </a:lnTo>
                <a:lnTo>
                  <a:pt x="322" y="154"/>
                </a:lnTo>
                <a:lnTo>
                  <a:pt x="322" y="162"/>
                </a:lnTo>
                <a:lnTo>
                  <a:pt x="328" y="168"/>
                </a:lnTo>
                <a:lnTo>
                  <a:pt x="328" y="176"/>
                </a:lnTo>
                <a:lnTo>
                  <a:pt x="332" y="182"/>
                </a:lnTo>
                <a:lnTo>
                  <a:pt x="336" y="184"/>
                </a:lnTo>
                <a:lnTo>
                  <a:pt x="346" y="180"/>
                </a:lnTo>
                <a:lnTo>
                  <a:pt x="356" y="182"/>
                </a:lnTo>
                <a:lnTo>
                  <a:pt x="374" y="192"/>
                </a:lnTo>
                <a:lnTo>
                  <a:pt x="392" y="192"/>
                </a:lnTo>
                <a:lnTo>
                  <a:pt x="400" y="198"/>
                </a:lnTo>
                <a:lnTo>
                  <a:pt x="422" y="204"/>
                </a:lnTo>
                <a:lnTo>
                  <a:pt x="434" y="196"/>
                </a:lnTo>
                <a:lnTo>
                  <a:pt x="448" y="190"/>
                </a:lnTo>
                <a:lnTo>
                  <a:pt x="448" y="184"/>
                </a:lnTo>
                <a:lnTo>
                  <a:pt x="442" y="182"/>
                </a:lnTo>
                <a:lnTo>
                  <a:pt x="438" y="172"/>
                </a:lnTo>
                <a:lnTo>
                  <a:pt x="446" y="158"/>
                </a:lnTo>
                <a:lnTo>
                  <a:pt x="454" y="152"/>
                </a:lnTo>
                <a:lnTo>
                  <a:pt x="470" y="146"/>
                </a:lnTo>
                <a:lnTo>
                  <a:pt x="486" y="136"/>
                </a:lnTo>
                <a:lnTo>
                  <a:pt x="524" y="136"/>
                </a:lnTo>
                <a:lnTo>
                  <a:pt x="544" y="130"/>
                </a:lnTo>
                <a:lnTo>
                  <a:pt x="558" y="116"/>
                </a:lnTo>
                <a:lnTo>
                  <a:pt x="572" y="98"/>
                </a:lnTo>
                <a:lnTo>
                  <a:pt x="576" y="68"/>
                </a:lnTo>
                <a:lnTo>
                  <a:pt x="580" y="38"/>
                </a:lnTo>
                <a:lnTo>
                  <a:pt x="584" y="20"/>
                </a:lnTo>
                <a:lnTo>
                  <a:pt x="604" y="10"/>
                </a:lnTo>
                <a:lnTo>
                  <a:pt x="632" y="4"/>
                </a:lnTo>
                <a:lnTo>
                  <a:pt x="666" y="0"/>
                </a:lnTo>
                <a:lnTo>
                  <a:pt x="664" y="4"/>
                </a:lnTo>
                <a:lnTo>
                  <a:pt x="668" y="10"/>
                </a:lnTo>
                <a:lnTo>
                  <a:pt x="668" y="16"/>
                </a:lnTo>
                <a:lnTo>
                  <a:pt x="680" y="30"/>
                </a:lnTo>
                <a:lnTo>
                  <a:pt x="694" y="42"/>
                </a:lnTo>
                <a:lnTo>
                  <a:pt x="710" y="44"/>
                </a:lnTo>
                <a:lnTo>
                  <a:pt x="718" y="64"/>
                </a:lnTo>
                <a:lnTo>
                  <a:pt x="718" y="78"/>
                </a:lnTo>
                <a:lnTo>
                  <a:pt x="738" y="78"/>
                </a:lnTo>
                <a:lnTo>
                  <a:pt x="750" y="90"/>
                </a:lnTo>
                <a:lnTo>
                  <a:pt x="752" y="104"/>
                </a:lnTo>
                <a:lnTo>
                  <a:pt x="778" y="104"/>
                </a:lnTo>
                <a:lnTo>
                  <a:pt x="790" y="116"/>
                </a:lnTo>
                <a:lnTo>
                  <a:pt x="784" y="126"/>
                </a:lnTo>
                <a:lnTo>
                  <a:pt x="792" y="138"/>
                </a:lnTo>
                <a:lnTo>
                  <a:pt x="786" y="146"/>
                </a:lnTo>
                <a:lnTo>
                  <a:pt x="788" y="156"/>
                </a:lnTo>
                <a:lnTo>
                  <a:pt x="812" y="160"/>
                </a:lnTo>
                <a:lnTo>
                  <a:pt x="824" y="156"/>
                </a:lnTo>
                <a:lnTo>
                  <a:pt x="830" y="148"/>
                </a:lnTo>
                <a:lnTo>
                  <a:pt x="830" y="140"/>
                </a:lnTo>
                <a:lnTo>
                  <a:pt x="840" y="132"/>
                </a:lnTo>
                <a:lnTo>
                  <a:pt x="846" y="142"/>
                </a:lnTo>
                <a:lnTo>
                  <a:pt x="838" y="152"/>
                </a:lnTo>
                <a:lnTo>
                  <a:pt x="840" y="178"/>
                </a:lnTo>
                <a:lnTo>
                  <a:pt x="854" y="180"/>
                </a:lnTo>
                <a:lnTo>
                  <a:pt x="882" y="202"/>
                </a:lnTo>
                <a:lnTo>
                  <a:pt x="890" y="218"/>
                </a:lnTo>
                <a:lnTo>
                  <a:pt x="920" y="220"/>
                </a:lnTo>
                <a:lnTo>
                  <a:pt x="926" y="224"/>
                </a:lnTo>
                <a:lnTo>
                  <a:pt x="934" y="232"/>
                </a:lnTo>
                <a:lnTo>
                  <a:pt x="940" y="228"/>
                </a:lnTo>
                <a:lnTo>
                  <a:pt x="946" y="222"/>
                </a:lnTo>
                <a:lnTo>
                  <a:pt x="956" y="224"/>
                </a:lnTo>
                <a:lnTo>
                  <a:pt x="964" y="226"/>
                </a:lnTo>
                <a:lnTo>
                  <a:pt x="980" y="234"/>
                </a:lnTo>
                <a:lnTo>
                  <a:pt x="982" y="250"/>
                </a:lnTo>
                <a:lnTo>
                  <a:pt x="1000" y="270"/>
                </a:lnTo>
                <a:lnTo>
                  <a:pt x="1004" y="264"/>
                </a:lnTo>
                <a:lnTo>
                  <a:pt x="1018" y="268"/>
                </a:lnTo>
                <a:lnTo>
                  <a:pt x="1018" y="276"/>
                </a:lnTo>
                <a:lnTo>
                  <a:pt x="1036" y="280"/>
                </a:lnTo>
                <a:lnTo>
                  <a:pt x="1056" y="276"/>
                </a:lnTo>
                <a:lnTo>
                  <a:pt x="1068" y="288"/>
                </a:lnTo>
                <a:lnTo>
                  <a:pt x="1096" y="288"/>
                </a:lnTo>
                <a:lnTo>
                  <a:pt x="1120" y="300"/>
                </a:lnTo>
                <a:lnTo>
                  <a:pt x="1100" y="324"/>
                </a:lnTo>
                <a:lnTo>
                  <a:pt x="1082" y="344"/>
                </a:lnTo>
                <a:lnTo>
                  <a:pt x="1076" y="378"/>
                </a:lnTo>
                <a:lnTo>
                  <a:pt x="1060" y="410"/>
                </a:lnTo>
                <a:lnTo>
                  <a:pt x="1066" y="424"/>
                </a:lnTo>
                <a:lnTo>
                  <a:pt x="1056" y="442"/>
                </a:lnTo>
                <a:lnTo>
                  <a:pt x="1058" y="470"/>
                </a:lnTo>
                <a:lnTo>
                  <a:pt x="1052" y="480"/>
                </a:lnTo>
                <a:lnTo>
                  <a:pt x="1042" y="494"/>
                </a:lnTo>
                <a:lnTo>
                  <a:pt x="1024" y="494"/>
                </a:lnTo>
                <a:lnTo>
                  <a:pt x="1020" y="488"/>
                </a:lnTo>
                <a:lnTo>
                  <a:pt x="1008" y="488"/>
                </a:lnTo>
                <a:lnTo>
                  <a:pt x="1006" y="508"/>
                </a:lnTo>
                <a:lnTo>
                  <a:pt x="988" y="518"/>
                </a:lnTo>
                <a:lnTo>
                  <a:pt x="980" y="542"/>
                </a:lnTo>
                <a:lnTo>
                  <a:pt x="960" y="556"/>
                </a:lnTo>
                <a:lnTo>
                  <a:pt x="954" y="580"/>
                </a:lnTo>
                <a:lnTo>
                  <a:pt x="928" y="598"/>
                </a:lnTo>
                <a:lnTo>
                  <a:pt x="922" y="614"/>
                </a:lnTo>
                <a:lnTo>
                  <a:pt x="928" y="626"/>
                </a:lnTo>
                <a:lnTo>
                  <a:pt x="920" y="640"/>
                </a:lnTo>
                <a:lnTo>
                  <a:pt x="910" y="646"/>
                </a:lnTo>
                <a:lnTo>
                  <a:pt x="910" y="654"/>
                </a:lnTo>
                <a:lnTo>
                  <a:pt x="922" y="656"/>
                </a:lnTo>
                <a:lnTo>
                  <a:pt x="940" y="644"/>
                </a:lnTo>
                <a:lnTo>
                  <a:pt x="942" y="632"/>
                </a:lnTo>
                <a:lnTo>
                  <a:pt x="954" y="624"/>
                </a:lnTo>
                <a:lnTo>
                  <a:pt x="970" y="628"/>
                </a:lnTo>
                <a:lnTo>
                  <a:pt x="986" y="638"/>
                </a:lnTo>
                <a:lnTo>
                  <a:pt x="984" y="660"/>
                </a:lnTo>
                <a:lnTo>
                  <a:pt x="998" y="674"/>
                </a:lnTo>
                <a:lnTo>
                  <a:pt x="1002" y="690"/>
                </a:lnTo>
                <a:lnTo>
                  <a:pt x="1000" y="698"/>
                </a:lnTo>
                <a:lnTo>
                  <a:pt x="986" y="696"/>
                </a:lnTo>
                <a:lnTo>
                  <a:pt x="978" y="708"/>
                </a:lnTo>
                <a:lnTo>
                  <a:pt x="986" y="720"/>
                </a:lnTo>
                <a:lnTo>
                  <a:pt x="994" y="726"/>
                </a:lnTo>
                <a:lnTo>
                  <a:pt x="998" y="744"/>
                </a:lnTo>
                <a:lnTo>
                  <a:pt x="1014" y="758"/>
                </a:lnTo>
                <a:lnTo>
                  <a:pt x="1006" y="766"/>
                </a:lnTo>
                <a:lnTo>
                  <a:pt x="1006" y="778"/>
                </a:lnTo>
                <a:lnTo>
                  <a:pt x="994" y="780"/>
                </a:lnTo>
                <a:lnTo>
                  <a:pt x="986" y="790"/>
                </a:lnTo>
                <a:lnTo>
                  <a:pt x="974" y="788"/>
                </a:lnTo>
                <a:lnTo>
                  <a:pt x="962" y="794"/>
                </a:lnTo>
                <a:lnTo>
                  <a:pt x="972" y="808"/>
                </a:lnTo>
                <a:lnTo>
                  <a:pt x="972" y="816"/>
                </a:lnTo>
                <a:lnTo>
                  <a:pt x="976" y="824"/>
                </a:lnTo>
                <a:lnTo>
                  <a:pt x="994" y="828"/>
                </a:lnTo>
                <a:lnTo>
                  <a:pt x="1000" y="842"/>
                </a:lnTo>
                <a:lnTo>
                  <a:pt x="978" y="864"/>
                </a:lnTo>
                <a:lnTo>
                  <a:pt x="984" y="878"/>
                </a:lnTo>
                <a:lnTo>
                  <a:pt x="980" y="888"/>
                </a:lnTo>
                <a:lnTo>
                  <a:pt x="986" y="902"/>
                </a:lnTo>
                <a:lnTo>
                  <a:pt x="1026" y="920"/>
                </a:lnTo>
                <a:lnTo>
                  <a:pt x="1050" y="920"/>
                </a:lnTo>
                <a:lnTo>
                  <a:pt x="1056" y="932"/>
                </a:lnTo>
                <a:lnTo>
                  <a:pt x="1048" y="938"/>
                </a:lnTo>
                <a:lnTo>
                  <a:pt x="1036" y="954"/>
                </a:lnTo>
                <a:lnTo>
                  <a:pt x="1042" y="970"/>
                </a:lnTo>
                <a:lnTo>
                  <a:pt x="1038" y="970"/>
                </a:lnTo>
                <a:lnTo>
                  <a:pt x="1038" y="972"/>
                </a:lnTo>
                <a:lnTo>
                  <a:pt x="1036" y="968"/>
                </a:lnTo>
                <a:lnTo>
                  <a:pt x="1032" y="966"/>
                </a:lnTo>
                <a:lnTo>
                  <a:pt x="1028" y="966"/>
                </a:lnTo>
                <a:lnTo>
                  <a:pt x="1022" y="970"/>
                </a:lnTo>
                <a:lnTo>
                  <a:pt x="1020" y="974"/>
                </a:lnTo>
                <a:lnTo>
                  <a:pt x="1020" y="980"/>
                </a:lnTo>
                <a:lnTo>
                  <a:pt x="1022" y="982"/>
                </a:lnTo>
                <a:lnTo>
                  <a:pt x="1022" y="984"/>
                </a:lnTo>
                <a:close/>
              </a:path>
            </a:pathLst>
          </a:custGeom>
          <a:pattFill prst="pct90">
            <a:fgClr>
              <a:srgbClr val="FF9900"/>
            </a:fgClr>
            <a:bgClr>
              <a:schemeClr val="tx1"/>
            </a:bgClr>
          </a:pattFill>
          <a:ln w="6350" cmpd="sng">
            <a:solidFill>
              <a:srgbClr val="000000"/>
            </a:solidFill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67" name="Freeform 90"/>
          <p:cNvSpPr>
            <a:spLocks/>
          </p:cNvSpPr>
          <p:nvPr/>
        </p:nvSpPr>
        <p:spPr bwMode="auto">
          <a:xfrm>
            <a:off x="2813050" y="4802188"/>
            <a:ext cx="1541463" cy="1352550"/>
          </a:xfrm>
          <a:custGeom>
            <a:avLst/>
            <a:gdLst>
              <a:gd name="T0" fmla="*/ 2147483647 w 1190"/>
              <a:gd name="T1" fmla="*/ 2147483647 h 1044"/>
              <a:gd name="T2" fmla="*/ 2147483647 w 1190"/>
              <a:gd name="T3" fmla="*/ 2147483647 h 1044"/>
              <a:gd name="T4" fmla="*/ 2147483647 w 1190"/>
              <a:gd name="T5" fmla="*/ 2147483647 h 1044"/>
              <a:gd name="T6" fmla="*/ 2147483647 w 1190"/>
              <a:gd name="T7" fmla="*/ 2147483647 h 1044"/>
              <a:gd name="T8" fmla="*/ 2147483647 w 1190"/>
              <a:gd name="T9" fmla="*/ 2147483647 h 1044"/>
              <a:gd name="T10" fmla="*/ 2147483647 w 1190"/>
              <a:gd name="T11" fmla="*/ 2147483647 h 1044"/>
              <a:gd name="T12" fmla="*/ 2147483647 w 1190"/>
              <a:gd name="T13" fmla="*/ 2147483647 h 1044"/>
              <a:gd name="T14" fmla="*/ 2147483647 w 1190"/>
              <a:gd name="T15" fmla="*/ 2147483647 h 1044"/>
              <a:gd name="T16" fmla="*/ 2147483647 w 1190"/>
              <a:gd name="T17" fmla="*/ 2147483647 h 1044"/>
              <a:gd name="T18" fmla="*/ 2147483647 w 1190"/>
              <a:gd name="T19" fmla="*/ 2147483647 h 1044"/>
              <a:gd name="T20" fmla="*/ 2147483647 w 1190"/>
              <a:gd name="T21" fmla="*/ 2147483647 h 1044"/>
              <a:gd name="T22" fmla="*/ 2147483647 w 1190"/>
              <a:gd name="T23" fmla="*/ 2147483647 h 1044"/>
              <a:gd name="T24" fmla="*/ 2147483647 w 1190"/>
              <a:gd name="T25" fmla="*/ 2147483647 h 1044"/>
              <a:gd name="T26" fmla="*/ 2147483647 w 1190"/>
              <a:gd name="T27" fmla="*/ 2147483647 h 1044"/>
              <a:gd name="T28" fmla="*/ 2147483647 w 1190"/>
              <a:gd name="T29" fmla="*/ 2147483647 h 1044"/>
              <a:gd name="T30" fmla="*/ 2147483647 w 1190"/>
              <a:gd name="T31" fmla="*/ 2147483647 h 1044"/>
              <a:gd name="T32" fmla="*/ 2147483647 w 1190"/>
              <a:gd name="T33" fmla="*/ 2147483647 h 1044"/>
              <a:gd name="T34" fmla="*/ 2147483647 w 1190"/>
              <a:gd name="T35" fmla="*/ 2147483647 h 1044"/>
              <a:gd name="T36" fmla="*/ 2147483647 w 1190"/>
              <a:gd name="T37" fmla="*/ 2147483647 h 1044"/>
              <a:gd name="T38" fmla="*/ 2147483647 w 1190"/>
              <a:gd name="T39" fmla="*/ 2147483647 h 1044"/>
              <a:gd name="T40" fmla="*/ 2147483647 w 1190"/>
              <a:gd name="T41" fmla="*/ 2147483647 h 1044"/>
              <a:gd name="T42" fmla="*/ 2147483647 w 1190"/>
              <a:gd name="T43" fmla="*/ 2147483647 h 1044"/>
              <a:gd name="T44" fmla="*/ 2147483647 w 1190"/>
              <a:gd name="T45" fmla="*/ 2147483647 h 1044"/>
              <a:gd name="T46" fmla="*/ 2147483647 w 1190"/>
              <a:gd name="T47" fmla="*/ 2147483647 h 1044"/>
              <a:gd name="T48" fmla="*/ 0 w 1190"/>
              <a:gd name="T49" fmla="*/ 2147483647 h 1044"/>
              <a:gd name="T50" fmla="*/ 2147483647 w 1190"/>
              <a:gd name="T51" fmla="*/ 2147483647 h 1044"/>
              <a:gd name="T52" fmla="*/ 2147483647 w 1190"/>
              <a:gd name="T53" fmla="*/ 2147483647 h 1044"/>
              <a:gd name="T54" fmla="*/ 2147483647 w 1190"/>
              <a:gd name="T55" fmla="*/ 2147483647 h 1044"/>
              <a:gd name="T56" fmla="*/ 2147483647 w 1190"/>
              <a:gd name="T57" fmla="*/ 2147483647 h 1044"/>
              <a:gd name="T58" fmla="*/ 2147483647 w 1190"/>
              <a:gd name="T59" fmla="*/ 2147483647 h 1044"/>
              <a:gd name="T60" fmla="*/ 2147483647 w 1190"/>
              <a:gd name="T61" fmla="*/ 2147483647 h 1044"/>
              <a:gd name="T62" fmla="*/ 2147483647 w 1190"/>
              <a:gd name="T63" fmla="*/ 2147483647 h 1044"/>
              <a:gd name="T64" fmla="*/ 2147483647 w 1190"/>
              <a:gd name="T65" fmla="*/ 2147483647 h 1044"/>
              <a:gd name="T66" fmla="*/ 2147483647 w 1190"/>
              <a:gd name="T67" fmla="*/ 2147483647 h 1044"/>
              <a:gd name="T68" fmla="*/ 2147483647 w 1190"/>
              <a:gd name="T69" fmla="*/ 2147483647 h 1044"/>
              <a:gd name="T70" fmla="*/ 2147483647 w 1190"/>
              <a:gd name="T71" fmla="*/ 2147483647 h 1044"/>
              <a:gd name="T72" fmla="*/ 2147483647 w 1190"/>
              <a:gd name="T73" fmla="*/ 2147483647 h 1044"/>
              <a:gd name="T74" fmla="*/ 2147483647 w 1190"/>
              <a:gd name="T75" fmla="*/ 2147483647 h 1044"/>
              <a:gd name="T76" fmla="*/ 2147483647 w 1190"/>
              <a:gd name="T77" fmla="*/ 2147483647 h 1044"/>
              <a:gd name="T78" fmla="*/ 2147483647 w 1190"/>
              <a:gd name="T79" fmla="*/ 2147483647 h 1044"/>
              <a:gd name="T80" fmla="*/ 2147483647 w 1190"/>
              <a:gd name="T81" fmla="*/ 2147483647 h 1044"/>
              <a:gd name="T82" fmla="*/ 2147483647 w 1190"/>
              <a:gd name="T83" fmla="*/ 2147483647 h 1044"/>
              <a:gd name="T84" fmla="*/ 2147483647 w 1190"/>
              <a:gd name="T85" fmla="*/ 2147483647 h 1044"/>
              <a:gd name="T86" fmla="*/ 2147483647 w 1190"/>
              <a:gd name="T87" fmla="*/ 2147483647 h 1044"/>
              <a:gd name="T88" fmla="*/ 2147483647 w 1190"/>
              <a:gd name="T89" fmla="*/ 2147483647 h 1044"/>
              <a:gd name="T90" fmla="*/ 2147483647 w 1190"/>
              <a:gd name="T91" fmla="*/ 2147483647 h 1044"/>
              <a:gd name="T92" fmla="*/ 2147483647 w 1190"/>
              <a:gd name="T93" fmla="*/ 2147483647 h 1044"/>
              <a:gd name="T94" fmla="*/ 2147483647 w 1190"/>
              <a:gd name="T95" fmla="*/ 2147483647 h 1044"/>
              <a:gd name="T96" fmla="*/ 2147483647 w 1190"/>
              <a:gd name="T97" fmla="*/ 2147483647 h 1044"/>
              <a:gd name="T98" fmla="*/ 2147483647 w 1190"/>
              <a:gd name="T99" fmla="*/ 2147483647 h 1044"/>
              <a:gd name="T100" fmla="*/ 2147483647 w 1190"/>
              <a:gd name="T101" fmla="*/ 2147483647 h 1044"/>
              <a:gd name="T102" fmla="*/ 2147483647 w 1190"/>
              <a:gd name="T103" fmla="*/ 2147483647 h 1044"/>
              <a:gd name="T104" fmla="*/ 2147483647 w 1190"/>
              <a:gd name="T105" fmla="*/ 2147483647 h 1044"/>
              <a:gd name="T106" fmla="*/ 2147483647 w 1190"/>
              <a:gd name="T107" fmla="*/ 2147483647 h 1044"/>
              <a:gd name="T108" fmla="*/ 2147483647 w 1190"/>
              <a:gd name="T109" fmla="*/ 2147483647 h 1044"/>
              <a:gd name="T110" fmla="*/ 2147483647 w 1190"/>
              <a:gd name="T111" fmla="*/ 2147483647 h 1044"/>
              <a:gd name="T112" fmla="*/ 2147483647 w 1190"/>
              <a:gd name="T113" fmla="*/ 2147483647 h 1044"/>
              <a:gd name="T114" fmla="*/ 2147483647 w 1190"/>
              <a:gd name="T115" fmla="*/ 2147483647 h 1044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0" t="0" r="r" b="b"/>
            <a:pathLst>
              <a:path w="1190" h="1044">
                <a:moveTo>
                  <a:pt x="1036" y="320"/>
                </a:moveTo>
                <a:lnTo>
                  <a:pt x="1046" y="320"/>
                </a:lnTo>
                <a:lnTo>
                  <a:pt x="1060" y="330"/>
                </a:lnTo>
                <a:lnTo>
                  <a:pt x="1062" y="336"/>
                </a:lnTo>
                <a:lnTo>
                  <a:pt x="1070" y="344"/>
                </a:lnTo>
                <a:lnTo>
                  <a:pt x="1082" y="336"/>
                </a:lnTo>
                <a:lnTo>
                  <a:pt x="1092" y="336"/>
                </a:lnTo>
                <a:lnTo>
                  <a:pt x="1102" y="338"/>
                </a:lnTo>
                <a:lnTo>
                  <a:pt x="1112" y="350"/>
                </a:lnTo>
                <a:lnTo>
                  <a:pt x="1130" y="348"/>
                </a:lnTo>
                <a:lnTo>
                  <a:pt x="1132" y="340"/>
                </a:lnTo>
                <a:lnTo>
                  <a:pt x="1144" y="338"/>
                </a:lnTo>
                <a:lnTo>
                  <a:pt x="1152" y="338"/>
                </a:lnTo>
                <a:lnTo>
                  <a:pt x="1164" y="338"/>
                </a:lnTo>
                <a:lnTo>
                  <a:pt x="1178" y="344"/>
                </a:lnTo>
                <a:lnTo>
                  <a:pt x="1180" y="350"/>
                </a:lnTo>
                <a:lnTo>
                  <a:pt x="1184" y="356"/>
                </a:lnTo>
                <a:lnTo>
                  <a:pt x="1190" y="362"/>
                </a:lnTo>
                <a:lnTo>
                  <a:pt x="1186" y="370"/>
                </a:lnTo>
                <a:lnTo>
                  <a:pt x="1180" y="370"/>
                </a:lnTo>
                <a:lnTo>
                  <a:pt x="1172" y="370"/>
                </a:lnTo>
                <a:lnTo>
                  <a:pt x="1172" y="376"/>
                </a:lnTo>
                <a:lnTo>
                  <a:pt x="1174" y="390"/>
                </a:lnTo>
                <a:lnTo>
                  <a:pt x="1178" y="394"/>
                </a:lnTo>
                <a:lnTo>
                  <a:pt x="1178" y="404"/>
                </a:lnTo>
                <a:lnTo>
                  <a:pt x="1176" y="408"/>
                </a:lnTo>
                <a:lnTo>
                  <a:pt x="1174" y="414"/>
                </a:lnTo>
                <a:lnTo>
                  <a:pt x="1168" y="420"/>
                </a:lnTo>
                <a:lnTo>
                  <a:pt x="1162" y="424"/>
                </a:lnTo>
                <a:lnTo>
                  <a:pt x="1144" y="438"/>
                </a:lnTo>
                <a:lnTo>
                  <a:pt x="1128" y="444"/>
                </a:lnTo>
                <a:lnTo>
                  <a:pt x="1116" y="450"/>
                </a:lnTo>
                <a:lnTo>
                  <a:pt x="1098" y="456"/>
                </a:lnTo>
                <a:lnTo>
                  <a:pt x="1076" y="464"/>
                </a:lnTo>
                <a:lnTo>
                  <a:pt x="1070" y="470"/>
                </a:lnTo>
                <a:lnTo>
                  <a:pt x="1066" y="480"/>
                </a:lnTo>
                <a:lnTo>
                  <a:pt x="1060" y="482"/>
                </a:lnTo>
                <a:lnTo>
                  <a:pt x="1036" y="488"/>
                </a:lnTo>
                <a:lnTo>
                  <a:pt x="1008" y="490"/>
                </a:lnTo>
                <a:lnTo>
                  <a:pt x="980" y="496"/>
                </a:lnTo>
                <a:lnTo>
                  <a:pt x="954" y="500"/>
                </a:lnTo>
                <a:lnTo>
                  <a:pt x="942" y="504"/>
                </a:lnTo>
                <a:lnTo>
                  <a:pt x="916" y="528"/>
                </a:lnTo>
                <a:lnTo>
                  <a:pt x="930" y="542"/>
                </a:lnTo>
                <a:lnTo>
                  <a:pt x="910" y="560"/>
                </a:lnTo>
                <a:lnTo>
                  <a:pt x="900" y="554"/>
                </a:lnTo>
                <a:lnTo>
                  <a:pt x="888" y="570"/>
                </a:lnTo>
                <a:lnTo>
                  <a:pt x="866" y="594"/>
                </a:lnTo>
                <a:lnTo>
                  <a:pt x="840" y="618"/>
                </a:lnTo>
                <a:lnTo>
                  <a:pt x="806" y="660"/>
                </a:lnTo>
                <a:lnTo>
                  <a:pt x="788" y="690"/>
                </a:lnTo>
                <a:lnTo>
                  <a:pt x="788" y="698"/>
                </a:lnTo>
                <a:lnTo>
                  <a:pt x="790" y="720"/>
                </a:lnTo>
                <a:lnTo>
                  <a:pt x="794" y="744"/>
                </a:lnTo>
                <a:lnTo>
                  <a:pt x="800" y="760"/>
                </a:lnTo>
                <a:lnTo>
                  <a:pt x="812" y="774"/>
                </a:lnTo>
                <a:lnTo>
                  <a:pt x="824" y="782"/>
                </a:lnTo>
                <a:lnTo>
                  <a:pt x="830" y="794"/>
                </a:lnTo>
                <a:lnTo>
                  <a:pt x="820" y="796"/>
                </a:lnTo>
                <a:lnTo>
                  <a:pt x="806" y="804"/>
                </a:lnTo>
                <a:lnTo>
                  <a:pt x="794" y="810"/>
                </a:lnTo>
                <a:lnTo>
                  <a:pt x="790" y="818"/>
                </a:lnTo>
                <a:lnTo>
                  <a:pt x="774" y="818"/>
                </a:lnTo>
                <a:lnTo>
                  <a:pt x="760" y="826"/>
                </a:lnTo>
                <a:lnTo>
                  <a:pt x="750" y="836"/>
                </a:lnTo>
                <a:lnTo>
                  <a:pt x="744" y="842"/>
                </a:lnTo>
                <a:lnTo>
                  <a:pt x="746" y="852"/>
                </a:lnTo>
                <a:lnTo>
                  <a:pt x="736" y="854"/>
                </a:lnTo>
                <a:lnTo>
                  <a:pt x="730" y="864"/>
                </a:lnTo>
                <a:lnTo>
                  <a:pt x="724" y="876"/>
                </a:lnTo>
                <a:lnTo>
                  <a:pt x="718" y="884"/>
                </a:lnTo>
                <a:lnTo>
                  <a:pt x="710" y="896"/>
                </a:lnTo>
                <a:lnTo>
                  <a:pt x="706" y="904"/>
                </a:lnTo>
                <a:lnTo>
                  <a:pt x="708" y="910"/>
                </a:lnTo>
                <a:lnTo>
                  <a:pt x="710" y="918"/>
                </a:lnTo>
                <a:lnTo>
                  <a:pt x="710" y="924"/>
                </a:lnTo>
                <a:lnTo>
                  <a:pt x="710" y="928"/>
                </a:lnTo>
                <a:lnTo>
                  <a:pt x="708" y="930"/>
                </a:lnTo>
                <a:lnTo>
                  <a:pt x="694" y="930"/>
                </a:lnTo>
                <a:lnTo>
                  <a:pt x="680" y="928"/>
                </a:lnTo>
                <a:lnTo>
                  <a:pt x="668" y="926"/>
                </a:lnTo>
                <a:lnTo>
                  <a:pt x="658" y="926"/>
                </a:lnTo>
                <a:lnTo>
                  <a:pt x="642" y="926"/>
                </a:lnTo>
                <a:lnTo>
                  <a:pt x="628" y="938"/>
                </a:lnTo>
                <a:lnTo>
                  <a:pt x="612" y="942"/>
                </a:lnTo>
                <a:lnTo>
                  <a:pt x="600" y="952"/>
                </a:lnTo>
                <a:lnTo>
                  <a:pt x="588" y="964"/>
                </a:lnTo>
                <a:lnTo>
                  <a:pt x="582" y="978"/>
                </a:lnTo>
                <a:lnTo>
                  <a:pt x="574" y="988"/>
                </a:lnTo>
                <a:lnTo>
                  <a:pt x="562" y="1000"/>
                </a:lnTo>
                <a:lnTo>
                  <a:pt x="556" y="1006"/>
                </a:lnTo>
                <a:lnTo>
                  <a:pt x="552" y="1014"/>
                </a:lnTo>
                <a:lnTo>
                  <a:pt x="548" y="1016"/>
                </a:lnTo>
                <a:lnTo>
                  <a:pt x="544" y="1018"/>
                </a:lnTo>
                <a:lnTo>
                  <a:pt x="538" y="1020"/>
                </a:lnTo>
                <a:lnTo>
                  <a:pt x="532" y="1010"/>
                </a:lnTo>
                <a:lnTo>
                  <a:pt x="522" y="1000"/>
                </a:lnTo>
                <a:lnTo>
                  <a:pt x="506" y="1000"/>
                </a:lnTo>
                <a:lnTo>
                  <a:pt x="496" y="1004"/>
                </a:lnTo>
                <a:lnTo>
                  <a:pt x="490" y="1010"/>
                </a:lnTo>
                <a:lnTo>
                  <a:pt x="482" y="1014"/>
                </a:lnTo>
                <a:lnTo>
                  <a:pt x="468" y="1010"/>
                </a:lnTo>
                <a:lnTo>
                  <a:pt x="452" y="1002"/>
                </a:lnTo>
                <a:lnTo>
                  <a:pt x="440" y="998"/>
                </a:lnTo>
                <a:lnTo>
                  <a:pt x="416" y="996"/>
                </a:lnTo>
                <a:lnTo>
                  <a:pt x="410" y="1002"/>
                </a:lnTo>
                <a:lnTo>
                  <a:pt x="398" y="998"/>
                </a:lnTo>
                <a:lnTo>
                  <a:pt x="388" y="992"/>
                </a:lnTo>
                <a:lnTo>
                  <a:pt x="372" y="988"/>
                </a:lnTo>
                <a:lnTo>
                  <a:pt x="354" y="986"/>
                </a:lnTo>
                <a:lnTo>
                  <a:pt x="342" y="984"/>
                </a:lnTo>
                <a:lnTo>
                  <a:pt x="326" y="982"/>
                </a:lnTo>
                <a:lnTo>
                  <a:pt x="312" y="982"/>
                </a:lnTo>
                <a:lnTo>
                  <a:pt x="296" y="984"/>
                </a:lnTo>
                <a:lnTo>
                  <a:pt x="288" y="992"/>
                </a:lnTo>
                <a:lnTo>
                  <a:pt x="278" y="998"/>
                </a:lnTo>
                <a:lnTo>
                  <a:pt x="268" y="1000"/>
                </a:lnTo>
                <a:lnTo>
                  <a:pt x="254" y="998"/>
                </a:lnTo>
                <a:lnTo>
                  <a:pt x="240" y="996"/>
                </a:lnTo>
                <a:lnTo>
                  <a:pt x="228" y="1000"/>
                </a:lnTo>
                <a:lnTo>
                  <a:pt x="208" y="1004"/>
                </a:lnTo>
                <a:lnTo>
                  <a:pt x="194" y="1018"/>
                </a:lnTo>
                <a:lnTo>
                  <a:pt x="186" y="1028"/>
                </a:lnTo>
                <a:lnTo>
                  <a:pt x="176" y="1030"/>
                </a:lnTo>
                <a:lnTo>
                  <a:pt x="176" y="1038"/>
                </a:lnTo>
                <a:lnTo>
                  <a:pt x="172" y="1042"/>
                </a:lnTo>
                <a:lnTo>
                  <a:pt x="168" y="1044"/>
                </a:lnTo>
                <a:lnTo>
                  <a:pt x="154" y="1044"/>
                </a:lnTo>
                <a:lnTo>
                  <a:pt x="142" y="1034"/>
                </a:lnTo>
                <a:lnTo>
                  <a:pt x="130" y="1020"/>
                </a:lnTo>
                <a:lnTo>
                  <a:pt x="124" y="1012"/>
                </a:lnTo>
                <a:lnTo>
                  <a:pt x="116" y="1010"/>
                </a:lnTo>
                <a:lnTo>
                  <a:pt x="106" y="992"/>
                </a:lnTo>
                <a:lnTo>
                  <a:pt x="102" y="982"/>
                </a:lnTo>
                <a:lnTo>
                  <a:pt x="100" y="970"/>
                </a:lnTo>
                <a:lnTo>
                  <a:pt x="100" y="960"/>
                </a:lnTo>
                <a:lnTo>
                  <a:pt x="104" y="952"/>
                </a:lnTo>
                <a:lnTo>
                  <a:pt x="94" y="948"/>
                </a:lnTo>
                <a:lnTo>
                  <a:pt x="88" y="940"/>
                </a:lnTo>
                <a:lnTo>
                  <a:pt x="90" y="930"/>
                </a:lnTo>
                <a:lnTo>
                  <a:pt x="98" y="924"/>
                </a:lnTo>
                <a:lnTo>
                  <a:pt x="102" y="918"/>
                </a:lnTo>
                <a:lnTo>
                  <a:pt x="92" y="910"/>
                </a:lnTo>
                <a:lnTo>
                  <a:pt x="84" y="892"/>
                </a:lnTo>
                <a:lnTo>
                  <a:pt x="72" y="880"/>
                </a:lnTo>
                <a:lnTo>
                  <a:pt x="58" y="870"/>
                </a:lnTo>
                <a:lnTo>
                  <a:pt x="50" y="862"/>
                </a:lnTo>
                <a:lnTo>
                  <a:pt x="36" y="856"/>
                </a:lnTo>
                <a:lnTo>
                  <a:pt x="22" y="850"/>
                </a:lnTo>
                <a:lnTo>
                  <a:pt x="0" y="850"/>
                </a:lnTo>
                <a:lnTo>
                  <a:pt x="2" y="832"/>
                </a:lnTo>
                <a:lnTo>
                  <a:pt x="2" y="816"/>
                </a:lnTo>
                <a:lnTo>
                  <a:pt x="4" y="804"/>
                </a:lnTo>
                <a:lnTo>
                  <a:pt x="2" y="796"/>
                </a:lnTo>
                <a:lnTo>
                  <a:pt x="14" y="780"/>
                </a:lnTo>
                <a:lnTo>
                  <a:pt x="20" y="774"/>
                </a:lnTo>
                <a:lnTo>
                  <a:pt x="28" y="766"/>
                </a:lnTo>
                <a:lnTo>
                  <a:pt x="40" y="752"/>
                </a:lnTo>
                <a:lnTo>
                  <a:pt x="44" y="748"/>
                </a:lnTo>
                <a:lnTo>
                  <a:pt x="54" y="748"/>
                </a:lnTo>
                <a:lnTo>
                  <a:pt x="68" y="746"/>
                </a:lnTo>
                <a:lnTo>
                  <a:pt x="78" y="734"/>
                </a:lnTo>
                <a:lnTo>
                  <a:pt x="80" y="724"/>
                </a:lnTo>
                <a:lnTo>
                  <a:pt x="68" y="726"/>
                </a:lnTo>
                <a:lnTo>
                  <a:pt x="62" y="724"/>
                </a:lnTo>
                <a:lnTo>
                  <a:pt x="60" y="708"/>
                </a:lnTo>
                <a:lnTo>
                  <a:pt x="54" y="696"/>
                </a:lnTo>
                <a:lnTo>
                  <a:pt x="50" y="686"/>
                </a:lnTo>
                <a:lnTo>
                  <a:pt x="54" y="676"/>
                </a:lnTo>
                <a:lnTo>
                  <a:pt x="60" y="666"/>
                </a:lnTo>
                <a:lnTo>
                  <a:pt x="60" y="656"/>
                </a:lnTo>
                <a:lnTo>
                  <a:pt x="70" y="650"/>
                </a:lnTo>
                <a:lnTo>
                  <a:pt x="84" y="642"/>
                </a:lnTo>
                <a:lnTo>
                  <a:pt x="96" y="632"/>
                </a:lnTo>
                <a:lnTo>
                  <a:pt x="100" y="626"/>
                </a:lnTo>
                <a:lnTo>
                  <a:pt x="104" y="616"/>
                </a:lnTo>
                <a:lnTo>
                  <a:pt x="100" y="608"/>
                </a:lnTo>
                <a:lnTo>
                  <a:pt x="90" y="608"/>
                </a:lnTo>
                <a:lnTo>
                  <a:pt x="86" y="600"/>
                </a:lnTo>
                <a:lnTo>
                  <a:pt x="80" y="582"/>
                </a:lnTo>
                <a:lnTo>
                  <a:pt x="80" y="566"/>
                </a:lnTo>
                <a:lnTo>
                  <a:pt x="82" y="558"/>
                </a:lnTo>
                <a:lnTo>
                  <a:pt x="74" y="546"/>
                </a:lnTo>
                <a:lnTo>
                  <a:pt x="68" y="532"/>
                </a:lnTo>
                <a:lnTo>
                  <a:pt x="80" y="526"/>
                </a:lnTo>
                <a:lnTo>
                  <a:pt x="94" y="530"/>
                </a:lnTo>
                <a:lnTo>
                  <a:pt x="104" y="534"/>
                </a:lnTo>
                <a:lnTo>
                  <a:pt x="116" y="534"/>
                </a:lnTo>
                <a:lnTo>
                  <a:pt x="130" y="516"/>
                </a:lnTo>
                <a:lnTo>
                  <a:pt x="140" y="506"/>
                </a:lnTo>
                <a:lnTo>
                  <a:pt x="142" y="492"/>
                </a:lnTo>
                <a:lnTo>
                  <a:pt x="136" y="482"/>
                </a:lnTo>
                <a:lnTo>
                  <a:pt x="134" y="470"/>
                </a:lnTo>
                <a:lnTo>
                  <a:pt x="134" y="468"/>
                </a:lnTo>
                <a:lnTo>
                  <a:pt x="136" y="466"/>
                </a:lnTo>
                <a:lnTo>
                  <a:pt x="138" y="464"/>
                </a:lnTo>
                <a:lnTo>
                  <a:pt x="154" y="462"/>
                </a:lnTo>
                <a:lnTo>
                  <a:pt x="158" y="448"/>
                </a:lnTo>
                <a:lnTo>
                  <a:pt x="166" y="428"/>
                </a:lnTo>
                <a:lnTo>
                  <a:pt x="170" y="412"/>
                </a:lnTo>
                <a:lnTo>
                  <a:pt x="174" y="390"/>
                </a:lnTo>
                <a:lnTo>
                  <a:pt x="172" y="378"/>
                </a:lnTo>
                <a:lnTo>
                  <a:pt x="168" y="368"/>
                </a:lnTo>
                <a:lnTo>
                  <a:pt x="184" y="360"/>
                </a:lnTo>
                <a:lnTo>
                  <a:pt x="194" y="352"/>
                </a:lnTo>
                <a:lnTo>
                  <a:pt x="214" y="344"/>
                </a:lnTo>
                <a:lnTo>
                  <a:pt x="232" y="336"/>
                </a:lnTo>
                <a:lnTo>
                  <a:pt x="240" y="332"/>
                </a:lnTo>
                <a:lnTo>
                  <a:pt x="250" y="320"/>
                </a:lnTo>
                <a:lnTo>
                  <a:pt x="254" y="306"/>
                </a:lnTo>
                <a:lnTo>
                  <a:pt x="242" y="298"/>
                </a:lnTo>
                <a:lnTo>
                  <a:pt x="230" y="296"/>
                </a:lnTo>
                <a:lnTo>
                  <a:pt x="220" y="290"/>
                </a:lnTo>
                <a:lnTo>
                  <a:pt x="228" y="280"/>
                </a:lnTo>
                <a:lnTo>
                  <a:pt x="232" y="268"/>
                </a:lnTo>
                <a:lnTo>
                  <a:pt x="220" y="256"/>
                </a:lnTo>
                <a:lnTo>
                  <a:pt x="208" y="252"/>
                </a:lnTo>
                <a:lnTo>
                  <a:pt x="196" y="252"/>
                </a:lnTo>
                <a:lnTo>
                  <a:pt x="186" y="248"/>
                </a:lnTo>
                <a:lnTo>
                  <a:pt x="176" y="240"/>
                </a:lnTo>
                <a:lnTo>
                  <a:pt x="170" y="252"/>
                </a:lnTo>
                <a:lnTo>
                  <a:pt x="152" y="254"/>
                </a:lnTo>
                <a:lnTo>
                  <a:pt x="142" y="252"/>
                </a:lnTo>
                <a:lnTo>
                  <a:pt x="136" y="246"/>
                </a:lnTo>
                <a:lnTo>
                  <a:pt x="126" y="250"/>
                </a:lnTo>
                <a:lnTo>
                  <a:pt x="122" y="240"/>
                </a:lnTo>
                <a:lnTo>
                  <a:pt x="106" y="238"/>
                </a:lnTo>
                <a:lnTo>
                  <a:pt x="98" y="234"/>
                </a:lnTo>
                <a:lnTo>
                  <a:pt x="86" y="242"/>
                </a:lnTo>
                <a:lnTo>
                  <a:pt x="74" y="240"/>
                </a:lnTo>
                <a:lnTo>
                  <a:pt x="70" y="232"/>
                </a:lnTo>
                <a:lnTo>
                  <a:pt x="74" y="220"/>
                </a:lnTo>
                <a:lnTo>
                  <a:pt x="88" y="212"/>
                </a:lnTo>
                <a:lnTo>
                  <a:pt x="82" y="204"/>
                </a:lnTo>
                <a:lnTo>
                  <a:pt x="78" y="198"/>
                </a:lnTo>
                <a:lnTo>
                  <a:pt x="62" y="200"/>
                </a:lnTo>
                <a:lnTo>
                  <a:pt x="46" y="200"/>
                </a:lnTo>
                <a:lnTo>
                  <a:pt x="34" y="202"/>
                </a:lnTo>
                <a:lnTo>
                  <a:pt x="24" y="208"/>
                </a:lnTo>
                <a:lnTo>
                  <a:pt x="12" y="218"/>
                </a:lnTo>
                <a:lnTo>
                  <a:pt x="6" y="208"/>
                </a:lnTo>
                <a:lnTo>
                  <a:pt x="8" y="192"/>
                </a:lnTo>
                <a:lnTo>
                  <a:pt x="22" y="176"/>
                </a:lnTo>
                <a:lnTo>
                  <a:pt x="36" y="170"/>
                </a:lnTo>
                <a:lnTo>
                  <a:pt x="24" y="168"/>
                </a:lnTo>
                <a:lnTo>
                  <a:pt x="22" y="162"/>
                </a:lnTo>
                <a:lnTo>
                  <a:pt x="30" y="156"/>
                </a:lnTo>
                <a:lnTo>
                  <a:pt x="40" y="150"/>
                </a:lnTo>
                <a:lnTo>
                  <a:pt x="26" y="148"/>
                </a:lnTo>
                <a:lnTo>
                  <a:pt x="26" y="138"/>
                </a:lnTo>
                <a:lnTo>
                  <a:pt x="28" y="136"/>
                </a:lnTo>
                <a:lnTo>
                  <a:pt x="32" y="130"/>
                </a:lnTo>
                <a:lnTo>
                  <a:pt x="38" y="126"/>
                </a:lnTo>
                <a:lnTo>
                  <a:pt x="40" y="122"/>
                </a:lnTo>
                <a:lnTo>
                  <a:pt x="36" y="114"/>
                </a:lnTo>
                <a:lnTo>
                  <a:pt x="26" y="122"/>
                </a:lnTo>
                <a:lnTo>
                  <a:pt x="16" y="126"/>
                </a:lnTo>
                <a:lnTo>
                  <a:pt x="14" y="112"/>
                </a:lnTo>
                <a:lnTo>
                  <a:pt x="24" y="104"/>
                </a:lnTo>
                <a:lnTo>
                  <a:pt x="34" y="98"/>
                </a:lnTo>
                <a:lnTo>
                  <a:pt x="26" y="96"/>
                </a:lnTo>
                <a:lnTo>
                  <a:pt x="16" y="96"/>
                </a:lnTo>
                <a:lnTo>
                  <a:pt x="14" y="82"/>
                </a:lnTo>
                <a:lnTo>
                  <a:pt x="14" y="74"/>
                </a:lnTo>
                <a:lnTo>
                  <a:pt x="10" y="66"/>
                </a:lnTo>
                <a:lnTo>
                  <a:pt x="12" y="54"/>
                </a:lnTo>
                <a:lnTo>
                  <a:pt x="20" y="48"/>
                </a:lnTo>
                <a:lnTo>
                  <a:pt x="28" y="40"/>
                </a:lnTo>
                <a:lnTo>
                  <a:pt x="34" y="42"/>
                </a:lnTo>
                <a:lnTo>
                  <a:pt x="38" y="42"/>
                </a:lnTo>
                <a:lnTo>
                  <a:pt x="42" y="40"/>
                </a:lnTo>
                <a:lnTo>
                  <a:pt x="52" y="32"/>
                </a:lnTo>
                <a:lnTo>
                  <a:pt x="66" y="38"/>
                </a:lnTo>
                <a:lnTo>
                  <a:pt x="82" y="40"/>
                </a:lnTo>
                <a:lnTo>
                  <a:pt x="104" y="38"/>
                </a:lnTo>
                <a:lnTo>
                  <a:pt x="116" y="36"/>
                </a:lnTo>
                <a:lnTo>
                  <a:pt x="122" y="30"/>
                </a:lnTo>
                <a:lnTo>
                  <a:pt x="112" y="24"/>
                </a:lnTo>
                <a:lnTo>
                  <a:pt x="118" y="14"/>
                </a:lnTo>
                <a:lnTo>
                  <a:pt x="128" y="14"/>
                </a:lnTo>
                <a:lnTo>
                  <a:pt x="140" y="6"/>
                </a:lnTo>
                <a:lnTo>
                  <a:pt x="144" y="4"/>
                </a:lnTo>
                <a:lnTo>
                  <a:pt x="154" y="0"/>
                </a:lnTo>
                <a:lnTo>
                  <a:pt x="160" y="4"/>
                </a:lnTo>
                <a:lnTo>
                  <a:pt x="166" y="6"/>
                </a:lnTo>
                <a:lnTo>
                  <a:pt x="176" y="6"/>
                </a:lnTo>
                <a:lnTo>
                  <a:pt x="190" y="8"/>
                </a:lnTo>
                <a:lnTo>
                  <a:pt x="200" y="16"/>
                </a:lnTo>
                <a:lnTo>
                  <a:pt x="216" y="36"/>
                </a:lnTo>
                <a:lnTo>
                  <a:pt x="232" y="44"/>
                </a:lnTo>
                <a:lnTo>
                  <a:pt x="252" y="46"/>
                </a:lnTo>
                <a:lnTo>
                  <a:pt x="266" y="52"/>
                </a:lnTo>
                <a:lnTo>
                  <a:pt x="292" y="56"/>
                </a:lnTo>
                <a:lnTo>
                  <a:pt x="308" y="58"/>
                </a:lnTo>
                <a:lnTo>
                  <a:pt x="326" y="60"/>
                </a:lnTo>
                <a:lnTo>
                  <a:pt x="338" y="58"/>
                </a:lnTo>
                <a:lnTo>
                  <a:pt x="350" y="56"/>
                </a:lnTo>
                <a:lnTo>
                  <a:pt x="356" y="66"/>
                </a:lnTo>
                <a:lnTo>
                  <a:pt x="362" y="76"/>
                </a:lnTo>
                <a:lnTo>
                  <a:pt x="376" y="76"/>
                </a:lnTo>
                <a:lnTo>
                  <a:pt x="384" y="76"/>
                </a:lnTo>
                <a:lnTo>
                  <a:pt x="400" y="90"/>
                </a:lnTo>
                <a:lnTo>
                  <a:pt x="422" y="100"/>
                </a:lnTo>
                <a:lnTo>
                  <a:pt x="448" y="108"/>
                </a:lnTo>
                <a:lnTo>
                  <a:pt x="476" y="120"/>
                </a:lnTo>
                <a:lnTo>
                  <a:pt x="502" y="122"/>
                </a:lnTo>
                <a:lnTo>
                  <a:pt x="518" y="120"/>
                </a:lnTo>
                <a:lnTo>
                  <a:pt x="534" y="118"/>
                </a:lnTo>
                <a:lnTo>
                  <a:pt x="550" y="118"/>
                </a:lnTo>
                <a:lnTo>
                  <a:pt x="568" y="126"/>
                </a:lnTo>
                <a:lnTo>
                  <a:pt x="576" y="134"/>
                </a:lnTo>
                <a:lnTo>
                  <a:pt x="594" y="142"/>
                </a:lnTo>
                <a:lnTo>
                  <a:pt x="610" y="140"/>
                </a:lnTo>
                <a:lnTo>
                  <a:pt x="624" y="140"/>
                </a:lnTo>
                <a:lnTo>
                  <a:pt x="636" y="144"/>
                </a:lnTo>
                <a:lnTo>
                  <a:pt x="654" y="154"/>
                </a:lnTo>
                <a:lnTo>
                  <a:pt x="674" y="164"/>
                </a:lnTo>
                <a:lnTo>
                  <a:pt x="694" y="168"/>
                </a:lnTo>
                <a:lnTo>
                  <a:pt x="708" y="164"/>
                </a:lnTo>
                <a:lnTo>
                  <a:pt x="720" y="164"/>
                </a:lnTo>
                <a:lnTo>
                  <a:pt x="734" y="178"/>
                </a:lnTo>
                <a:lnTo>
                  <a:pt x="742" y="180"/>
                </a:lnTo>
                <a:lnTo>
                  <a:pt x="752" y="180"/>
                </a:lnTo>
                <a:lnTo>
                  <a:pt x="756" y="188"/>
                </a:lnTo>
                <a:lnTo>
                  <a:pt x="746" y="200"/>
                </a:lnTo>
                <a:lnTo>
                  <a:pt x="744" y="210"/>
                </a:lnTo>
                <a:lnTo>
                  <a:pt x="756" y="210"/>
                </a:lnTo>
                <a:lnTo>
                  <a:pt x="764" y="204"/>
                </a:lnTo>
                <a:lnTo>
                  <a:pt x="768" y="212"/>
                </a:lnTo>
                <a:lnTo>
                  <a:pt x="788" y="228"/>
                </a:lnTo>
                <a:lnTo>
                  <a:pt x="802" y="232"/>
                </a:lnTo>
                <a:lnTo>
                  <a:pt x="812" y="232"/>
                </a:lnTo>
                <a:lnTo>
                  <a:pt x="814" y="240"/>
                </a:lnTo>
                <a:lnTo>
                  <a:pt x="826" y="256"/>
                </a:lnTo>
                <a:lnTo>
                  <a:pt x="846" y="256"/>
                </a:lnTo>
                <a:lnTo>
                  <a:pt x="854" y="254"/>
                </a:lnTo>
                <a:lnTo>
                  <a:pt x="872" y="274"/>
                </a:lnTo>
                <a:lnTo>
                  <a:pt x="916" y="280"/>
                </a:lnTo>
                <a:lnTo>
                  <a:pt x="916" y="284"/>
                </a:lnTo>
                <a:lnTo>
                  <a:pt x="942" y="284"/>
                </a:lnTo>
                <a:lnTo>
                  <a:pt x="940" y="268"/>
                </a:lnTo>
                <a:lnTo>
                  <a:pt x="946" y="264"/>
                </a:lnTo>
                <a:lnTo>
                  <a:pt x="964" y="270"/>
                </a:lnTo>
                <a:lnTo>
                  <a:pt x="984" y="280"/>
                </a:lnTo>
                <a:lnTo>
                  <a:pt x="992" y="286"/>
                </a:lnTo>
                <a:lnTo>
                  <a:pt x="1006" y="288"/>
                </a:lnTo>
                <a:lnTo>
                  <a:pt x="1012" y="296"/>
                </a:lnTo>
                <a:lnTo>
                  <a:pt x="1016" y="312"/>
                </a:lnTo>
                <a:lnTo>
                  <a:pt x="1018" y="318"/>
                </a:lnTo>
                <a:lnTo>
                  <a:pt x="1026" y="322"/>
                </a:lnTo>
                <a:lnTo>
                  <a:pt x="1030" y="322"/>
                </a:lnTo>
                <a:lnTo>
                  <a:pt x="1036" y="320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68" name="Freeform 91"/>
          <p:cNvSpPr>
            <a:spLocks/>
          </p:cNvSpPr>
          <p:nvPr/>
        </p:nvSpPr>
        <p:spPr bwMode="auto">
          <a:xfrm>
            <a:off x="4129088" y="5199063"/>
            <a:ext cx="25400" cy="20637"/>
          </a:xfrm>
          <a:custGeom>
            <a:avLst/>
            <a:gdLst>
              <a:gd name="T0" fmla="*/ 2147483647 w 20"/>
              <a:gd name="T1" fmla="*/ 0 h 16"/>
              <a:gd name="T2" fmla="*/ 2147483647 w 20"/>
              <a:gd name="T3" fmla="*/ 2147483647 h 16"/>
              <a:gd name="T4" fmla="*/ 0 w 20"/>
              <a:gd name="T5" fmla="*/ 2147483647 h 16"/>
              <a:gd name="T6" fmla="*/ 2147483647 w 20"/>
              <a:gd name="T7" fmla="*/ 2147483647 h 16"/>
              <a:gd name="T8" fmla="*/ 2147483647 w 20"/>
              <a:gd name="T9" fmla="*/ 2147483647 h 16"/>
              <a:gd name="T10" fmla="*/ 2147483647 w 20"/>
              <a:gd name="T11" fmla="*/ 2147483647 h 16"/>
              <a:gd name="T12" fmla="*/ 2147483647 w 20"/>
              <a:gd name="T13" fmla="*/ 2147483647 h 16"/>
              <a:gd name="T14" fmla="*/ 2147483647 w 20"/>
              <a:gd name="T15" fmla="*/ 2147483647 h 16"/>
              <a:gd name="T16" fmla="*/ 2147483647 w 20"/>
              <a:gd name="T17" fmla="*/ 0 h 16"/>
              <a:gd name="T18" fmla="*/ 2147483647 w 20"/>
              <a:gd name="T19" fmla="*/ 0 h 1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20" h="16">
                <a:moveTo>
                  <a:pt x="10" y="0"/>
                </a:moveTo>
                <a:lnTo>
                  <a:pt x="2" y="2"/>
                </a:lnTo>
                <a:lnTo>
                  <a:pt x="0" y="6"/>
                </a:lnTo>
                <a:lnTo>
                  <a:pt x="2" y="12"/>
                </a:lnTo>
                <a:lnTo>
                  <a:pt x="10" y="16"/>
                </a:lnTo>
                <a:lnTo>
                  <a:pt x="16" y="16"/>
                </a:lnTo>
                <a:lnTo>
                  <a:pt x="20" y="10"/>
                </a:lnTo>
                <a:lnTo>
                  <a:pt x="18" y="4"/>
                </a:lnTo>
                <a:lnTo>
                  <a:pt x="16" y="0"/>
                </a:lnTo>
                <a:lnTo>
                  <a:pt x="10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69" name="Freeform 92"/>
          <p:cNvSpPr>
            <a:spLocks/>
          </p:cNvSpPr>
          <p:nvPr/>
        </p:nvSpPr>
        <p:spPr bwMode="auto">
          <a:xfrm>
            <a:off x="2598738" y="5059363"/>
            <a:ext cx="542925" cy="858837"/>
          </a:xfrm>
          <a:custGeom>
            <a:avLst/>
            <a:gdLst>
              <a:gd name="T0" fmla="*/ 2147483647 w 420"/>
              <a:gd name="T1" fmla="*/ 2147483647 h 664"/>
              <a:gd name="T2" fmla="*/ 2147483647 w 420"/>
              <a:gd name="T3" fmla="*/ 2147483647 h 664"/>
              <a:gd name="T4" fmla="*/ 2147483647 w 420"/>
              <a:gd name="T5" fmla="*/ 2147483647 h 664"/>
              <a:gd name="T6" fmla="*/ 2147483647 w 420"/>
              <a:gd name="T7" fmla="*/ 2147483647 h 664"/>
              <a:gd name="T8" fmla="*/ 2147483647 w 420"/>
              <a:gd name="T9" fmla="*/ 2147483647 h 664"/>
              <a:gd name="T10" fmla="*/ 2147483647 w 420"/>
              <a:gd name="T11" fmla="*/ 2147483647 h 664"/>
              <a:gd name="T12" fmla="*/ 2147483647 w 420"/>
              <a:gd name="T13" fmla="*/ 2147483647 h 664"/>
              <a:gd name="T14" fmla="*/ 2147483647 w 420"/>
              <a:gd name="T15" fmla="*/ 2147483647 h 664"/>
              <a:gd name="T16" fmla="*/ 2147483647 w 420"/>
              <a:gd name="T17" fmla="*/ 2147483647 h 664"/>
              <a:gd name="T18" fmla="*/ 2147483647 w 420"/>
              <a:gd name="T19" fmla="*/ 2147483647 h 664"/>
              <a:gd name="T20" fmla="*/ 2147483647 w 420"/>
              <a:gd name="T21" fmla="*/ 2147483647 h 664"/>
              <a:gd name="T22" fmla="*/ 2147483647 w 420"/>
              <a:gd name="T23" fmla="*/ 2147483647 h 664"/>
              <a:gd name="T24" fmla="*/ 2147483647 w 420"/>
              <a:gd name="T25" fmla="*/ 2147483647 h 664"/>
              <a:gd name="T26" fmla="*/ 2147483647 w 420"/>
              <a:gd name="T27" fmla="*/ 2147483647 h 664"/>
              <a:gd name="T28" fmla="*/ 2147483647 w 420"/>
              <a:gd name="T29" fmla="*/ 2147483647 h 664"/>
              <a:gd name="T30" fmla="*/ 2147483647 w 420"/>
              <a:gd name="T31" fmla="*/ 2147483647 h 664"/>
              <a:gd name="T32" fmla="*/ 2147483647 w 420"/>
              <a:gd name="T33" fmla="*/ 2147483647 h 664"/>
              <a:gd name="T34" fmla="*/ 2147483647 w 420"/>
              <a:gd name="T35" fmla="*/ 2147483647 h 664"/>
              <a:gd name="T36" fmla="*/ 2147483647 w 420"/>
              <a:gd name="T37" fmla="*/ 2147483647 h 664"/>
              <a:gd name="T38" fmla="*/ 2147483647 w 420"/>
              <a:gd name="T39" fmla="*/ 2147483647 h 664"/>
              <a:gd name="T40" fmla="*/ 2147483647 w 420"/>
              <a:gd name="T41" fmla="*/ 2147483647 h 664"/>
              <a:gd name="T42" fmla="*/ 2147483647 w 420"/>
              <a:gd name="T43" fmla="*/ 2147483647 h 664"/>
              <a:gd name="T44" fmla="*/ 2147483647 w 420"/>
              <a:gd name="T45" fmla="*/ 2147483647 h 664"/>
              <a:gd name="T46" fmla="*/ 2147483647 w 420"/>
              <a:gd name="T47" fmla="*/ 2147483647 h 664"/>
              <a:gd name="T48" fmla="*/ 2147483647 w 420"/>
              <a:gd name="T49" fmla="*/ 2147483647 h 664"/>
              <a:gd name="T50" fmla="*/ 2147483647 w 420"/>
              <a:gd name="T51" fmla="*/ 2147483647 h 664"/>
              <a:gd name="T52" fmla="*/ 2147483647 w 420"/>
              <a:gd name="T53" fmla="*/ 2147483647 h 664"/>
              <a:gd name="T54" fmla="*/ 2147483647 w 420"/>
              <a:gd name="T55" fmla="*/ 2147483647 h 664"/>
              <a:gd name="T56" fmla="*/ 2147483647 w 420"/>
              <a:gd name="T57" fmla="*/ 2147483647 h 664"/>
              <a:gd name="T58" fmla="*/ 2147483647 w 420"/>
              <a:gd name="T59" fmla="*/ 2147483647 h 664"/>
              <a:gd name="T60" fmla="*/ 2147483647 w 420"/>
              <a:gd name="T61" fmla="*/ 2147483647 h 664"/>
              <a:gd name="T62" fmla="*/ 2147483647 w 420"/>
              <a:gd name="T63" fmla="*/ 2147483647 h 664"/>
              <a:gd name="T64" fmla="*/ 2147483647 w 420"/>
              <a:gd name="T65" fmla="*/ 2147483647 h 664"/>
              <a:gd name="T66" fmla="*/ 2147483647 w 420"/>
              <a:gd name="T67" fmla="*/ 2147483647 h 664"/>
              <a:gd name="T68" fmla="*/ 2147483647 w 420"/>
              <a:gd name="T69" fmla="*/ 2147483647 h 664"/>
              <a:gd name="T70" fmla="*/ 2147483647 w 420"/>
              <a:gd name="T71" fmla="*/ 2147483647 h 664"/>
              <a:gd name="T72" fmla="*/ 2147483647 w 420"/>
              <a:gd name="T73" fmla="*/ 2147483647 h 664"/>
              <a:gd name="T74" fmla="*/ 2147483647 w 420"/>
              <a:gd name="T75" fmla="*/ 2147483647 h 664"/>
              <a:gd name="T76" fmla="*/ 2147483647 w 420"/>
              <a:gd name="T77" fmla="*/ 2147483647 h 664"/>
              <a:gd name="T78" fmla="*/ 2147483647 w 420"/>
              <a:gd name="T79" fmla="*/ 2147483647 h 664"/>
              <a:gd name="T80" fmla="*/ 2147483647 w 420"/>
              <a:gd name="T81" fmla="*/ 2147483647 h 664"/>
              <a:gd name="T82" fmla="*/ 2147483647 w 420"/>
              <a:gd name="T83" fmla="*/ 2147483647 h 664"/>
              <a:gd name="T84" fmla="*/ 2147483647 w 420"/>
              <a:gd name="T85" fmla="*/ 2147483647 h 664"/>
              <a:gd name="T86" fmla="*/ 2147483647 w 420"/>
              <a:gd name="T87" fmla="*/ 2147483647 h 664"/>
              <a:gd name="T88" fmla="*/ 2147483647 w 420"/>
              <a:gd name="T89" fmla="*/ 2147483647 h 664"/>
              <a:gd name="T90" fmla="*/ 0 w 420"/>
              <a:gd name="T91" fmla="*/ 2147483647 h 664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0" t="0" r="r" b="b"/>
            <a:pathLst>
              <a:path w="420" h="664">
                <a:moveTo>
                  <a:pt x="2" y="632"/>
                </a:moveTo>
                <a:lnTo>
                  <a:pt x="18" y="630"/>
                </a:lnTo>
                <a:lnTo>
                  <a:pt x="38" y="630"/>
                </a:lnTo>
                <a:lnTo>
                  <a:pt x="54" y="638"/>
                </a:lnTo>
                <a:lnTo>
                  <a:pt x="70" y="640"/>
                </a:lnTo>
                <a:lnTo>
                  <a:pt x="86" y="646"/>
                </a:lnTo>
                <a:lnTo>
                  <a:pt x="96" y="652"/>
                </a:lnTo>
                <a:lnTo>
                  <a:pt x="104" y="660"/>
                </a:lnTo>
                <a:lnTo>
                  <a:pt x="124" y="664"/>
                </a:lnTo>
                <a:lnTo>
                  <a:pt x="138" y="658"/>
                </a:lnTo>
                <a:lnTo>
                  <a:pt x="150" y="654"/>
                </a:lnTo>
                <a:lnTo>
                  <a:pt x="166" y="652"/>
                </a:lnTo>
                <a:lnTo>
                  <a:pt x="168" y="620"/>
                </a:lnTo>
                <a:lnTo>
                  <a:pt x="170" y="606"/>
                </a:lnTo>
                <a:lnTo>
                  <a:pt x="168" y="598"/>
                </a:lnTo>
                <a:lnTo>
                  <a:pt x="178" y="582"/>
                </a:lnTo>
                <a:lnTo>
                  <a:pt x="186" y="576"/>
                </a:lnTo>
                <a:lnTo>
                  <a:pt x="210" y="550"/>
                </a:lnTo>
                <a:lnTo>
                  <a:pt x="220" y="550"/>
                </a:lnTo>
                <a:lnTo>
                  <a:pt x="234" y="548"/>
                </a:lnTo>
                <a:lnTo>
                  <a:pt x="244" y="536"/>
                </a:lnTo>
                <a:lnTo>
                  <a:pt x="246" y="526"/>
                </a:lnTo>
                <a:lnTo>
                  <a:pt x="234" y="528"/>
                </a:lnTo>
                <a:lnTo>
                  <a:pt x="228" y="526"/>
                </a:lnTo>
                <a:lnTo>
                  <a:pt x="226" y="510"/>
                </a:lnTo>
                <a:lnTo>
                  <a:pt x="216" y="488"/>
                </a:lnTo>
                <a:lnTo>
                  <a:pt x="220" y="478"/>
                </a:lnTo>
                <a:lnTo>
                  <a:pt x="226" y="468"/>
                </a:lnTo>
                <a:lnTo>
                  <a:pt x="226" y="458"/>
                </a:lnTo>
                <a:lnTo>
                  <a:pt x="250" y="444"/>
                </a:lnTo>
                <a:lnTo>
                  <a:pt x="262" y="434"/>
                </a:lnTo>
                <a:lnTo>
                  <a:pt x="266" y="428"/>
                </a:lnTo>
                <a:lnTo>
                  <a:pt x="270" y="418"/>
                </a:lnTo>
                <a:lnTo>
                  <a:pt x="266" y="410"/>
                </a:lnTo>
                <a:lnTo>
                  <a:pt x="256" y="410"/>
                </a:lnTo>
                <a:lnTo>
                  <a:pt x="252" y="402"/>
                </a:lnTo>
                <a:lnTo>
                  <a:pt x="246" y="384"/>
                </a:lnTo>
                <a:lnTo>
                  <a:pt x="246" y="368"/>
                </a:lnTo>
                <a:lnTo>
                  <a:pt x="248" y="360"/>
                </a:lnTo>
                <a:lnTo>
                  <a:pt x="240" y="348"/>
                </a:lnTo>
                <a:lnTo>
                  <a:pt x="234" y="334"/>
                </a:lnTo>
                <a:lnTo>
                  <a:pt x="246" y="328"/>
                </a:lnTo>
                <a:lnTo>
                  <a:pt x="260" y="332"/>
                </a:lnTo>
                <a:lnTo>
                  <a:pt x="270" y="336"/>
                </a:lnTo>
                <a:lnTo>
                  <a:pt x="282" y="336"/>
                </a:lnTo>
                <a:lnTo>
                  <a:pt x="296" y="318"/>
                </a:lnTo>
                <a:lnTo>
                  <a:pt x="306" y="308"/>
                </a:lnTo>
                <a:lnTo>
                  <a:pt x="308" y="294"/>
                </a:lnTo>
                <a:lnTo>
                  <a:pt x="302" y="284"/>
                </a:lnTo>
                <a:lnTo>
                  <a:pt x="300" y="278"/>
                </a:lnTo>
                <a:lnTo>
                  <a:pt x="298" y="274"/>
                </a:lnTo>
                <a:lnTo>
                  <a:pt x="302" y="268"/>
                </a:lnTo>
                <a:lnTo>
                  <a:pt x="306" y="266"/>
                </a:lnTo>
                <a:lnTo>
                  <a:pt x="320" y="264"/>
                </a:lnTo>
                <a:lnTo>
                  <a:pt x="328" y="238"/>
                </a:lnTo>
                <a:lnTo>
                  <a:pt x="336" y="214"/>
                </a:lnTo>
                <a:lnTo>
                  <a:pt x="340" y="192"/>
                </a:lnTo>
                <a:lnTo>
                  <a:pt x="338" y="180"/>
                </a:lnTo>
                <a:lnTo>
                  <a:pt x="334" y="170"/>
                </a:lnTo>
                <a:lnTo>
                  <a:pt x="350" y="162"/>
                </a:lnTo>
                <a:lnTo>
                  <a:pt x="360" y="154"/>
                </a:lnTo>
                <a:lnTo>
                  <a:pt x="380" y="146"/>
                </a:lnTo>
                <a:lnTo>
                  <a:pt x="398" y="138"/>
                </a:lnTo>
                <a:lnTo>
                  <a:pt x="406" y="134"/>
                </a:lnTo>
                <a:lnTo>
                  <a:pt x="416" y="122"/>
                </a:lnTo>
                <a:lnTo>
                  <a:pt x="420" y="108"/>
                </a:lnTo>
                <a:lnTo>
                  <a:pt x="408" y="100"/>
                </a:lnTo>
                <a:lnTo>
                  <a:pt x="396" y="98"/>
                </a:lnTo>
                <a:lnTo>
                  <a:pt x="386" y="92"/>
                </a:lnTo>
                <a:lnTo>
                  <a:pt x="394" y="82"/>
                </a:lnTo>
                <a:lnTo>
                  <a:pt x="398" y="70"/>
                </a:lnTo>
                <a:lnTo>
                  <a:pt x="386" y="58"/>
                </a:lnTo>
                <a:lnTo>
                  <a:pt x="374" y="54"/>
                </a:lnTo>
                <a:lnTo>
                  <a:pt x="362" y="54"/>
                </a:lnTo>
                <a:lnTo>
                  <a:pt x="350" y="50"/>
                </a:lnTo>
                <a:lnTo>
                  <a:pt x="342" y="42"/>
                </a:lnTo>
                <a:lnTo>
                  <a:pt x="336" y="54"/>
                </a:lnTo>
                <a:lnTo>
                  <a:pt x="318" y="56"/>
                </a:lnTo>
                <a:lnTo>
                  <a:pt x="308" y="54"/>
                </a:lnTo>
                <a:lnTo>
                  <a:pt x="302" y="48"/>
                </a:lnTo>
                <a:lnTo>
                  <a:pt x="292" y="52"/>
                </a:lnTo>
                <a:lnTo>
                  <a:pt x="288" y="42"/>
                </a:lnTo>
                <a:lnTo>
                  <a:pt x="272" y="40"/>
                </a:lnTo>
                <a:lnTo>
                  <a:pt x="264" y="38"/>
                </a:lnTo>
                <a:lnTo>
                  <a:pt x="252" y="44"/>
                </a:lnTo>
                <a:lnTo>
                  <a:pt x="240" y="42"/>
                </a:lnTo>
                <a:lnTo>
                  <a:pt x="236" y="34"/>
                </a:lnTo>
                <a:lnTo>
                  <a:pt x="240" y="22"/>
                </a:lnTo>
                <a:lnTo>
                  <a:pt x="254" y="14"/>
                </a:lnTo>
                <a:lnTo>
                  <a:pt x="248" y="6"/>
                </a:lnTo>
                <a:lnTo>
                  <a:pt x="244" y="0"/>
                </a:lnTo>
                <a:lnTo>
                  <a:pt x="230" y="2"/>
                </a:lnTo>
                <a:lnTo>
                  <a:pt x="210" y="2"/>
                </a:lnTo>
                <a:lnTo>
                  <a:pt x="200" y="4"/>
                </a:lnTo>
                <a:lnTo>
                  <a:pt x="178" y="20"/>
                </a:lnTo>
                <a:lnTo>
                  <a:pt x="172" y="26"/>
                </a:lnTo>
                <a:lnTo>
                  <a:pt x="170" y="52"/>
                </a:lnTo>
                <a:lnTo>
                  <a:pt x="166" y="86"/>
                </a:lnTo>
                <a:lnTo>
                  <a:pt x="170" y="110"/>
                </a:lnTo>
                <a:lnTo>
                  <a:pt x="166" y="120"/>
                </a:lnTo>
                <a:lnTo>
                  <a:pt x="164" y="134"/>
                </a:lnTo>
                <a:lnTo>
                  <a:pt x="156" y="152"/>
                </a:lnTo>
                <a:lnTo>
                  <a:pt x="150" y="168"/>
                </a:lnTo>
                <a:lnTo>
                  <a:pt x="140" y="186"/>
                </a:lnTo>
                <a:lnTo>
                  <a:pt x="128" y="212"/>
                </a:lnTo>
                <a:lnTo>
                  <a:pt x="110" y="228"/>
                </a:lnTo>
                <a:lnTo>
                  <a:pt x="116" y="238"/>
                </a:lnTo>
                <a:lnTo>
                  <a:pt x="106" y="258"/>
                </a:lnTo>
                <a:lnTo>
                  <a:pt x="92" y="276"/>
                </a:lnTo>
                <a:lnTo>
                  <a:pt x="72" y="300"/>
                </a:lnTo>
                <a:lnTo>
                  <a:pt x="56" y="318"/>
                </a:lnTo>
                <a:lnTo>
                  <a:pt x="40" y="322"/>
                </a:lnTo>
                <a:lnTo>
                  <a:pt x="40" y="338"/>
                </a:lnTo>
                <a:lnTo>
                  <a:pt x="26" y="354"/>
                </a:lnTo>
                <a:lnTo>
                  <a:pt x="22" y="368"/>
                </a:lnTo>
                <a:lnTo>
                  <a:pt x="18" y="382"/>
                </a:lnTo>
                <a:lnTo>
                  <a:pt x="6" y="394"/>
                </a:lnTo>
                <a:lnTo>
                  <a:pt x="8" y="404"/>
                </a:lnTo>
                <a:lnTo>
                  <a:pt x="18" y="406"/>
                </a:lnTo>
                <a:lnTo>
                  <a:pt x="32" y="410"/>
                </a:lnTo>
                <a:lnTo>
                  <a:pt x="32" y="418"/>
                </a:lnTo>
                <a:lnTo>
                  <a:pt x="26" y="428"/>
                </a:lnTo>
                <a:lnTo>
                  <a:pt x="26" y="442"/>
                </a:lnTo>
                <a:lnTo>
                  <a:pt x="34" y="446"/>
                </a:lnTo>
                <a:lnTo>
                  <a:pt x="42" y="444"/>
                </a:lnTo>
                <a:lnTo>
                  <a:pt x="52" y="442"/>
                </a:lnTo>
                <a:lnTo>
                  <a:pt x="58" y="446"/>
                </a:lnTo>
                <a:lnTo>
                  <a:pt x="60" y="456"/>
                </a:lnTo>
                <a:lnTo>
                  <a:pt x="64" y="468"/>
                </a:lnTo>
                <a:lnTo>
                  <a:pt x="58" y="492"/>
                </a:lnTo>
                <a:lnTo>
                  <a:pt x="44" y="512"/>
                </a:lnTo>
                <a:lnTo>
                  <a:pt x="46" y="528"/>
                </a:lnTo>
                <a:lnTo>
                  <a:pt x="42" y="550"/>
                </a:lnTo>
                <a:lnTo>
                  <a:pt x="36" y="558"/>
                </a:lnTo>
                <a:lnTo>
                  <a:pt x="34" y="574"/>
                </a:lnTo>
                <a:lnTo>
                  <a:pt x="28" y="590"/>
                </a:lnTo>
                <a:lnTo>
                  <a:pt x="14" y="610"/>
                </a:lnTo>
                <a:lnTo>
                  <a:pt x="0" y="624"/>
                </a:lnTo>
                <a:lnTo>
                  <a:pt x="2" y="632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70" name="Freeform 93"/>
          <p:cNvSpPr>
            <a:spLocks/>
          </p:cNvSpPr>
          <p:nvPr/>
        </p:nvSpPr>
        <p:spPr bwMode="auto">
          <a:xfrm>
            <a:off x="4187825" y="5667375"/>
            <a:ext cx="147638" cy="109538"/>
          </a:xfrm>
          <a:custGeom>
            <a:avLst/>
            <a:gdLst>
              <a:gd name="T0" fmla="*/ 2147483647 w 114"/>
              <a:gd name="T1" fmla="*/ 2147483647 h 84"/>
              <a:gd name="T2" fmla="*/ 2147483647 w 114"/>
              <a:gd name="T3" fmla="*/ 2147483647 h 84"/>
              <a:gd name="T4" fmla="*/ 2147483647 w 114"/>
              <a:gd name="T5" fmla="*/ 2147483647 h 84"/>
              <a:gd name="T6" fmla="*/ 2147483647 w 114"/>
              <a:gd name="T7" fmla="*/ 2147483647 h 84"/>
              <a:gd name="T8" fmla="*/ 0 w 114"/>
              <a:gd name="T9" fmla="*/ 2147483647 h 84"/>
              <a:gd name="T10" fmla="*/ 2147483647 w 114"/>
              <a:gd name="T11" fmla="*/ 2147483647 h 84"/>
              <a:gd name="T12" fmla="*/ 2147483647 w 114"/>
              <a:gd name="T13" fmla="*/ 2147483647 h 84"/>
              <a:gd name="T14" fmla="*/ 2147483647 w 114"/>
              <a:gd name="T15" fmla="*/ 2147483647 h 84"/>
              <a:gd name="T16" fmla="*/ 2147483647 w 114"/>
              <a:gd name="T17" fmla="*/ 2147483647 h 84"/>
              <a:gd name="T18" fmla="*/ 2147483647 w 114"/>
              <a:gd name="T19" fmla="*/ 0 h 84"/>
              <a:gd name="T20" fmla="*/ 2147483647 w 114"/>
              <a:gd name="T21" fmla="*/ 2147483647 h 84"/>
              <a:gd name="T22" fmla="*/ 2147483647 w 114"/>
              <a:gd name="T23" fmla="*/ 2147483647 h 84"/>
              <a:gd name="T24" fmla="*/ 2147483647 w 114"/>
              <a:gd name="T25" fmla="*/ 2147483647 h 84"/>
              <a:gd name="T26" fmla="*/ 2147483647 w 114"/>
              <a:gd name="T27" fmla="*/ 2147483647 h 84"/>
              <a:gd name="T28" fmla="*/ 2147483647 w 114"/>
              <a:gd name="T29" fmla="*/ 2147483647 h 84"/>
              <a:gd name="T30" fmla="*/ 2147483647 w 114"/>
              <a:gd name="T31" fmla="*/ 2147483647 h 84"/>
              <a:gd name="T32" fmla="*/ 2147483647 w 114"/>
              <a:gd name="T33" fmla="*/ 2147483647 h 84"/>
              <a:gd name="T34" fmla="*/ 2147483647 w 114"/>
              <a:gd name="T35" fmla="*/ 2147483647 h 84"/>
              <a:gd name="T36" fmla="*/ 2147483647 w 114"/>
              <a:gd name="T37" fmla="*/ 2147483647 h 84"/>
              <a:gd name="T38" fmla="*/ 2147483647 w 114"/>
              <a:gd name="T39" fmla="*/ 2147483647 h 84"/>
              <a:gd name="T40" fmla="*/ 2147483647 w 114"/>
              <a:gd name="T41" fmla="*/ 2147483647 h 84"/>
              <a:gd name="T42" fmla="*/ 2147483647 w 114"/>
              <a:gd name="T43" fmla="*/ 2147483647 h 84"/>
              <a:gd name="T44" fmla="*/ 2147483647 w 114"/>
              <a:gd name="T45" fmla="*/ 2147483647 h 84"/>
              <a:gd name="T46" fmla="*/ 2147483647 w 114"/>
              <a:gd name="T47" fmla="*/ 2147483647 h 84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0" t="0" r="r" b="b"/>
            <a:pathLst>
              <a:path w="114" h="84">
                <a:moveTo>
                  <a:pt x="34" y="48"/>
                </a:moveTo>
                <a:lnTo>
                  <a:pt x="26" y="44"/>
                </a:lnTo>
                <a:lnTo>
                  <a:pt x="16" y="56"/>
                </a:lnTo>
                <a:lnTo>
                  <a:pt x="2" y="48"/>
                </a:lnTo>
                <a:lnTo>
                  <a:pt x="0" y="36"/>
                </a:lnTo>
                <a:lnTo>
                  <a:pt x="14" y="28"/>
                </a:lnTo>
                <a:lnTo>
                  <a:pt x="32" y="18"/>
                </a:lnTo>
                <a:lnTo>
                  <a:pt x="50" y="8"/>
                </a:lnTo>
                <a:lnTo>
                  <a:pt x="68" y="2"/>
                </a:lnTo>
                <a:lnTo>
                  <a:pt x="90" y="0"/>
                </a:lnTo>
                <a:lnTo>
                  <a:pt x="82" y="12"/>
                </a:lnTo>
                <a:lnTo>
                  <a:pt x="84" y="24"/>
                </a:lnTo>
                <a:lnTo>
                  <a:pt x="98" y="26"/>
                </a:lnTo>
                <a:lnTo>
                  <a:pt x="110" y="24"/>
                </a:lnTo>
                <a:lnTo>
                  <a:pt x="114" y="34"/>
                </a:lnTo>
                <a:lnTo>
                  <a:pt x="102" y="48"/>
                </a:lnTo>
                <a:lnTo>
                  <a:pt x="94" y="60"/>
                </a:lnTo>
                <a:lnTo>
                  <a:pt x="86" y="72"/>
                </a:lnTo>
                <a:lnTo>
                  <a:pt x="74" y="84"/>
                </a:lnTo>
                <a:lnTo>
                  <a:pt x="62" y="80"/>
                </a:lnTo>
                <a:lnTo>
                  <a:pt x="50" y="72"/>
                </a:lnTo>
                <a:lnTo>
                  <a:pt x="38" y="68"/>
                </a:lnTo>
                <a:lnTo>
                  <a:pt x="36" y="56"/>
                </a:lnTo>
                <a:lnTo>
                  <a:pt x="34" y="4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71" name="Freeform 94"/>
          <p:cNvSpPr>
            <a:spLocks/>
          </p:cNvSpPr>
          <p:nvPr/>
        </p:nvSpPr>
        <p:spPr bwMode="auto">
          <a:xfrm>
            <a:off x="4022725" y="5784850"/>
            <a:ext cx="53975" cy="42863"/>
          </a:xfrm>
          <a:custGeom>
            <a:avLst/>
            <a:gdLst>
              <a:gd name="T0" fmla="*/ 2147483647 w 42"/>
              <a:gd name="T1" fmla="*/ 2147483647 h 34"/>
              <a:gd name="T2" fmla="*/ 2147483647 w 42"/>
              <a:gd name="T3" fmla="*/ 2147483647 h 34"/>
              <a:gd name="T4" fmla="*/ 2147483647 w 42"/>
              <a:gd name="T5" fmla="*/ 0 h 34"/>
              <a:gd name="T6" fmla="*/ 2147483647 w 42"/>
              <a:gd name="T7" fmla="*/ 2147483647 h 34"/>
              <a:gd name="T8" fmla="*/ 2147483647 w 42"/>
              <a:gd name="T9" fmla="*/ 2147483647 h 34"/>
              <a:gd name="T10" fmla="*/ 2147483647 w 42"/>
              <a:gd name="T11" fmla="*/ 2147483647 h 34"/>
              <a:gd name="T12" fmla="*/ 2147483647 w 42"/>
              <a:gd name="T13" fmla="*/ 2147483647 h 34"/>
              <a:gd name="T14" fmla="*/ 2147483647 w 42"/>
              <a:gd name="T15" fmla="*/ 2147483647 h 34"/>
              <a:gd name="T16" fmla="*/ 0 w 42"/>
              <a:gd name="T17" fmla="*/ 2147483647 h 34"/>
              <a:gd name="T18" fmla="*/ 0 w 42"/>
              <a:gd name="T19" fmla="*/ 2147483647 h 34"/>
              <a:gd name="T20" fmla="*/ 2147483647 w 42"/>
              <a:gd name="T21" fmla="*/ 2147483647 h 34"/>
              <a:gd name="T22" fmla="*/ 2147483647 w 42"/>
              <a:gd name="T23" fmla="*/ 2147483647 h 34"/>
              <a:gd name="T24" fmla="*/ 2147483647 w 42"/>
              <a:gd name="T25" fmla="*/ 2147483647 h 34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42" h="34">
                <a:moveTo>
                  <a:pt x="14" y="6"/>
                </a:moveTo>
                <a:lnTo>
                  <a:pt x="26" y="2"/>
                </a:lnTo>
                <a:lnTo>
                  <a:pt x="42" y="0"/>
                </a:lnTo>
                <a:lnTo>
                  <a:pt x="42" y="14"/>
                </a:lnTo>
                <a:lnTo>
                  <a:pt x="30" y="26"/>
                </a:lnTo>
                <a:lnTo>
                  <a:pt x="14" y="34"/>
                </a:lnTo>
                <a:lnTo>
                  <a:pt x="8" y="34"/>
                </a:lnTo>
                <a:lnTo>
                  <a:pt x="2" y="34"/>
                </a:lnTo>
                <a:lnTo>
                  <a:pt x="0" y="32"/>
                </a:lnTo>
                <a:lnTo>
                  <a:pt x="0" y="30"/>
                </a:lnTo>
                <a:lnTo>
                  <a:pt x="2" y="22"/>
                </a:lnTo>
                <a:lnTo>
                  <a:pt x="2" y="16"/>
                </a:lnTo>
                <a:lnTo>
                  <a:pt x="14" y="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72" name="Freeform 95"/>
          <p:cNvSpPr>
            <a:spLocks/>
          </p:cNvSpPr>
          <p:nvPr/>
        </p:nvSpPr>
        <p:spPr bwMode="auto">
          <a:xfrm>
            <a:off x="4387850" y="5651500"/>
            <a:ext cx="61913" cy="52388"/>
          </a:xfrm>
          <a:custGeom>
            <a:avLst/>
            <a:gdLst>
              <a:gd name="T0" fmla="*/ 2147483647 w 48"/>
              <a:gd name="T1" fmla="*/ 2147483647 h 40"/>
              <a:gd name="T2" fmla="*/ 2147483647 w 48"/>
              <a:gd name="T3" fmla="*/ 2147483647 h 40"/>
              <a:gd name="T4" fmla="*/ 0 w 48"/>
              <a:gd name="T5" fmla="*/ 2147483647 h 40"/>
              <a:gd name="T6" fmla="*/ 0 w 48"/>
              <a:gd name="T7" fmla="*/ 2147483647 h 40"/>
              <a:gd name="T8" fmla="*/ 2147483647 w 48"/>
              <a:gd name="T9" fmla="*/ 0 h 40"/>
              <a:gd name="T10" fmla="*/ 2147483647 w 48"/>
              <a:gd name="T11" fmla="*/ 2147483647 h 40"/>
              <a:gd name="T12" fmla="*/ 2147483647 w 48"/>
              <a:gd name="T13" fmla="*/ 2147483647 h 40"/>
              <a:gd name="T14" fmla="*/ 2147483647 w 48"/>
              <a:gd name="T15" fmla="*/ 2147483647 h 40"/>
              <a:gd name="T16" fmla="*/ 2147483647 w 48"/>
              <a:gd name="T17" fmla="*/ 2147483647 h 40"/>
              <a:gd name="T18" fmla="*/ 2147483647 w 48"/>
              <a:gd name="T19" fmla="*/ 2147483647 h 40"/>
              <a:gd name="T20" fmla="*/ 2147483647 w 48"/>
              <a:gd name="T21" fmla="*/ 2147483647 h 40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48" h="40">
                <a:moveTo>
                  <a:pt x="20" y="24"/>
                </a:moveTo>
                <a:lnTo>
                  <a:pt x="8" y="24"/>
                </a:lnTo>
                <a:lnTo>
                  <a:pt x="0" y="12"/>
                </a:lnTo>
                <a:lnTo>
                  <a:pt x="0" y="4"/>
                </a:lnTo>
                <a:lnTo>
                  <a:pt x="16" y="0"/>
                </a:lnTo>
                <a:lnTo>
                  <a:pt x="32" y="4"/>
                </a:lnTo>
                <a:lnTo>
                  <a:pt x="44" y="12"/>
                </a:lnTo>
                <a:lnTo>
                  <a:pt x="48" y="28"/>
                </a:lnTo>
                <a:lnTo>
                  <a:pt x="46" y="40"/>
                </a:lnTo>
                <a:lnTo>
                  <a:pt x="32" y="32"/>
                </a:lnTo>
                <a:lnTo>
                  <a:pt x="20" y="2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73" name="Freeform 96"/>
          <p:cNvSpPr>
            <a:spLocks/>
          </p:cNvSpPr>
          <p:nvPr/>
        </p:nvSpPr>
        <p:spPr bwMode="auto">
          <a:xfrm>
            <a:off x="4867275" y="5048250"/>
            <a:ext cx="25400" cy="23813"/>
          </a:xfrm>
          <a:custGeom>
            <a:avLst/>
            <a:gdLst>
              <a:gd name="T0" fmla="*/ 2147483647 w 20"/>
              <a:gd name="T1" fmla="*/ 2147483647 h 18"/>
              <a:gd name="T2" fmla="*/ 2147483647 w 20"/>
              <a:gd name="T3" fmla="*/ 2147483647 h 18"/>
              <a:gd name="T4" fmla="*/ 2147483647 w 20"/>
              <a:gd name="T5" fmla="*/ 2147483647 h 18"/>
              <a:gd name="T6" fmla="*/ 2147483647 w 20"/>
              <a:gd name="T7" fmla="*/ 2147483647 h 18"/>
              <a:gd name="T8" fmla="*/ 2147483647 w 20"/>
              <a:gd name="T9" fmla="*/ 2147483647 h 18"/>
              <a:gd name="T10" fmla="*/ 2147483647 w 20"/>
              <a:gd name="T11" fmla="*/ 2147483647 h 18"/>
              <a:gd name="T12" fmla="*/ 2147483647 w 20"/>
              <a:gd name="T13" fmla="*/ 2147483647 h 18"/>
              <a:gd name="T14" fmla="*/ 2147483647 w 20"/>
              <a:gd name="T15" fmla="*/ 2147483647 h 18"/>
              <a:gd name="T16" fmla="*/ 0 w 20"/>
              <a:gd name="T17" fmla="*/ 2147483647 h 18"/>
              <a:gd name="T18" fmla="*/ 2147483647 w 20"/>
              <a:gd name="T19" fmla="*/ 2147483647 h 18"/>
              <a:gd name="T20" fmla="*/ 2147483647 w 20"/>
              <a:gd name="T21" fmla="*/ 2147483647 h 18"/>
              <a:gd name="T22" fmla="*/ 2147483647 w 20"/>
              <a:gd name="T23" fmla="*/ 0 h 18"/>
              <a:gd name="T24" fmla="*/ 2147483647 w 20"/>
              <a:gd name="T25" fmla="*/ 0 h 18"/>
              <a:gd name="T26" fmla="*/ 2147483647 w 20"/>
              <a:gd name="T27" fmla="*/ 2147483647 h 18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0" h="18">
                <a:moveTo>
                  <a:pt x="18" y="2"/>
                </a:moveTo>
                <a:lnTo>
                  <a:pt x="20" y="6"/>
                </a:lnTo>
                <a:lnTo>
                  <a:pt x="18" y="8"/>
                </a:lnTo>
                <a:lnTo>
                  <a:pt x="16" y="10"/>
                </a:lnTo>
                <a:lnTo>
                  <a:pt x="10" y="12"/>
                </a:lnTo>
                <a:lnTo>
                  <a:pt x="6" y="16"/>
                </a:lnTo>
                <a:lnTo>
                  <a:pt x="4" y="18"/>
                </a:lnTo>
                <a:lnTo>
                  <a:pt x="2" y="14"/>
                </a:lnTo>
                <a:lnTo>
                  <a:pt x="0" y="8"/>
                </a:lnTo>
                <a:lnTo>
                  <a:pt x="4" y="4"/>
                </a:lnTo>
                <a:lnTo>
                  <a:pt x="6" y="2"/>
                </a:lnTo>
                <a:lnTo>
                  <a:pt x="10" y="0"/>
                </a:lnTo>
                <a:lnTo>
                  <a:pt x="14" y="0"/>
                </a:lnTo>
                <a:lnTo>
                  <a:pt x="18" y="2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74" name="Freeform 97"/>
          <p:cNvSpPr>
            <a:spLocks/>
          </p:cNvSpPr>
          <p:nvPr/>
        </p:nvSpPr>
        <p:spPr bwMode="auto">
          <a:xfrm>
            <a:off x="5867400" y="465138"/>
            <a:ext cx="979488" cy="1806575"/>
          </a:xfrm>
          <a:custGeom>
            <a:avLst/>
            <a:gdLst>
              <a:gd name="T0" fmla="*/ 2147483647 w 756"/>
              <a:gd name="T1" fmla="*/ 2147483647 h 1396"/>
              <a:gd name="T2" fmla="*/ 2147483647 w 756"/>
              <a:gd name="T3" fmla="*/ 2147483647 h 1396"/>
              <a:gd name="T4" fmla="*/ 2147483647 w 756"/>
              <a:gd name="T5" fmla="*/ 2147483647 h 1396"/>
              <a:gd name="T6" fmla="*/ 2147483647 w 756"/>
              <a:gd name="T7" fmla="*/ 2147483647 h 1396"/>
              <a:gd name="T8" fmla="*/ 2147483647 w 756"/>
              <a:gd name="T9" fmla="*/ 2147483647 h 1396"/>
              <a:gd name="T10" fmla="*/ 2147483647 w 756"/>
              <a:gd name="T11" fmla="*/ 2147483647 h 1396"/>
              <a:gd name="T12" fmla="*/ 2147483647 w 756"/>
              <a:gd name="T13" fmla="*/ 2147483647 h 1396"/>
              <a:gd name="T14" fmla="*/ 2147483647 w 756"/>
              <a:gd name="T15" fmla="*/ 2147483647 h 1396"/>
              <a:gd name="T16" fmla="*/ 2147483647 w 756"/>
              <a:gd name="T17" fmla="*/ 2147483647 h 1396"/>
              <a:gd name="T18" fmla="*/ 2147483647 w 756"/>
              <a:gd name="T19" fmla="*/ 2147483647 h 1396"/>
              <a:gd name="T20" fmla="*/ 2147483647 w 756"/>
              <a:gd name="T21" fmla="*/ 2147483647 h 1396"/>
              <a:gd name="T22" fmla="*/ 2147483647 w 756"/>
              <a:gd name="T23" fmla="*/ 2147483647 h 1396"/>
              <a:gd name="T24" fmla="*/ 2147483647 w 756"/>
              <a:gd name="T25" fmla="*/ 2147483647 h 1396"/>
              <a:gd name="T26" fmla="*/ 2147483647 w 756"/>
              <a:gd name="T27" fmla="*/ 2147483647 h 1396"/>
              <a:gd name="T28" fmla="*/ 2147483647 w 756"/>
              <a:gd name="T29" fmla="*/ 2147483647 h 1396"/>
              <a:gd name="T30" fmla="*/ 2147483647 w 756"/>
              <a:gd name="T31" fmla="*/ 2147483647 h 1396"/>
              <a:gd name="T32" fmla="*/ 2147483647 w 756"/>
              <a:gd name="T33" fmla="*/ 2147483647 h 1396"/>
              <a:gd name="T34" fmla="*/ 2147483647 w 756"/>
              <a:gd name="T35" fmla="*/ 2147483647 h 1396"/>
              <a:gd name="T36" fmla="*/ 2147483647 w 756"/>
              <a:gd name="T37" fmla="*/ 2147483647 h 1396"/>
              <a:gd name="T38" fmla="*/ 2147483647 w 756"/>
              <a:gd name="T39" fmla="*/ 2147483647 h 1396"/>
              <a:gd name="T40" fmla="*/ 2147483647 w 756"/>
              <a:gd name="T41" fmla="*/ 2147483647 h 1396"/>
              <a:gd name="T42" fmla="*/ 2147483647 w 756"/>
              <a:gd name="T43" fmla="*/ 2147483647 h 1396"/>
              <a:gd name="T44" fmla="*/ 2147483647 w 756"/>
              <a:gd name="T45" fmla="*/ 2147483647 h 1396"/>
              <a:gd name="T46" fmla="*/ 2147483647 w 756"/>
              <a:gd name="T47" fmla="*/ 2147483647 h 1396"/>
              <a:gd name="T48" fmla="*/ 2147483647 w 756"/>
              <a:gd name="T49" fmla="*/ 2147483647 h 1396"/>
              <a:gd name="T50" fmla="*/ 2147483647 w 756"/>
              <a:gd name="T51" fmla="*/ 2147483647 h 1396"/>
              <a:gd name="T52" fmla="*/ 2147483647 w 756"/>
              <a:gd name="T53" fmla="*/ 2147483647 h 1396"/>
              <a:gd name="T54" fmla="*/ 2147483647 w 756"/>
              <a:gd name="T55" fmla="*/ 2147483647 h 1396"/>
              <a:gd name="T56" fmla="*/ 2147483647 w 756"/>
              <a:gd name="T57" fmla="*/ 2147483647 h 1396"/>
              <a:gd name="T58" fmla="*/ 2147483647 w 756"/>
              <a:gd name="T59" fmla="*/ 2147483647 h 1396"/>
              <a:gd name="T60" fmla="*/ 2147483647 w 756"/>
              <a:gd name="T61" fmla="*/ 2147483647 h 1396"/>
              <a:gd name="T62" fmla="*/ 2147483647 w 756"/>
              <a:gd name="T63" fmla="*/ 2147483647 h 1396"/>
              <a:gd name="T64" fmla="*/ 2147483647 w 756"/>
              <a:gd name="T65" fmla="*/ 2147483647 h 1396"/>
              <a:gd name="T66" fmla="*/ 2147483647 w 756"/>
              <a:gd name="T67" fmla="*/ 2147483647 h 1396"/>
              <a:gd name="T68" fmla="*/ 2147483647 w 756"/>
              <a:gd name="T69" fmla="*/ 2147483647 h 1396"/>
              <a:gd name="T70" fmla="*/ 2147483647 w 756"/>
              <a:gd name="T71" fmla="*/ 2147483647 h 1396"/>
              <a:gd name="T72" fmla="*/ 2147483647 w 756"/>
              <a:gd name="T73" fmla="*/ 2147483647 h 1396"/>
              <a:gd name="T74" fmla="*/ 2147483647 w 756"/>
              <a:gd name="T75" fmla="*/ 2147483647 h 1396"/>
              <a:gd name="T76" fmla="*/ 2147483647 w 756"/>
              <a:gd name="T77" fmla="*/ 2147483647 h 1396"/>
              <a:gd name="T78" fmla="*/ 2147483647 w 756"/>
              <a:gd name="T79" fmla="*/ 2147483647 h 1396"/>
              <a:gd name="T80" fmla="*/ 2147483647 w 756"/>
              <a:gd name="T81" fmla="*/ 2147483647 h 1396"/>
              <a:gd name="T82" fmla="*/ 2147483647 w 756"/>
              <a:gd name="T83" fmla="*/ 2147483647 h 1396"/>
              <a:gd name="T84" fmla="*/ 2147483647 w 756"/>
              <a:gd name="T85" fmla="*/ 2147483647 h 1396"/>
              <a:gd name="T86" fmla="*/ 2147483647 w 756"/>
              <a:gd name="T87" fmla="*/ 2147483647 h 1396"/>
              <a:gd name="T88" fmla="*/ 2147483647 w 756"/>
              <a:gd name="T89" fmla="*/ 2147483647 h 1396"/>
              <a:gd name="T90" fmla="*/ 2147483647 w 756"/>
              <a:gd name="T91" fmla="*/ 2147483647 h 1396"/>
              <a:gd name="T92" fmla="*/ 2147483647 w 756"/>
              <a:gd name="T93" fmla="*/ 2147483647 h 1396"/>
              <a:gd name="T94" fmla="*/ 2147483647 w 756"/>
              <a:gd name="T95" fmla="*/ 2147483647 h 1396"/>
              <a:gd name="T96" fmla="*/ 2147483647 w 756"/>
              <a:gd name="T97" fmla="*/ 2147483647 h 1396"/>
              <a:gd name="T98" fmla="*/ 2147483647 w 756"/>
              <a:gd name="T99" fmla="*/ 2147483647 h 1396"/>
              <a:gd name="T100" fmla="*/ 2147483647 w 756"/>
              <a:gd name="T101" fmla="*/ 2147483647 h 139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0" t="0" r="r" b="b"/>
            <a:pathLst>
              <a:path w="756" h="1396">
                <a:moveTo>
                  <a:pt x="14" y="224"/>
                </a:moveTo>
                <a:lnTo>
                  <a:pt x="8" y="216"/>
                </a:lnTo>
                <a:lnTo>
                  <a:pt x="0" y="206"/>
                </a:lnTo>
                <a:lnTo>
                  <a:pt x="4" y="198"/>
                </a:lnTo>
                <a:lnTo>
                  <a:pt x="14" y="204"/>
                </a:lnTo>
                <a:lnTo>
                  <a:pt x="22" y="198"/>
                </a:lnTo>
                <a:lnTo>
                  <a:pt x="14" y="186"/>
                </a:lnTo>
                <a:lnTo>
                  <a:pt x="16" y="174"/>
                </a:lnTo>
                <a:lnTo>
                  <a:pt x="20" y="172"/>
                </a:lnTo>
                <a:lnTo>
                  <a:pt x="26" y="170"/>
                </a:lnTo>
                <a:lnTo>
                  <a:pt x="38" y="172"/>
                </a:lnTo>
                <a:lnTo>
                  <a:pt x="52" y="184"/>
                </a:lnTo>
                <a:lnTo>
                  <a:pt x="60" y="200"/>
                </a:lnTo>
                <a:lnTo>
                  <a:pt x="72" y="210"/>
                </a:lnTo>
                <a:lnTo>
                  <a:pt x="82" y="224"/>
                </a:lnTo>
                <a:lnTo>
                  <a:pt x="88" y="236"/>
                </a:lnTo>
                <a:lnTo>
                  <a:pt x="112" y="240"/>
                </a:lnTo>
                <a:lnTo>
                  <a:pt x="132" y="242"/>
                </a:lnTo>
                <a:lnTo>
                  <a:pt x="150" y="230"/>
                </a:lnTo>
                <a:lnTo>
                  <a:pt x="154" y="216"/>
                </a:lnTo>
                <a:lnTo>
                  <a:pt x="162" y="210"/>
                </a:lnTo>
                <a:lnTo>
                  <a:pt x="174" y="216"/>
                </a:lnTo>
                <a:lnTo>
                  <a:pt x="192" y="222"/>
                </a:lnTo>
                <a:lnTo>
                  <a:pt x="214" y="234"/>
                </a:lnTo>
                <a:lnTo>
                  <a:pt x="222" y="220"/>
                </a:lnTo>
                <a:lnTo>
                  <a:pt x="224" y="200"/>
                </a:lnTo>
                <a:lnTo>
                  <a:pt x="240" y="184"/>
                </a:lnTo>
                <a:lnTo>
                  <a:pt x="248" y="162"/>
                </a:lnTo>
                <a:lnTo>
                  <a:pt x="238" y="146"/>
                </a:lnTo>
                <a:lnTo>
                  <a:pt x="236" y="82"/>
                </a:lnTo>
                <a:lnTo>
                  <a:pt x="246" y="58"/>
                </a:lnTo>
                <a:lnTo>
                  <a:pt x="246" y="42"/>
                </a:lnTo>
                <a:lnTo>
                  <a:pt x="266" y="32"/>
                </a:lnTo>
                <a:lnTo>
                  <a:pt x="286" y="30"/>
                </a:lnTo>
                <a:lnTo>
                  <a:pt x="296" y="10"/>
                </a:lnTo>
                <a:lnTo>
                  <a:pt x="310" y="0"/>
                </a:lnTo>
                <a:lnTo>
                  <a:pt x="324" y="12"/>
                </a:lnTo>
                <a:lnTo>
                  <a:pt x="334" y="24"/>
                </a:lnTo>
                <a:lnTo>
                  <a:pt x="342" y="28"/>
                </a:lnTo>
                <a:lnTo>
                  <a:pt x="346" y="36"/>
                </a:lnTo>
                <a:lnTo>
                  <a:pt x="370" y="38"/>
                </a:lnTo>
                <a:lnTo>
                  <a:pt x="380" y="40"/>
                </a:lnTo>
                <a:lnTo>
                  <a:pt x="396" y="60"/>
                </a:lnTo>
                <a:lnTo>
                  <a:pt x="396" y="78"/>
                </a:lnTo>
                <a:lnTo>
                  <a:pt x="386" y="102"/>
                </a:lnTo>
                <a:lnTo>
                  <a:pt x="384" y="116"/>
                </a:lnTo>
                <a:lnTo>
                  <a:pt x="398" y="128"/>
                </a:lnTo>
                <a:lnTo>
                  <a:pt x="378" y="150"/>
                </a:lnTo>
                <a:lnTo>
                  <a:pt x="394" y="152"/>
                </a:lnTo>
                <a:lnTo>
                  <a:pt x="390" y="188"/>
                </a:lnTo>
                <a:lnTo>
                  <a:pt x="388" y="192"/>
                </a:lnTo>
                <a:lnTo>
                  <a:pt x="392" y="206"/>
                </a:lnTo>
                <a:lnTo>
                  <a:pt x="418" y="244"/>
                </a:lnTo>
                <a:lnTo>
                  <a:pt x="448" y="248"/>
                </a:lnTo>
                <a:lnTo>
                  <a:pt x="472" y="278"/>
                </a:lnTo>
                <a:lnTo>
                  <a:pt x="492" y="286"/>
                </a:lnTo>
                <a:lnTo>
                  <a:pt x="500" y="298"/>
                </a:lnTo>
                <a:lnTo>
                  <a:pt x="484" y="342"/>
                </a:lnTo>
                <a:lnTo>
                  <a:pt x="476" y="376"/>
                </a:lnTo>
                <a:lnTo>
                  <a:pt x="478" y="408"/>
                </a:lnTo>
                <a:lnTo>
                  <a:pt x="512" y="450"/>
                </a:lnTo>
                <a:lnTo>
                  <a:pt x="530" y="470"/>
                </a:lnTo>
                <a:lnTo>
                  <a:pt x="540" y="484"/>
                </a:lnTo>
                <a:lnTo>
                  <a:pt x="562" y="514"/>
                </a:lnTo>
                <a:lnTo>
                  <a:pt x="574" y="544"/>
                </a:lnTo>
                <a:lnTo>
                  <a:pt x="558" y="552"/>
                </a:lnTo>
                <a:lnTo>
                  <a:pt x="558" y="570"/>
                </a:lnTo>
                <a:lnTo>
                  <a:pt x="562" y="588"/>
                </a:lnTo>
                <a:lnTo>
                  <a:pt x="564" y="610"/>
                </a:lnTo>
                <a:lnTo>
                  <a:pt x="578" y="612"/>
                </a:lnTo>
                <a:lnTo>
                  <a:pt x="580" y="620"/>
                </a:lnTo>
                <a:lnTo>
                  <a:pt x="568" y="634"/>
                </a:lnTo>
                <a:lnTo>
                  <a:pt x="588" y="664"/>
                </a:lnTo>
                <a:lnTo>
                  <a:pt x="604" y="660"/>
                </a:lnTo>
                <a:lnTo>
                  <a:pt x="616" y="670"/>
                </a:lnTo>
                <a:lnTo>
                  <a:pt x="606" y="684"/>
                </a:lnTo>
                <a:lnTo>
                  <a:pt x="606" y="694"/>
                </a:lnTo>
                <a:lnTo>
                  <a:pt x="618" y="698"/>
                </a:lnTo>
                <a:lnTo>
                  <a:pt x="620" y="714"/>
                </a:lnTo>
                <a:lnTo>
                  <a:pt x="636" y="714"/>
                </a:lnTo>
                <a:lnTo>
                  <a:pt x="652" y="722"/>
                </a:lnTo>
                <a:lnTo>
                  <a:pt x="660" y="740"/>
                </a:lnTo>
                <a:lnTo>
                  <a:pt x="660" y="750"/>
                </a:lnTo>
                <a:lnTo>
                  <a:pt x="652" y="762"/>
                </a:lnTo>
                <a:lnTo>
                  <a:pt x="652" y="780"/>
                </a:lnTo>
                <a:lnTo>
                  <a:pt x="636" y="796"/>
                </a:lnTo>
                <a:lnTo>
                  <a:pt x="678" y="822"/>
                </a:lnTo>
                <a:lnTo>
                  <a:pt x="704" y="830"/>
                </a:lnTo>
                <a:lnTo>
                  <a:pt x="726" y="840"/>
                </a:lnTo>
                <a:lnTo>
                  <a:pt x="734" y="856"/>
                </a:lnTo>
                <a:lnTo>
                  <a:pt x="756" y="870"/>
                </a:lnTo>
                <a:lnTo>
                  <a:pt x="756" y="932"/>
                </a:lnTo>
                <a:lnTo>
                  <a:pt x="736" y="972"/>
                </a:lnTo>
                <a:lnTo>
                  <a:pt x="718" y="1030"/>
                </a:lnTo>
                <a:lnTo>
                  <a:pt x="694" y="1082"/>
                </a:lnTo>
                <a:lnTo>
                  <a:pt x="678" y="1128"/>
                </a:lnTo>
                <a:lnTo>
                  <a:pt x="662" y="1150"/>
                </a:lnTo>
                <a:lnTo>
                  <a:pt x="656" y="1166"/>
                </a:lnTo>
                <a:lnTo>
                  <a:pt x="646" y="1174"/>
                </a:lnTo>
                <a:lnTo>
                  <a:pt x="614" y="1238"/>
                </a:lnTo>
                <a:lnTo>
                  <a:pt x="614" y="1248"/>
                </a:lnTo>
                <a:lnTo>
                  <a:pt x="602" y="1248"/>
                </a:lnTo>
                <a:lnTo>
                  <a:pt x="596" y="1252"/>
                </a:lnTo>
                <a:lnTo>
                  <a:pt x="584" y="1250"/>
                </a:lnTo>
                <a:lnTo>
                  <a:pt x="578" y="1248"/>
                </a:lnTo>
                <a:lnTo>
                  <a:pt x="570" y="1254"/>
                </a:lnTo>
                <a:lnTo>
                  <a:pt x="554" y="1264"/>
                </a:lnTo>
                <a:lnTo>
                  <a:pt x="548" y="1272"/>
                </a:lnTo>
                <a:lnTo>
                  <a:pt x="534" y="1272"/>
                </a:lnTo>
                <a:lnTo>
                  <a:pt x="522" y="1276"/>
                </a:lnTo>
                <a:lnTo>
                  <a:pt x="514" y="1284"/>
                </a:lnTo>
                <a:lnTo>
                  <a:pt x="512" y="1294"/>
                </a:lnTo>
                <a:lnTo>
                  <a:pt x="504" y="1296"/>
                </a:lnTo>
                <a:lnTo>
                  <a:pt x="498" y="1292"/>
                </a:lnTo>
                <a:lnTo>
                  <a:pt x="484" y="1282"/>
                </a:lnTo>
                <a:lnTo>
                  <a:pt x="486" y="1292"/>
                </a:lnTo>
                <a:lnTo>
                  <a:pt x="486" y="1302"/>
                </a:lnTo>
                <a:lnTo>
                  <a:pt x="476" y="1308"/>
                </a:lnTo>
                <a:lnTo>
                  <a:pt x="466" y="1312"/>
                </a:lnTo>
                <a:lnTo>
                  <a:pt x="452" y="1324"/>
                </a:lnTo>
                <a:lnTo>
                  <a:pt x="438" y="1334"/>
                </a:lnTo>
                <a:lnTo>
                  <a:pt x="426" y="1342"/>
                </a:lnTo>
                <a:lnTo>
                  <a:pt x="410" y="1350"/>
                </a:lnTo>
                <a:lnTo>
                  <a:pt x="396" y="1354"/>
                </a:lnTo>
                <a:lnTo>
                  <a:pt x="378" y="1362"/>
                </a:lnTo>
                <a:lnTo>
                  <a:pt x="372" y="1368"/>
                </a:lnTo>
                <a:lnTo>
                  <a:pt x="360" y="1380"/>
                </a:lnTo>
                <a:lnTo>
                  <a:pt x="350" y="1380"/>
                </a:lnTo>
                <a:lnTo>
                  <a:pt x="348" y="1386"/>
                </a:lnTo>
                <a:lnTo>
                  <a:pt x="338" y="1396"/>
                </a:lnTo>
                <a:lnTo>
                  <a:pt x="328" y="1396"/>
                </a:lnTo>
                <a:lnTo>
                  <a:pt x="332" y="1384"/>
                </a:lnTo>
                <a:lnTo>
                  <a:pt x="338" y="1380"/>
                </a:lnTo>
                <a:lnTo>
                  <a:pt x="336" y="1372"/>
                </a:lnTo>
                <a:lnTo>
                  <a:pt x="332" y="1376"/>
                </a:lnTo>
                <a:lnTo>
                  <a:pt x="324" y="1384"/>
                </a:lnTo>
                <a:lnTo>
                  <a:pt x="320" y="1378"/>
                </a:lnTo>
                <a:lnTo>
                  <a:pt x="326" y="1364"/>
                </a:lnTo>
                <a:lnTo>
                  <a:pt x="318" y="1354"/>
                </a:lnTo>
                <a:lnTo>
                  <a:pt x="316" y="1356"/>
                </a:lnTo>
                <a:lnTo>
                  <a:pt x="314" y="1358"/>
                </a:lnTo>
                <a:lnTo>
                  <a:pt x="312" y="1364"/>
                </a:lnTo>
                <a:lnTo>
                  <a:pt x="310" y="1366"/>
                </a:lnTo>
                <a:lnTo>
                  <a:pt x="294" y="1374"/>
                </a:lnTo>
                <a:lnTo>
                  <a:pt x="284" y="1372"/>
                </a:lnTo>
                <a:lnTo>
                  <a:pt x="286" y="1360"/>
                </a:lnTo>
                <a:lnTo>
                  <a:pt x="294" y="1352"/>
                </a:lnTo>
                <a:lnTo>
                  <a:pt x="290" y="1342"/>
                </a:lnTo>
                <a:lnTo>
                  <a:pt x="286" y="1338"/>
                </a:lnTo>
                <a:lnTo>
                  <a:pt x="272" y="1346"/>
                </a:lnTo>
                <a:lnTo>
                  <a:pt x="268" y="1336"/>
                </a:lnTo>
                <a:lnTo>
                  <a:pt x="266" y="1328"/>
                </a:lnTo>
                <a:lnTo>
                  <a:pt x="260" y="1322"/>
                </a:lnTo>
                <a:lnTo>
                  <a:pt x="250" y="1312"/>
                </a:lnTo>
                <a:lnTo>
                  <a:pt x="234" y="1312"/>
                </a:lnTo>
                <a:lnTo>
                  <a:pt x="230" y="1312"/>
                </a:lnTo>
                <a:lnTo>
                  <a:pt x="214" y="1312"/>
                </a:lnTo>
                <a:lnTo>
                  <a:pt x="204" y="1302"/>
                </a:lnTo>
                <a:lnTo>
                  <a:pt x="204" y="1280"/>
                </a:lnTo>
                <a:lnTo>
                  <a:pt x="206" y="1266"/>
                </a:lnTo>
                <a:lnTo>
                  <a:pt x="200" y="1254"/>
                </a:lnTo>
                <a:lnTo>
                  <a:pt x="204" y="1232"/>
                </a:lnTo>
                <a:lnTo>
                  <a:pt x="208" y="1218"/>
                </a:lnTo>
                <a:lnTo>
                  <a:pt x="204" y="1208"/>
                </a:lnTo>
                <a:lnTo>
                  <a:pt x="202" y="1190"/>
                </a:lnTo>
                <a:lnTo>
                  <a:pt x="204" y="1178"/>
                </a:lnTo>
                <a:lnTo>
                  <a:pt x="190" y="1152"/>
                </a:lnTo>
                <a:lnTo>
                  <a:pt x="184" y="1138"/>
                </a:lnTo>
                <a:lnTo>
                  <a:pt x="176" y="1136"/>
                </a:lnTo>
                <a:lnTo>
                  <a:pt x="176" y="1098"/>
                </a:lnTo>
                <a:lnTo>
                  <a:pt x="166" y="1082"/>
                </a:lnTo>
                <a:lnTo>
                  <a:pt x="158" y="1066"/>
                </a:lnTo>
                <a:lnTo>
                  <a:pt x="158" y="1056"/>
                </a:lnTo>
                <a:lnTo>
                  <a:pt x="150" y="1050"/>
                </a:lnTo>
                <a:lnTo>
                  <a:pt x="156" y="1022"/>
                </a:lnTo>
                <a:lnTo>
                  <a:pt x="166" y="1018"/>
                </a:lnTo>
                <a:lnTo>
                  <a:pt x="164" y="994"/>
                </a:lnTo>
                <a:lnTo>
                  <a:pt x="174" y="992"/>
                </a:lnTo>
                <a:lnTo>
                  <a:pt x="172" y="982"/>
                </a:lnTo>
                <a:lnTo>
                  <a:pt x="168" y="970"/>
                </a:lnTo>
                <a:lnTo>
                  <a:pt x="176" y="970"/>
                </a:lnTo>
                <a:lnTo>
                  <a:pt x="182" y="964"/>
                </a:lnTo>
                <a:lnTo>
                  <a:pt x="190" y="964"/>
                </a:lnTo>
                <a:lnTo>
                  <a:pt x="200" y="964"/>
                </a:lnTo>
                <a:lnTo>
                  <a:pt x="198" y="952"/>
                </a:lnTo>
                <a:lnTo>
                  <a:pt x="202" y="952"/>
                </a:lnTo>
                <a:lnTo>
                  <a:pt x="212" y="958"/>
                </a:lnTo>
                <a:lnTo>
                  <a:pt x="216" y="950"/>
                </a:lnTo>
                <a:lnTo>
                  <a:pt x="208" y="942"/>
                </a:lnTo>
                <a:lnTo>
                  <a:pt x="204" y="932"/>
                </a:lnTo>
                <a:lnTo>
                  <a:pt x="206" y="928"/>
                </a:lnTo>
                <a:lnTo>
                  <a:pt x="210" y="926"/>
                </a:lnTo>
                <a:lnTo>
                  <a:pt x="216" y="922"/>
                </a:lnTo>
                <a:lnTo>
                  <a:pt x="216" y="910"/>
                </a:lnTo>
                <a:lnTo>
                  <a:pt x="216" y="902"/>
                </a:lnTo>
                <a:lnTo>
                  <a:pt x="224" y="902"/>
                </a:lnTo>
                <a:lnTo>
                  <a:pt x="232" y="900"/>
                </a:lnTo>
                <a:lnTo>
                  <a:pt x="234" y="886"/>
                </a:lnTo>
                <a:lnTo>
                  <a:pt x="238" y="872"/>
                </a:lnTo>
                <a:lnTo>
                  <a:pt x="250" y="866"/>
                </a:lnTo>
                <a:lnTo>
                  <a:pt x="256" y="860"/>
                </a:lnTo>
                <a:lnTo>
                  <a:pt x="256" y="846"/>
                </a:lnTo>
                <a:lnTo>
                  <a:pt x="266" y="844"/>
                </a:lnTo>
                <a:lnTo>
                  <a:pt x="266" y="832"/>
                </a:lnTo>
                <a:lnTo>
                  <a:pt x="268" y="818"/>
                </a:lnTo>
                <a:lnTo>
                  <a:pt x="280" y="814"/>
                </a:lnTo>
                <a:lnTo>
                  <a:pt x="280" y="792"/>
                </a:lnTo>
                <a:lnTo>
                  <a:pt x="294" y="772"/>
                </a:lnTo>
                <a:lnTo>
                  <a:pt x="296" y="748"/>
                </a:lnTo>
                <a:lnTo>
                  <a:pt x="302" y="742"/>
                </a:lnTo>
                <a:lnTo>
                  <a:pt x="302" y="732"/>
                </a:lnTo>
                <a:lnTo>
                  <a:pt x="320" y="716"/>
                </a:lnTo>
                <a:lnTo>
                  <a:pt x="334" y="714"/>
                </a:lnTo>
                <a:lnTo>
                  <a:pt x="338" y="724"/>
                </a:lnTo>
                <a:lnTo>
                  <a:pt x="346" y="720"/>
                </a:lnTo>
                <a:lnTo>
                  <a:pt x="344" y="712"/>
                </a:lnTo>
                <a:lnTo>
                  <a:pt x="334" y="706"/>
                </a:lnTo>
                <a:lnTo>
                  <a:pt x="332" y="702"/>
                </a:lnTo>
                <a:lnTo>
                  <a:pt x="332" y="700"/>
                </a:lnTo>
                <a:lnTo>
                  <a:pt x="338" y="698"/>
                </a:lnTo>
                <a:lnTo>
                  <a:pt x="342" y="696"/>
                </a:lnTo>
                <a:lnTo>
                  <a:pt x="344" y="694"/>
                </a:lnTo>
                <a:lnTo>
                  <a:pt x="338" y="688"/>
                </a:lnTo>
                <a:lnTo>
                  <a:pt x="326" y="678"/>
                </a:lnTo>
                <a:lnTo>
                  <a:pt x="326" y="662"/>
                </a:lnTo>
                <a:lnTo>
                  <a:pt x="326" y="648"/>
                </a:lnTo>
                <a:lnTo>
                  <a:pt x="326" y="636"/>
                </a:lnTo>
                <a:lnTo>
                  <a:pt x="314" y="628"/>
                </a:lnTo>
                <a:lnTo>
                  <a:pt x="294" y="620"/>
                </a:lnTo>
                <a:lnTo>
                  <a:pt x="290" y="624"/>
                </a:lnTo>
                <a:lnTo>
                  <a:pt x="278" y="616"/>
                </a:lnTo>
                <a:lnTo>
                  <a:pt x="272" y="606"/>
                </a:lnTo>
                <a:lnTo>
                  <a:pt x="252" y="608"/>
                </a:lnTo>
                <a:lnTo>
                  <a:pt x="242" y="588"/>
                </a:lnTo>
                <a:lnTo>
                  <a:pt x="230" y="562"/>
                </a:lnTo>
                <a:lnTo>
                  <a:pt x="212" y="550"/>
                </a:lnTo>
                <a:lnTo>
                  <a:pt x="210" y="522"/>
                </a:lnTo>
                <a:lnTo>
                  <a:pt x="216" y="508"/>
                </a:lnTo>
                <a:lnTo>
                  <a:pt x="216" y="474"/>
                </a:lnTo>
                <a:lnTo>
                  <a:pt x="184" y="434"/>
                </a:lnTo>
                <a:lnTo>
                  <a:pt x="184" y="422"/>
                </a:lnTo>
                <a:lnTo>
                  <a:pt x="192" y="418"/>
                </a:lnTo>
                <a:lnTo>
                  <a:pt x="190" y="398"/>
                </a:lnTo>
                <a:lnTo>
                  <a:pt x="172" y="392"/>
                </a:lnTo>
                <a:lnTo>
                  <a:pt x="166" y="340"/>
                </a:lnTo>
                <a:lnTo>
                  <a:pt x="172" y="332"/>
                </a:lnTo>
                <a:lnTo>
                  <a:pt x="154" y="310"/>
                </a:lnTo>
                <a:lnTo>
                  <a:pt x="144" y="308"/>
                </a:lnTo>
                <a:lnTo>
                  <a:pt x="142" y="298"/>
                </a:lnTo>
                <a:lnTo>
                  <a:pt x="130" y="284"/>
                </a:lnTo>
                <a:lnTo>
                  <a:pt x="102" y="274"/>
                </a:lnTo>
                <a:lnTo>
                  <a:pt x="76" y="274"/>
                </a:lnTo>
                <a:lnTo>
                  <a:pt x="68" y="258"/>
                </a:lnTo>
                <a:lnTo>
                  <a:pt x="52" y="252"/>
                </a:lnTo>
                <a:lnTo>
                  <a:pt x="32" y="238"/>
                </a:lnTo>
                <a:lnTo>
                  <a:pt x="22" y="228"/>
                </a:lnTo>
                <a:lnTo>
                  <a:pt x="14" y="224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75" name="Freeform 98"/>
          <p:cNvSpPr>
            <a:spLocks/>
          </p:cNvSpPr>
          <p:nvPr/>
        </p:nvSpPr>
        <p:spPr bwMode="auto">
          <a:xfrm>
            <a:off x="5289550" y="731838"/>
            <a:ext cx="904875" cy="2384425"/>
          </a:xfrm>
          <a:custGeom>
            <a:avLst/>
            <a:gdLst>
              <a:gd name="T0" fmla="*/ 2147483647 w 698"/>
              <a:gd name="T1" fmla="*/ 2147483647 h 1842"/>
              <a:gd name="T2" fmla="*/ 2147483647 w 698"/>
              <a:gd name="T3" fmla="*/ 2147483647 h 1842"/>
              <a:gd name="T4" fmla="*/ 2147483647 w 698"/>
              <a:gd name="T5" fmla="*/ 2147483647 h 1842"/>
              <a:gd name="T6" fmla="*/ 2147483647 w 698"/>
              <a:gd name="T7" fmla="*/ 2147483647 h 1842"/>
              <a:gd name="T8" fmla="*/ 2147483647 w 698"/>
              <a:gd name="T9" fmla="*/ 2147483647 h 1842"/>
              <a:gd name="T10" fmla="*/ 2147483647 w 698"/>
              <a:gd name="T11" fmla="*/ 2147483647 h 1842"/>
              <a:gd name="T12" fmla="*/ 2147483647 w 698"/>
              <a:gd name="T13" fmla="*/ 2147483647 h 1842"/>
              <a:gd name="T14" fmla="*/ 2147483647 w 698"/>
              <a:gd name="T15" fmla="*/ 2147483647 h 1842"/>
              <a:gd name="T16" fmla="*/ 2147483647 w 698"/>
              <a:gd name="T17" fmla="*/ 2147483647 h 1842"/>
              <a:gd name="T18" fmla="*/ 2147483647 w 698"/>
              <a:gd name="T19" fmla="*/ 2147483647 h 1842"/>
              <a:gd name="T20" fmla="*/ 2147483647 w 698"/>
              <a:gd name="T21" fmla="*/ 2147483647 h 1842"/>
              <a:gd name="T22" fmla="*/ 2147483647 w 698"/>
              <a:gd name="T23" fmla="*/ 2147483647 h 1842"/>
              <a:gd name="T24" fmla="*/ 2147483647 w 698"/>
              <a:gd name="T25" fmla="*/ 2147483647 h 1842"/>
              <a:gd name="T26" fmla="*/ 2147483647 w 698"/>
              <a:gd name="T27" fmla="*/ 2147483647 h 1842"/>
              <a:gd name="T28" fmla="*/ 2147483647 w 698"/>
              <a:gd name="T29" fmla="*/ 2147483647 h 1842"/>
              <a:gd name="T30" fmla="*/ 2147483647 w 698"/>
              <a:gd name="T31" fmla="*/ 2147483647 h 1842"/>
              <a:gd name="T32" fmla="*/ 2147483647 w 698"/>
              <a:gd name="T33" fmla="*/ 2147483647 h 1842"/>
              <a:gd name="T34" fmla="*/ 2147483647 w 698"/>
              <a:gd name="T35" fmla="*/ 2147483647 h 1842"/>
              <a:gd name="T36" fmla="*/ 2147483647 w 698"/>
              <a:gd name="T37" fmla="*/ 2147483647 h 1842"/>
              <a:gd name="T38" fmla="*/ 2147483647 w 698"/>
              <a:gd name="T39" fmla="*/ 2147483647 h 1842"/>
              <a:gd name="T40" fmla="*/ 2147483647 w 698"/>
              <a:gd name="T41" fmla="*/ 2147483647 h 1842"/>
              <a:gd name="T42" fmla="*/ 2147483647 w 698"/>
              <a:gd name="T43" fmla="*/ 2147483647 h 1842"/>
              <a:gd name="T44" fmla="*/ 2147483647 w 698"/>
              <a:gd name="T45" fmla="*/ 2147483647 h 1842"/>
              <a:gd name="T46" fmla="*/ 2147483647 w 698"/>
              <a:gd name="T47" fmla="*/ 2147483647 h 1842"/>
              <a:gd name="T48" fmla="*/ 2147483647 w 698"/>
              <a:gd name="T49" fmla="*/ 2147483647 h 1842"/>
              <a:gd name="T50" fmla="*/ 2147483647 w 698"/>
              <a:gd name="T51" fmla="*/ 2147483647 h 1842"/>
              <a:gd name="T52" fmla="*/ 2147483647 w 698"/>
              <a:gd name="T53" fmla="*/ 2147483647 h 1842"/>
              <a:gd name="T54" fmla="*/ 2147483647 w 698"/>
              <a:gd name="T55" fmla="*/ 2147483647 h 1842"/>
              <a:gd name="T56" fmla="*/ 2147483647 w 698"/>
              <a:gd name="T57" fmla="*/ 2147483647 h 1842"/>
              <a:gd name="T58" fmla="*/ 2147483647 w 698"/>
              <a:gd name="T59" fmla="*/ 2147483647 h 1842"/>
              <a:gd name="T60" fmla="*/ 2147483647 w 698"/>
              <a:gd name="T61" fmla="*/ 2147483647 h 1842"/>
              <a:gd name="T62" fmla="*/ 2147483647 w 698"/>
              <a:gd name="T63" fmla="*/ 2147483647 h 1842"/>
              <a:gd name="T64" fmla="*/ 2147483647 w 698"/>
              <a:gd name="T65" fmla="*/ 2147483647 h 1842"/>
              <a:gd name="T66" fmla="*/ 2147483647 w 698"/>
              <a:gd name="T67" fmla="*/ 2147483647 h 1842"/>
              <a:gd name="T68" fmla="*/ 2147483647 w 698"/>
              <a:gd name="T69" fmla="*/ 2147483647 h 1842"/>
              <a:gd name="T70" fmla="*/ 2147483647 w 698"/>
              <a:gd name="T71" fmla="*/ 2147483647 h 1842"/>
              <a:gd name="T72" fmla="*/ 2147483647 w 698"/>
              <a:gd name="T73" fmla="*/ 2147483647 h 1842"/>
              <a:gd name="T74" fmla="*/ 2147483647 w 698"/>
              <a:gd name="T75" fmla="*/ 2147483647 h 1842"/>
              <a:gd name="T76" fmla="*/ 2147483647 w 698"/>
              <a:gd name="T77" fmla="*/ 2147483647 h 1842"/>
              <a:gd name="T78" fmla="*/ 2147483647 w 698"/>
              <a:gd name="T79" fmla="*/ 2147483647 h 1842"/>
              <a:gd name="T80" fmla="*/ 2147483647 w 698"/>
              <a:gd name="T81" fmla="*/ 2147483647 h 1842"/>
              <a:gd name="T82" fmla="*/ 2147483647 w 698"/>
              <a:gd name="T83" fmla="*/ 2147483647 h 1842"/>
              <a:gd name="T84" fmla="*/ 2147483647 w 698"/>
              <a:gd name="T85" fmla="*/ 2147483647 h 1842"/>
              <a:gd name="T86" fmla="*/ 2147483647 w 698"/>
              <a:gd name="T87" fmla="*/ 2147483647 h 1842"/>
              <a:gd name="T88" fmla="*/ 2147483647 w 698"/>
              <a:gd name="T89" fmla="*/ 2147483647 h 1842"/>
              <a:gd name="T90" fmla="*/ 2147483647 w 698"/>
              <a:gd name="T91" fmla="*/ 2147483647 h 1842"/>
              <a:gd name="T92" fmla="*/ 2147483647 w 698"/>
              <a:gd name="T93" fmla="*/ 2147483647 h 1842"/>
              <a:gd name="T94" fmla="*/ 2147483647 w 698"/>
              <a:gd name="T95" fmla="*/ 2147483647 h 1842"/>
              <a:gd name="T96" fmla="*/ 2147483647 w 698"/>
              <a:gd name="T97" fmla="*/ 2147483647 h 1842"/>
              <a:gd name="T98" fmla="*/ 2147483647 w 698"/>
              <a:gd name="T99" fmla="*/ 2147483647 h 1842"/>
              <a:gd name="T100" fmla="*/ 2147483647 w 698"/>
              <a:gd name="T101" fmla="*/ 2147483647 h 1842"/>
              <a:gd name="T102" fmla="*/ 2147483647 w 698"/>
              <a:gd name="T103" fmla="*/ 2147483647 h 1842"/>
              <a:gd name="T104" fmla="*/ 2147483647 w 698"/>
              <a:gd name="T105" fmla="*/ 2147483647 h 1842"/>
              <a:gd name="T106" fmla="*/ 2147483647 w 698"/>
              <a:gd name="T107" fmla="*/ 2147483647 h 1842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0" t="0" r="r" b="b"/>
            <a:pathLst>
              <a:path w="698" h="1842">
                <a:moveTo>
                  <a:pt x="434" y="34"/>
                </a:moveTo>
                <a:lnTo>
                  <a:pt x="430" y="24"/>
                </a:lnTo>
                <a:lnTo>
                  <a:pt x="422" y="8"/>
                </a:lnTo>
                <a:lnTo>
                  <a:pt x="432" y="4"/>
                </a:lnTo>
                <a:lnTo>
                  <a:pt x="442" y="2"/>
                </a:lnTo>
                <a:lnTo>
                  <a:pt x="446" y="0"/>
                </a:lnTo>
                <a:lnTo>
                  <a:pt x="458" y="14"/>
                </a:lnTo>
                <a:lnTo>
                  <a:pt x="460" y="18"/>
                </a:lnTo>
                <a:lnTo>
                  <a:pt x="498" y="46"/>
                </a:lnTo>
                <a:lnTo>
                  <a:pt x="514" y="52"/>
                </a:lnTo>
                <a:lnTo>
                  <a:pt x="522" y="68"/>
                </a:lnTo>
                <a:lnTo>
                  <a:pt x="548" y="68"/>
                </a:lnTo>
                <a:lnTo>
                  <a:pt x="576" y="78"/>
                </a:lnTo>
                <a:lnTo>
                  <a:pt x="588" y="92"/>
                </a:lnTo>
                <a:lnTo>
                  <a:pt x="590" y="102"/>
                </a:lnTo>
                <a:lnTo>
                  <a:pt x="600" y="104"/>
                </a:lnTo>
                <a:lnTo>
                  <a:pt x="618" y="126"/>
                </a:lnTo>
                <a:lnTo>
                  <a:pt x="612" y="134"/>
                </a:lnTo>
                <a:lnTo>
                  <a:pt x="618" y="186"/>
                </a:lnTo>
                <a:lnTo>
                  <a:pt x="636" y="192"/>
                </a:lnTo>
                <a:lnTo>
                  <a:pt x="638" y="212"/>
                </a:lnTo>
                <a:lnTo>
                  <a:pt x="630" y="216"/>
                </a:lnTo>
                <a:lnTo>
                  <a:pt x="630" y="228"/>
                </a:lnTo>
                <a:lnTo>
                  <a:pt x="662" y="268"/>
                </a:lnTo>
                <a:lnTo>
                  <a:pt x="662" y="302"/>
                </a:lnTo>
                <a:lnTo>
                  <a:pt x="656" y="316"/>
                </a:lnTo>
                <a:lnTo>
                  <a:pt x="658" y="344"/>
                </a:lnTo>
                <a:lnTo>
                  <a:pt x="676" y="356"/>
                </a:lnTo>
                <a:lnTo>
                  <a:pt x="688" y="380"/>
                </a:lnTo>
                <a:lnTo>
                  <a:pt x="698" y="402"/>
                </a:lnTo>
                <a:lnTo>
                  <a:pt x="692" y="408"/>
                </a:lnTo>
                <a:lnTo>
                  <a:pt x="680" y="412"/>
                </a:lnTo>
                <a:lnTo>
                  <a:pt x="666" y="408"/>
                </a:lnTo>
                <a:lnTo>
                  <a:pt x="654" y="408"/>
                </a:lnTo>
                <a:lnTo>
                  <a:pt x="650" y="416"/>
                </a:lnTo>
                <a:lnTo>
                  <a:pt x="646" y="418"/>
                </a:lnTo>
                <a:lnTo>
                  <a:pt x="640" y="422"/>
                </a:lnTo>
                <a:lnTo>
                  <a:pt x="624" y="416"/>
                </a:lnTo>
                <a:lnTo>
                  <a:pt x="620" y="410"/>
                </a:lnTo>
                <a:lnTo>
                  <a:pt x="618" y="416"/>
                </a:lnTo>
                <a:lnTo>
                  <a:pt x="604" y="412"/>
                </a:lnTo>
                <a:lnTo>
                  <a:pt x="600" y="422"/>
                </a:lnTo>
                <a:lnTo>
                  <a:pt x="602" y="434"/>
                </a:lnTo>
                <a:lnTo>
                  <a:pt x="608" y="442"/>
                </a:lnTo>
                <a:lnTo>
                  <a:pt x="606" y="456"/>
                </a:lnTo>
                <a:lnTo>
                  <a:pt x="594" y="458"/>
                </a:lnTo>
                <a:lnTo>
                  <a:pt x="584" y="456"/>
                </a:lnTo>
                <a:lnTo>
                  <a:pt x="586" y="468"/>
                </a:lnTo>
                <a:lnTo>
                  <a:pt x="572" y="480"/>
                </a:lnTo>
                <a:lnTo>
                  <a:pt x="564" y="484"/>
                </a:lnTo>
                <a:lnTo>
                  <a:pt x="574" y="494"/>
                </a:lnTo>
                <a:lnTo>
                  <a:pt x="572" y="504"/>
                </a:lnTo>
                <a:lnTo>
                  <a:pt x="570" y="518"/>
                </a:lnTo>
                <a:lnTo>
                  <a:pt x="566" y="534"/>
                </a:lnTo>
                <a:lnTo>
                  <a:pt x="556" y="550"/>
                </a:lnTo>
                <a:lnTo>
                  <a:pt x="562" y="562"/>
                </a:lnTo>
                <a:lnTo>
                  <a:pt x="562" y="580"/>
                </a:lnTo>
                <a:lnTo>
                  <a:pt x="568" y="582"/>
                </a:lnTo>
                <a:lnTo>
                  <a:pt x="578" y="590"/>
                </a:lnTo>
                <a:lnTo>
                  <a:pt x="588" y="602"/>
                </a:lnTo>
                <a:lnTo>
                  <a:pt x="586" y="606"/>
                </a:lnTo>
                <a:lnTo>
                  <a:pt x="584" y="612"/>
                </a:lnTo>
                <a:lnTo>
                  <a:pt x="580" y="622"/>
                </a:lnTo>
                <a:lnTo>
                  <a:pt x="576" y="628"/>
                </a:lnTo>
                <a:lnTo>
                  <a:pt x="560" y="640"/>
                </a:lnTo>
                <a:lnTo>
                  <a:pt x="560" y="654"/>
                </a:lnTo>
                <a:lnTo>
                  <a:pt x="554" y="676"/>
                </a:lnTo>
                <a:lnTo>
                  <a:pt x="554" y="694"/>
                </a:lnTo>
                <a:lnTo>
                  <a:pt x="542" y="702"/>
                </a:lnTo>
                <a:lnTo>
                  <a:pt x="530" y="710"/>
                </a:lnTo>
                <a:lnTo>
                  <a:pt x="526" y="718"/>
                </a:lnTo>
                <a:lnTo>
                  <a:pt x="510" y="726"/>
                </a:lnTo>
                <a:lnTo>
                  <a:pt x="500" y="740"/>
                </a:lnTo>
                <a:lnTo>
                  <a:pt x="498" y="752"/>
                </a:lnTo>
                <a:lnTo>
                  <a:pt x="486" y="738"/>
                </a:lnTo>
                <a:lnTo>
                  <a:pt x="486" y="752"/>
                </a:lnTo>
                <a:lnTo>
                  <a:pt x="474" y="752"/>
                </a:lnTo>
                <a:lnTo>
                  <a:pt x="470" y="774"/>
                </a:lnTo>
                <a:lnTo>
                  <a:pt x="468" y="786"/>
                </a:lnTo>
                <a:lnTo>
                  <a:pt x="450" y="786"/>
                </a:lnTo>
                <a:lnTo>
                  <a:pt x="442" y="792"/>
                </a:lnTo>
                <a:lnTo>
                  <a:pt x="428" y="812"/>
                </a:lnTo>
                <a:lnTo>
                  <a:pt x="434" y="824"/>
                </a:lnTo>
                <a:lnTo>
                  <a:pt x="430" y="834"/>
                </a:lnTo>
                <a:lnTo>
                  <a:pt x="416" y="842"/>
                </a:lnTo>
                <a:lnTo>
                  <a:pt x="408" y="842"/>
                </a:lnTo>
                <a:lnTo>
                  <a:pt x="404" y="840"/>
                </a:lnTo>
                <a:lnTo>
                  <a:pt x="398" y="828"/>
                </a:lnTo>
                <a:lnTo>
                  <a:pt x="396" y="834"/>
                </a:lnTo>
                <a:lnTo>
                  <a:pt x="402" y="850"/>
                </a:lnTo>
                <a:lnTo>
                  <a:pt x="406" y="868"/>
                </a:lnTo>
                <a:lnTo>
                  <a:pt x="406" y="880"/>
                </a:lnTo>
                <a:lnTo>
                  <a:pt x="398" y="890"/>
                </a:lnTo>
                <a:lnTo>
                  <a:pt x="386" y="896"/>
                </a:lnTo>
                <a:lnTo>
                  <a:pt x="380" y="888"/>
                </a:lnTo>
                <a:lnTo>
                  <a:pt x="376" y="894"/>
                </a:lnTo>
                <a:lnTo>
                  <a:pt x="376" y="910"/>
                </a:lnTo>
                <a:lnTo>
                  <a:pt x="382" y="920"/>
                </a:lnTo>
                <a:lnTo>
                  <a:pt x="392" y="924"/>
                </a:lnTo>
                <a:lnTo>
                  <a:pt x="392" y="936"/>
                </a:lnTo>
                <a:lnTo>
                  <a:pt x="384" y="954"/>
                </a:lnTo>
                <a:lnTo>
                  <a:pt x="378" y="974"/>
                </a:lnTo>
                <a:lnTo>
                  <a:pt x="384" y="986"/>
                </a:lnTo>
                <a:lnTo>
                  <a:pt x="392" y="990"/>
                </a:lnTo>
                <a:lnTo>
                  <a:pt x="392" y="1002"/>
                </a:lnTo>
                <a:lnTo>
                  <a:pt x="382" y="998"/>
                </a:lnTo>
                <a:lnTo>
                  <a:pt x="374" y="998"/>
                </a:lnTo>
                <a:lnTo>
                  <a:pt x="374" y="1010"/>
                </a:lnTo>
                <a:lnTo>
                  <a:pt x="376" y="1024"/>
                </a:lnTo>
                <a:lnTo>
                  <a:pt x="372" y="1038"/>
                </a:lnTo>
                <a:lnTo>
                  <a:pt x="378" y="1040"/>
                </a:lnTo>
                <a:lnTo>
                  <a:pt x="382" y="1048"/>
                </a:lnTo>
                <a:lnTo>
                  <a:pt x="376" y="1058"/>
                </a:lnTo>
                <a:lnTo>
                  <a:pt x="380" y="1076"/>
                </a:lnTo>
                <a:lnTo>
                  <a:pt x="380" y="1100"/>
                </a:lnTo>
                <a:lnTo>
                  <a:pt x="390" y="1112"/>
                </a:lnTo>
                <a:lnTo>
                  <a:pt x="388" y="1130"/>
                </a:lnTo>
                <a:lnTo>
                  <a:pt x="406" y="1134"/>
                </a:lnTo>
                <a:lnTo>
                  <a:pt x="416" y="1134"/>
                </a:lnTo>
                <a:lnTo>
                  <a:pt x="420" y="1146"/>
                </a:lnTo>
                <a:lnTo>
                  <a:pt x="428" y="1138"/>
                </a:lnTo>
                <a:lnTo>
                  <a:pt x="438" y="1136"/>
                </a:lnTo>
                <a:lnTo>
                  <a:pt x="440" y="1142"/>
                </a:lnTo>
                <a:lnTo>
                  <a:pt x="444" y="1150"/>
                </a:lnTo>
                <a:lnTo>
                  <a:pt x="450" y="1160"/>
                </a:lnTo>
                <a:lnTo>
                  <a:pt x="456" y="1164"/>
                </a:lnTo>
                <a:lnTo>
                  <a:pt x="468" y="1164"/>
                </a:lnTo>
                <a:lnTo>
                  <a:pt x="478" y="1162"/>
                </a:lnTo>
                <a:lnTo>
                  <a:pt x="484" y="1172"/>
                </a:lnTo>
                <a:lnTo>
                  <a:pt x="474" y="1180"/>
                </a:lnTo>
                <a:lnTo>
                  <a:pt x="480" y="1192"/>
                </a:lnTo>
                <a:lnTo>
                  <a:pt x="490" y="1192"/>
                </a:lnTo>
                <a:lnTo>
                  <a:pt x="494" y="1184"/>
                </a:lnTo>
                <a:lnTo>
                  <a:pt x="500" y="1196"/>
                </a:lnTo>
                <a:lnTo>
                  <a:pt x="506" y="1208"/>
                </a:lnTo>
                <a:lnTo>
                  <a:pt x="512" y="1224"/>
                </a:lnTo>
                <a:lnTo>
                  <a:pt x="518" y="1232"/>
                </a:lnTo>
                <a:lnTo>
                  <a:pt x="514" y="1240"/>
                </a:lnTo>
                <a:lnTo>
                  <a:pt x="504" y="1252"/>
                </a:lnTo>
                <a:lnTo>
                  <a:pt x="498" y="1268"/>
                </a:lnTo>
                <a:lnTo>
                  <a:pt x="490" y="1280"/>
                </a:lnTo>
                <a:lnTo>
                  <a:pt x="486" y="1294"/>
                </a:lnTo>
                <a:lnTo>
                  <a:pt x="492" y="1304"/>
                </a:lnTo>
                <a:lnTo>
                  <a:pt x="488" y="1314"/>
                </a:lnTo>
                <a:lnTo>
                  <a:pt x="490" y="1328"/>
                </a:lnTo>
                <a:lnTo>
                  <a:pt x="478" y="1330"/>
                </a:lnTo>
                <a:lnTo>
                  <a:pt x="470" y="1334"/>
                </a:lnTo>
                <a:lnTo>
                  <a:pt x="466" y="1346"/>
                </a:lnTo>
                <a:lnTo>
                  <a:pt x="460" y="1356"/>
                </a:lnTo>
                <a:lnTo>
                  <a:pt x="456" y="1364"/>
                </a:lnTo>
                <a:lnTo>
                  <a:pt x="448" y="1350"/>
                </a:lnTo>
                <a:lnTo>
                  <a:pt x="446" y="1336"/>
                </a:lnTo>
                <a:lnTo>
                  <a:pt x="444" y="1338"/>
                </a:lnTo>
                <a:lnTo>
                  <a:pt x="442" y="1344"/>
                </a:lnTo>
                <a:lnTo>
                  <a:pt x="436" y="1356"/>
                </a:lnTo>
                <a:lnTo>
                  <a:pt x="432" y="1366"/>
                </a:lnTo>
                <a:lnTo>
                  <a:pt x="424" y="1376"/>
                </a:lnTo>
                <a:lnTo>
                  <a:pt x="410" y="1382"/>
                </a:lnTo>
                <a:lnTo>
                  <a:pt x="404" y="1390"/>
                </a:lnTo>
                <a:lnTo>
                  <a:pt x="400" y="1398"/>
                </a:lnTo>
                <a:lnTo>
                  <a:pt x="376" y="1398"/>
                </a:lnTo>
                <a:lnTo>
                  <a:pt x="360" y="1398"/>
                </a:lnTo>
                <a:lnTo>
                  <a:pt x="372" y="1402"/>
                </a:lnTo>
                <a:lnTo>
                  <a:pt x="388" y="1408"/>
                </a:lnTo>
                <a:lnTo>
                  <a:pt x="400" y="1416"/>
                </a:lnTo>
                <a:lnTo>
                  <a:pt x="400" y="1420"/>
                </a:lnTo>
                <a:lnTo>
                  <a:pt x="400" y="1422"/>
                </a:lnTo>
                <a:lnTo>
                  <a:pt x="398" y="1422"/>
                </a:lnTo>
                <a:lnTo>
                  <a:pt x="372" y="1422"/>
                </a:lnTo>
                <a:lnTo>
                  <a:pt x="384" y="1430"/>
                </a:lnTo>
                <a:lnTo>
                  <a:pt x="390" y="1436"/>
                </a:lnTo>
                <a:lnTo>
                  <a:pt x="394" y="1450"/>
                </a:lnTo>
                <a:lnTo>
                  <a:pt x="396" y="1464"/>
                </a:lnTo>
                <a:lnTo>
                  <a:pt x="392" y="1470"/>
                </a:lnTo>
                <a:lnTo>
                  <a:pt x="386" y="1476"/>
                </a:lnTo>
                <a:lnTo>
                  <a:pt x="390" y="1478"/>
                </a:lnTo>
                <a:lnTo>
                  <a:pt x="392" y="1478"/>
                </a:lnTo>
                <a:lnTo>
                  <a:pt x="394" y="1480"/>
                </a:lnTo>
                <a:lnTo>
                  <a:pt x="394" y="1494"/>
                </a:lnTo>
                <a:lnTo>
                  <a:pt x="380" y="1494"/>
                </a:lnTo>
                <a:lnTo>
                  <a:pt x="380" y="1500"/>
                </a:lnTo>
                <a:lnTo>
                  <a:pt x="386" y="1506"/>
                </a:lnTo>
                <a:lnTo>
                  <a:pt x="390" y="1512"/>
                </a:lnTo>
                <a:lnTo>
                  <a:pt x="390" y="1522"/>
                </a:lnTo>
                <a:lnTo>
                  <a:pt x="386" y="1526"/>
                </a:lnTo>
                <a:lnTo>
                  <a:pt x="386" y="1534"/>
                </a:lnTo>
                <a:lnTo>
                  <a:pt x="396" y="1540"/>
                </a:lnTo>
                <a:lnTo>
                  <a:pt x="394" y="1548"/>
                </a:lnTo>
                <a:lnTo>
                  <a:pt x="394" y="1564"/>
                </a:lnTo>
                <a:lnTo>
                  <a:pt x="382" y="1570"/>
                </a:lnTo>
                <a:lnTo>
                  <a:pt x="380" y="1582"/>
                </a:lnTo>
                <a:lnTo>
                  <a:pt x="380" y="1590"/>
                </a:lnTo>
                <a:lnTo>
                  <a:pt x="380" y="1586"/>
                </a:lnTo>
                <a:lnTo>
                  <a:pt x="380" y="1588"/>
                </a:lnTo>
                <a:lnTo>
                  <a:pt x="384" y="1592"/>
                </a:lnTo>
                <a:lnTo>
                  <a:pt x="392" y="1600"/>
                </a:lnTo>
                <a:lnTo>
                  <a:pt x="384" y="1610"/>
                </a:lnTo>
                <a:lnTo>
                  <a:pt x="386" y="1644"/>
                </a:lnTo>
                <a:lnTo>
                  <a:pt x="378" y="1660"/>
                </a:lnTo>
                <a:lnTo>
                  <a:pt x="372" y="1672"/>
                </a:lnTo>
                <a:lnTo>
                  <a:pt x="364" y="1694"/>
                </a:lnTo>
                <a:lnTo>
                  <a:pt x="364" y="1708"/>
                </a:lnTo>
                <a:lnTo>
                  <a:pt x="356" y="1722"/>
                </a:lnTo>
                <a:lnTo>
                  <a:pt x="348" y="1732"/>
                </a:lnTo>
                <a:lnTo>
                  <a:pt x="340" y="1722"/>
                </a:lnTo>
                <a:lnTo>
                  <a:pt x="332" y="1716"/>
                </a:lnTo>
                <a:lnTo>
                  <a:pt x="324" y="1724"/>
                </a:lnTo>
                <a:lnTo>
                  <a:pt x="310" y="1724"/>
                </a:lnTo>
                <a:lnTo>
                  <a:pt x="294" y="1724"/>
                </a:lnTo>
                <a:lnTo>
                  <a:pt x="284" y="1726"/>
                </a:lnTo>
                <a:lnTo>
                  <a:pt x="272" y="1730"/>
                </a:lnTo>
                <a:lnTo>
                  <a:pt x="274" y="1742"/>
                </a:lnTo>
                <a:lnTo>
                  <a:pt x="270" y="1750"/>
                </a:lnTo>
                <a:lnTo>
                  <a:pt x="260" y="1746"/>
                </a:lnTo>
                <a:lnTo>
                  <a:pt x="254" y="1748"/>
                </a:lnTo>
                <a:lnTo>
                  <a:pt x="240" y="1762"/>
                </a:lnTo>
                <a:lnTo>
                  <a:pt x="236" y="1768"/>
                </a:lnTo>
                <a:lnTo>
                  <a:pt x="232" y="1790"/>
                </a:lnTo>
                <a:lnTo>
                  <a:pt x="244" y="1794"/>
                </a:lnTo>
                <a:lnTo>
                  <a:pt x="246" y="1804"/>
                </a:lnTo>
                <a:lnTo>
                  <a:pt x="246" y="1816"/>
                </a:lnTo>
                <a:lnTo>
                  <a:pt x="236" y="1830"/>
                </a:lnTo>
                <a:lnTo>
                  <a:pt x="224" y="1834"/>
                </a:lnTo>
                <a:lnTo>
                  <a:pt x="214" y="1826"/>
                </a:lnTo>
                <a:lnTo>
                  <a:pt x="204" y="1828"/>
                </a:lnTo>
                <a:lnTo>
                  <a:pt x="194" y="1832"/>
                </a:lnTo>
                <a:lnTo>
                  <a:pt x="180" y="1842"/>
                </a:lnTo>
                <a:lnTo>
                  <a:pt x="158" y="1836"/>
                </a:lnTo>
                <a:lnTo>
                  <a:pt x="140" y="1838"/>
                </a:lnTo>
                <a:lnTo>
                  <a:pt x="148" y="1824"/>
                </a:lnTo>
                <a:lnTo>
                  <a:pt x="140" y="1818"/>
                </a:lnTo>
                <a:lnTo>
                  <a:pt x="140" y="1814"/>
                </a:lnTo>
                <a:lnTo>
                  <a:pt x="142" y="1810"/>
                </a:lnTo>
                <a:lnTo>
                  <a:pt x="144" y="1808"/>
                </a:lnTo>
                <a:lnTo>
                  <a:pt x="154" y="1802"/>
                </a:lnTo>
                <a:lnTo>
                  <a:pt x="152" y="1794"/>
                </a:lnTo>
                <a:lnTo>
                  <a:pt x="140" y="1788"/>
                </a:lnTo>
                <a:lnTo>
                  <a:pt x="142" y="1780"/>
                </a:lnTo>
                <a:lnTo>
                  <a:pt x="132" y="1762"/>
                </a:lnTo>
                <a:lnTo>
                  <a:pt x="120" y="1748"/>
                </a:lnTo>
                <a:lnTo>
                  <a:pt x="112" y="1734"/>
                </a:lnTo>
                <a:lnTo>
                  <a:pt x="110" y="1718"/>
                </a:lnTo>
                <a:lnTo>
                  <a:pt x="118" y="1724"/>
                </a:lnTo>
                <a:lnTo>
                  <a:pt x="126" y="1730"/>
                </a:lnTo>
                <a:lnTo>
                  <a:pt x="134" y="1722"/>
                </a:lnTo>
                <a:lnTo>
                  <a:pt x="126" y="1716"/>
                </a:lnTo>
                <a:lnTo>
                  <a:pt x="114" y="1706"/>
                </a:lnTo>
                <a:lnTo>
                  <a:pt x="120" y="1696"/>
                </a:lnTo>
                <a:lnTo>
                  <a:pt x="132" y="1696"/>
                </a:lnTo>
                <a:lnTo>
                  <a:pt x="138" y="1686"/>
                </a:lnTo>
                <a:lnTo>
                  <a:pt x="134" y="1666"/>
                </a:lnTo>
                <a:lnTo>
                  <a:pt x="120" y="1670"/>
                </a:lnTo>
                <a:lnTo>
                  <a:pt x="108" y="1646"/>
                </a:lnTo>
                <a:lnTo>
                  <a:pt x="98" y="1636"/>
                </a:lnTo>
                <a:lnTo>
                  <a:pt x="80" y="1600"/>
                </a:lnTo>
                <a:lnTo>
                  <a:pt x="76" y="1582"/>
                </a:lnTo>
                <a:lnTo>
                  <a:pt x="64" y="1580"/>
                </a:lnTo>
                <a:lnTo>
                  <a:pt x="64" y="1556"/>
                </a:lnTo>
                <a:lnTo>
                  <a:pt x="58" y="1544"/>
                </a:lnTo>
                <a:lnTo>
                  <a:pt x="64" y="1532"/>
                </a:lnTo>
                <a:lnTo>
                  <a:pt x="58" y="1526"/>
                </a:lnTo>
                <a:lnTo>
                  <a:pt x="52" y="1538"/>
                </a:lnTo>
                <a:lnTo>
                  <a:pt x="46" y="1536"/>
                </a:lnTo>
                <a:lnTo>
                  <a:pt x="42" y="1536"/>
                </a:lnTo>
                <a:lnTo>
                  <a:pt x="40" y="1532"/>
                </a:lnTo>
                <a:lnTo>
                  <a:pt x="48" y="1520"/>
                </a:lnTo>
                <a:lnTo>
                  <a:pt x="48" y="1508"/>
                </a:lnTo>
                <a:lnTo>
                  <a:pt x="48" y="1498"/>
                </a:lnTo>
                <a:lnTo>
                  <a:pt x="40" y="1492"/>
                </a:lnTo>
                <a:lnTo>
                  <a:pt x="48" y="1484"/>
                </a:lnTo>
                <a:lnTo>
                  <a:pt x="52" y="1482"/>
                </a:lnTo>
                <a:lnTo>
                  <a:pt x="54" y="1476"/>
                </a:lnTo>
                <a:lnTo>
                  <a:pt x="52" y="1464"/>
                </a:lnTo>
                <a:lnTo>
                  <a:pt x="38" y="1464"/>
                </a:lnTo>
                <a:lnTo>
                  <a:pt x="32" y="1478"/>
                </a:lnTo>
                <a:lnTo>
                  <a:pt x="20" y="1482"/>
                </a:lnTo>
                <a:lnTo>
                  <a:pt x="26" y="1464"/>
                </a:lnTo>
                <a:lnTo>
                  <a:pt x="24" y="1454"/>
                </a:lnTo>
                <a:lnTo>
                  <a:pt x="12" y="1452"/>
                </a:lnTo>
                <a:lnTo>
                  <a:pt x="12" y="1424"/>
                </a:lnTo>
                <a:lnTo>
                  <a:pt x="10" y="1400"/>
                </a:lnTo>
                <a:lnTo>
                  <a:pt x="8" y="1384"/>
                </a:lnTo>
                <a:lnTo>
                  <a:pt x="0" y="1372"/>
                </a:lnTo>
                <a:lnTo>
                  <a:pt x="4" y="1364"/>
                </a:lnTo>
                <a:lnTo>
                  <a:pt x="8" y="1360"/>
                </a:lnTo>
                <a:lnTo>
                  <a:pt x="14" y="1354"/>
                </a:lnTo>
                <a:lnTo>
                  <a:pt x="18" y="1358"/>
                </a:lnTo>
                <a:lnTo>
                  <a:pt x="20" y="1362"/>
                </a:lnTo>
                <a:lnTo>
                  <a:pt x="22" y="1376"/>
                </a:lnTo>
                <a:lnTo>
                  <a:pt x="30" y="1386"/>
                </a:lnTo>
                <a:lnTo>
                  <a:pt x="38" y="1380"/>
                </a:lnTo>
                <a:lnTo>
                  <a:pt x="44" y="1362"/>
                </a:lnTo>
                <a:lnTo>
                  <a:pt x="46" y="1346"/>
                </a:lnTo>
                <a:lnTo>
                  <a:pt x="46" y="1320"/>
                </a:lnTo>
                <a:lnTo>
                  <a:pt x="40" y="1308"/>
                </a:lnTo>
                <a:lnTo>
                  <a:pt x="38" y="1288"/>
                </a:lnTo>
                <a:lnTo>
                  <a:pt x="48" y="1284"/>
                </a:lnTo>
                <a:lnTo>
                  <a:pt x="50" y="1264"/>
                </a:lnTo>
                <a:lnTo>
                  <a:pt x="46" y="1258"/>
                </a:lnTo>
                <a:lnTo>
                  <a:pt x="52" y="1252"/>
                </a:lnTo>
                <a:lnTo>
                  <a:pt x="68" y="1252"/>
                </a:lnTo>
                <a:lnTo>
                  <a:pt x="86" y="1232"/>
                </a:lnTo>
                <a:lnTo>
                  <a:pt x="88" y="1196"/>
                </a:lnTo>
                <a:lnTo>
                  <a:pt x="94" y="1174"/>
                </a:lnTo>
                <a:lnTo>
                  <a:pt x="86" y="1158"/>
                </a:lnTo>
                <a:lnTo>
                  <a:pt x="78" y="1134"/>
                </a:lnTo>
                <a:lnTo>
                  <a:pt x="72" y="1118"/>
                </a:lnTo>
                <a:lnTo>
                  <a:pt x="76" y="1104"/>
                </a:lnTo>
                <a:lnTo>
                  <a:pt x="96" y="1100"/>
                </a:lnTo>
                <a:lnTo>
                  <a:pt x="104" y="1086"/>
                </a:lnTo>
                <a:lnTo>
                  <a:pt x="108" y="1066"/>
                </a:lnTo>
                <a:lnTo>
                  <a:pt x="104" y="1054"/>
                </a:lnTo>
                <a:lnTo>
                  <a:pt x="86" y="1036"/>
                </a:lnTo>
                <a:lnTo>
                  <a:pt x="78" y="1032"/>
                </a:lnTo>
                <a:lnTo>
                  <a:pt x="62" y="1016"/>
                </a:lnTo>
                <a:lnTo>
                  <a:pt x="60" y="982"/>
                </a:lnTo>
                <a:lnTo>
                  <a:pt x="70" y="942"/>
                </a:lnTo>
                <a:lnTo>
                  <a:pt x="54" y="910"/>
                </a:lnTo>
                <a:lnTo>
                  <a:pt x="54" y="888"/>
                </a:lnTo>
                <a:lnTo>
                  <a:pt x="56" y="872"/>
                </a:lnTo>
                <a:lnTo>
                  <a:pt x="50" y="862"/>
                </a:lnTo>
                <a:lnTo>
                  <a:pt x="58" y="852"/>
                </a:lnTo>
                <a:lnTo>
                  <a:pt x="58" y="838"/>
                </a:lnTo>
                <a:lnTo>
                  <a:pt x="50" y="820"/>
                </a:lnTo>
                <a:lnTo>
                  <a:pt x="46" y="810"/>
                </a:lnTo>
                <a:lnTo>
                  <a:pt x="48" y="800"/>
                </a:lnTo>
                <a:lnTo>
                  <a:pt x="56" y="782"/>
                </a:lnTo>
                <a:lnTo>
                  <a:pt x="54" y="766"/>
                </a:lnTo>
                <a:lnTo>
                  <a:pt x="60" y="758"/>
                </a:lnTo>
                <a:lnTo>
                  <a:pt x="70" y="738"/>
                </a:lnTo>
                <a:lnTo>
                  <a:pt x="78" y="722"/>
                </a:lnTo>
                <a:lnTo>
                  <a:pt x="90" y="708"/>
                </a:lnTo>
                <a:lnTo>
                  <a:pt x="106" y="700"/>
                </a:lnTo>
                <a:lnTo>
                  <a:pt x="128" y="700"/>
                </a:lnTo>
                <a:lnTo>
                  <a:pt x="156" y="706"/>
                </a:lnTo>
                <a:lnTo>
                  <a:pt x="162" y="694"/>
                </a:lnTo>
                <a:lnTo>
                  <a:pt x="166" y="686"/>
                </a:lnTo>
                <a:lnTo>
                  <a:pt x="162" y="666"/>
                </a:lnTo>
                <a:lnTo>
                  <a:pt x="162" y="646"/>
                </a:lnTo>
                <a:lnTo>
                  <a:pt x="150" y="642"/>
                </a:lnTo>
                <a:lnTo>
                  <a:pt x="136" y="636"/>
                </a:lnTo>
                <a:lnTo>
                  <a:pt x="136" y="626"/>
                </a:lnTo>
                <a:lnTo>
                  <a:pt x="142" y="608"/>
                </a:lnTo>
                <a:lnTo>
                  <a:pt x="150" y="598"/>
                </a:lnTo>
                <a:lnTo>
                  <a:pt x="160" y="576"/>
                </a:lnTo>
                <a:lnTo>
                  <a:pt x="168" y="560"/>
                </a:lnTo>
                <a:lnTo>
                  <a:pt x="174" y="530"/>
                </a:lnTo>
                <a:lnTo>
                  <a:pt x="178" y="484"/>
                </a:lnTo>
                <a:lnTo>
                  <a:pt x="180" y="456"/>
                </a:lnTo>
                <a:lnTo>
                  <a:pt x="174" y="442"/>
                </a:lnTo>
                <a:lnTo>
                  <a:pt x="176" y="424"/>
                </a:lnTo>
                <a:lnTo>
                  <a:pt x="198" y="420"/>
                </a:lnTo>
                <a:lnTo>
                  <a:pt x="220" y="402"/>
                </a:lnTo>
                <a:lnTo>
                  <a:pt x="220" y="382"/>
                </a:lnTo>
                <a:lnTo>
                  <a:pt x="214" y="372"/>
                </a:lnTo>
                <a:lnTo>
                  <a:pt x="226" y="356"/>
                </a:lnTo>
                <a:lnTo>
                  <a:pt x="240" y="330"/>
                </a:lnTo>
                <a:lnTo>
                  <a:pt x="242" y="316"/>
                </a:lnTo>
                <a:lnTo>
                  <a:pt x="260" y="300"/>
                </a:lnTo>
                <a:lnTo>
                  <a:pt x="262" y="274"/>
                </a:lnTo>
                <a:lnTo>
                  <a:pt x="252" y="260"/>
                </a:lnTo>
                <a:lnTo>
                  <a:pt x="242" y="242"/>
                </a:lnTo>
                <a:lnTo>
                  <a:pt x="262" y="220"/>
                </a:lnTo>
                <a:lnTo>
                  <a:pt x="266" y="194"/>
                </a:lnTo>
                <a:lnTo>
                  <a:pt x="270" y="176"/>
                </a:lnTo>
                <a:lnTo>
                  <a:pt x="292" y="152"/>
                </a:lnTo>
                <a:lnTo>
                  <a:pt x="308" y="150"/>
                </a:lnTo>
                <a:lnTo>
                  <a:pt x="316" y="160"/>
                </a:lnTo>
                <a:lnTo>
                  <a:pt x="328" y="158"/>
                </a:lnTo>
                <a:lnTo>
                  <a:pt x="336" y="142"/>
                </a:lnTo>
                <a:lnTo>
                  <a:pt x="336" y="118"/>
                </a:lnTo>
                <a:lnTo>
                  <a:pt x="330" y="104"/>
                </a:lnTo>
                <a:lnTo>
                  <a:pt x="330" y="86"/>
                </a:lnTo>
                <a:lnTo>
                  <a:pt x="344" y="80"/>
                </a:lnTo>
                <a:lnTo>
                  <a:pt x="360" y="86"/>
                </a:lnTo>
                <a:lnTo>
                  <a:pt x="378" y="86"/>
                </a:lnTo>
                <a:lnTo>
                  <a:pt x="396" y="92"/>
                </a:lnTo>
                <a:lnTo>
                  <a:pt x="418" y="100"/>
                </a:lnTo>
                <a:lnTo>
                  <a:pt x="434" y="86"/>
                </a:lnTo>
                <a:lnTo>
                  <a:pt x="434" y="78"/>
                </a:lnTo>
                <a:lnTo>
                  <a:pt x="424" y="78"/>
                </a:lnTo>
                <a:lnTo>
                  <a:pt x="422" y="70"/>
                </a:lnTo>
                <a:lnTo>
                  <a:pt x="432" y="48"/>
                </a:lnTo>
                <a:lnTo>
                  <a:pt x="434" y="34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76" name="Freeform 99"/>
          <p:cNvSpPr>
            <a:spLocks/>
          </p:cNvSpPr>
          <p:nvPr/>
        </p:nvSpPr>
        <p:spPr bwMode="auto">
          <a:xfrm>
            <a:off x="6511925" y="417513"/>
            <a:ext cx="88900" cy="52387"/>
          </a:xfrm>
          <a:custGeom>
            <a:avLst/>
            <a:gdLst>
              <a:gd name="T0" fmla="*/ 2147483647 w 68"/>
              <a:gd name="T1" fmla="*/ 0 h 40"/>
              <a:gd name="T2" fmla="*/ 2147483647 w 68"/>
              <a:gd name="T3" fmla="*/ 2147483647 h 40"/>
              <a:gd name="T4" fmla="*/ 2147483647 w 68"/>
              <a:gd name="T5" fmla="*/ 2147483647 h 40"/>
              <a:gd name="T6" fmla="*/ 2147483647 w 68"/>
              <a:gd name="T7" fmla="*/ 2147483647 h 40"/>
              <a:gd name="T8" fmla="*/ 2147483647 w 68"/>
              <a:gd name="T9" fmla="*/ 2147483647 h 40"/>
              <a:gd name="T10" fmla="*/ 2147483647 w 68"/>
              <a:gd name="T11" fmla="*/ 2147483647 h 40"/>
              <a:gd name="T12" fmla="*/ 2147483647 w 68"/>
              <a:gd name="T13" fmla="*/ 2147483647 h 40"/>
              <a:gd name="T14" fmla="*/ 2147483647 w 68"/>
              <a:gd name="T15" fmla="*/ 2147483647 h 40"/>
              <a:gd name="T16" fmla="*/ 2147483647 w 68"/>
              <a:gd name="T17" fmla="*/ 2147483647 h 40"/>
              <a:gd name="T18" fmla="*/ 2147483647 w 68"/>
              <a:gd name="T19" fmla="*/ 2147483647 h 40"/>
              <a:gd name="T20" fmla="*/ 2147483647 w 68"/>
              <a:gd name="T21" fmla="*/ 2147483647 h 40"/>
              <a:gd name="T22" fmla="*/ 0 w 68"/>
              <a:gd name="T23" fmla="*/ 2147483647 h 40"/>
              <a:gd name="T24" fmla="*/ 2147483647 w 68"/>
              <a:gd name="T25" fmla="*/ 0 h 40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68" h="40">
                <a:moveTo>
                  <a:pt x="4" y="0"/>
                </a:moveTo>
                <a:lnTo>
                  <a:pt x="18" y="8"/>
                </a:lnTo>
                <a:lnTo>
                  <a:pt x="38" y="14"/>
                </a:lnTo>
                <a:lnTo>
                  <a:pt x="50" y="10"/>
                </a:lnTo>
                <a:lnTo>
                  <a:pt x="60" y="16"/>
                </a:lnTo>
                <a:lnTo>
                  <a:pt x="68" y="24"/>
                </a:lnTo>
                <a:lnTo>
                  <a:pt x="62" y="36"/>
                </a:lnTo>
                <a:lnTo>
                  <a:pt x="46" y="40"/>
                </a:lnTo>
                <a:lnTo>
                  <a:pt x="26" y="36"/>
                </a:lnTo>
                <a:lnTo>
                  <a:pt x="18" y="26"/>
                </a:lnTo>
                <a:lnTo>
                  <a:pt x="10" y="20"/>
                </a:lnTo>
                <a:lnTo>
                  <a:pt x="0" y="10"/>
                </a:lnTo>
                <a:lnTo>
                  <a:pt x="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3977" name="Group 100"/>
          <p:cNvGrpSpPr>
            <a:grpSpLocks/>
          </p:cNvGrpSpPr>
          <p:nvPr/>
        </p:nvGrpSpPr>
        <p:grpSpPr bwMode="auto">
          <a:xfrm>
            <a:off x="4778375" y="292100"/>
            <a:ext cx="1692275" cy="2378075"/>
            <a:chOff x="1890" y="495"/>
            <a:chExt cx="1307" cy="1838"/>
          </a:xfrm>
        </p:grpSpPr>
        <p:sp>
          <p:nvSpPr>
            <p:cNvPr id="124031" name="Freeform 101"/>
            <p:cNvSpPr>
              <a:spLocks/>
            </p:cNvSpPr>
            <p:nvPr/>
          </p:nvSpPr>
          <p:spPr bwMode="auto">
            <a:xfrm>
              <a:off x="1890" y="495"/>
              <a:ext cx="1307" cy="1838"/>
            </a:xfrm>
            <a:custGeom>
              <a:avLst/>
              <a:gdLst>
                <a:gd name="T0" fmla="*/ 1103 w 1307"/>
                <a:gd name="T1" fmla="*/ 88 h 1838"/>
                <a:gd name="T2" fmla="*/ 1105 w 1307"/>
                <a:gd name="T3" fmla="*/ 0 h 1838"/>
                <a:gd name="T4" fmla="*/ 1145 w 1307"/>
                <a:gd name="T5" fmla="*/ 66 h 1838"/>
                <a:gd name="T6" fmla="*/ 1219 w 1307"/>
                <a:gd name="T7" fmla="*/ 34 h 1838"/>
                <a:gd name="T8" fmla="*/ 1263 w 1307"/>
                <a:gd name="T9" fmla="*/ 86 h 1838"/>
                <a:gd name="T10" fmla="*/ 1283 w 1307"/>
                <a:gd name="T11" fmla="*/ 150 h 1838"/>
                <a:gd name="T12" fmla="*/ 1227 w 1307"/>
                <a:gd name="T13" fmla="*/ 236 h 1838"/>
                <a:gd name="T14" fmla="*/ 1137 w 1307"/>
                <a:gd name="T15" fmla="*/ 144 h 1838"/>
                <a:gd name="T16" fmla="*/ 1055 w 1307"/>
                <a:gd name="T17" fmla="*/ 368 h 1838"/>
                <a:gd name="T18" fmla="*/ 901 w 1307"/>
                <a:gd name="T19" fmla="*/ 334 h 1838"/>
                <a:gd name="T20" fmla="*/ 817 w 1307"/>
                <a:gd name="T21" fmla="*/ 348 h 1838"/>
                <a:gd name="T22" fmla="*/ 725 w 1307"/>
                <a:gd name="T23" fmla="*/ 426 h 1838"/>
                <a:gd name="T24" fmla="*/ 647 w 1307"/>
                <a:gd name="T25" fmla="*/ 600 h 1838"/>
                <a:gd name="T26" fmla="*/ 569 w 1307"/>
                <a:gd name="T27" fmla="*/ 782 h 1838"/>
                <a:gd name="T28" fmla="*/ 557 w 1307"/>
                <a:gd name="T29" fmla="*/ 986 h 1838"/>
                <a:gd name="T30" fmla="*/ 449 w 1307"/>
                <a:gd name="T31" fmla="*/ 1106 h 1838"/>
                <a:gd name="T32" fmla="*/ 473 w 1307"/>
                <a:gd name="T33" fmla="*/ 1372 h 1838"/>
                <a:gd name="T34" fmla="*/ 483 w 1307"/>
                <a:gd name="T35" fmla="*/ 1536 h 1838"/>
                <a:gd name="T36" fmla="*/ 439 w 1307"/>
                <a:gd name="T37" fmla="*/ 1702 h 1838"/>
                <a:gd name="T38" fmla="*/ 365 w 1307"/>
                <a:gd name="T39" fmla="*/ 1652 h 1838"/>
                <a:gd name="T40" fmla="*/ 353 w 1307"/>
                <a:gd name="T41" fmla="*/ 1656 h 1838"/>
                <a:gd name="T42" fmla="*/ 285 w 1307"/>
                <a:gd name="T43" fmla="*/ 1730 h 1838"/>
                <a:gd name="T44" fmla="*/ 192 w 1307"/>
                <a:gd name="T45" fmla="*/ 1824 h 1838"/>
                <a:gd name="T46" fmla="*/ 94 w 1307"/>
                <a:gd name="T47" fmla="*/ 1804 h 1838"/>
                <a:gd name="T48" fmla="*/ 62 w 1307"/>
                <a:gd name="T49" fmla="*/ 1706 h 1838"/>
                <a:gd name="T50" fmla="*/ 68 w 1307"/>
                <a:gd name="T51" fmla="*/ 1636 h 1838"/>
                <a:gd name="T52" fmla="*/ 4 w 1307"/>
                <a:gd name="T53" fmla="*/ 1650 h 1838"/>
                <a:gd name="T54" fmla="*/ 70 w 1307"/>
                <a:gd name="T55" fmla="*/ 1602 h 1838"/>
                <a:gd name="T56" fmla="*/ 84 w 1307"/>
                <a:gd name="T57" fmla="*/ 1530 h 1838"/>
                <a:gd name="T58" fmla="*/ 36 w 1307"/>
                <a:gd name="T59" fmla="*/ 1560 h 1838"/>
                <a:gd name="T60" fmla="*/ 24 w 1307"/>
                <a:gd name="T61" fmla="*/ 1504 h 1838"/>
                <a:gd name="T62" fmla="*/ 6 w 1307"/>
                <a:gd name="T63" fmla="*/ 1444 h 1838"/>
                <a:gd name="T64" fmla="*/ 28 w 1307"/>
                <a:gd name="T65" fmla="*/ 1430 h 1838"/>
                <a:gd name="T66" fmla="*/ 10 w 1307"/>
                <a:gd name="T67" fmla="*/ 1346 h 1838"/>
                <a:gd name="T68" fmla="*/ 56 w 1307"/>
                <a:gd name="T69" fmla="*/ 1288 h 1838"/>
                <a:gd name="T70" fmla="*/ 116 w 1307"/>
                <a:gd name="T71" fmla="*/ 1250 h 1838"/>
                <a:gd name="T72" fmla="*/ 132 w 1307"/>
                <a:gd name="T73" fmla="*/ 1202 h 1838"/>
                <a:gd name="T74" fmla="*/ 206 w 1307"/>
                <a:gd name="T75" fmla="*/ 1186 h 1838"/>
                <a:gd name="T76" fmla="*/ 234 w 1307"/>
                <a:gd name="T77" fmla="*/ 1140 h 1838"/>
                <a:gd name="T78" fmla="*/ 256 w 1307"/>
                <a:gd name="T79" fmla="*/ 1106 h 1838"/>
                <a:gd name="T80" fmla="*/ 319 w 1307"/>
                <a:gd name="T81" fmla="*/ 1052 h 1838"/>
                <a:gd name="T82" fmla="*/ 415 w 1307"/>
                <a:gd name="T83" fmla="*/ 940 h 1838"/>
                <a:gd name="T84" fmla="*/ 443 w 1307"/>
                <a:gd name="T85" fmla="*/ 850 h 1838"/>
                <a:gd name="T86" fmla="*/ 515 w 1307"/>
                <a:gd name="T87" fmla="*/ 754 h 1838"/>
                <a:gd name="T88" fmla="*/ 523 w 1307"/>
                <a:gd name="T89" fmla="*/ 684 h 1838"/>
                <a:gd name="T90" fmla="*/ 555 w 1307"/>
                <a:gd name="T91" fmla="*/ 620 h 1838"/>
                <a:gd name="T92" fmla="*/ 591 w 1307"/>
                <a:gd name="T93" fmla="*/ 558 h 1838"/>
                <a:gd name="T94" fmla="*/ 575 w 1307"/>
                <a:gd name="T95" fmla="*/ 520 h 1838"/>
                <a:gd name="T96" fmla="*/ 645 w 1307"/>
                <a:gd name="T97" fmla="*/ 496 h 1838"/>
                <a:gd name="T98" fmla="*/ 689 w 1307"/>
                <a:gd name="T99" fmla="*/ 450 h 1838"/>
                <a:gd name="T100" fmla="*/ 679 w 1307"/>
                <a:gd name="T101" fmla="*/ 382 h 1838"/>
                <a:gd name="T102" fmla="*/ 717 w 1307"/>
                <a:gd name="T103" fmla="*/ 280 h 1838"/>
                <a:gd name="T104" fmla="*/ 795 w 1307"/>
                <a:gd name="T105" fmla="*/ 226 h 1838"/>
                <a:gd name="T106" fmla="*/ 825 w 1307"/>
                <a:gd name="T107" fmla="*/ 212 h 1838"/>
                <a:gd name="T108" fmla="*/ 881 w 1307"/>
                <a:gd name="T109" fmla="*/ 192 h 1838"/>
                <a:gd name="T110" fmla="*/ 899 w 1307"/>
                <a:gd name="T111" fmla="*/ 152 h 1838"/>
                <a:gd name="T112" fmla="*/ 925 w 1307"/>
                <a:gd name="T113" fmla="*/ 118 h 1838"/>
                <a:gd name="T114" fmla="*/ 965 w 1307"/>
                <a:gd name="T115" fmla="*/ 76 h 1838"/>
                <a:gd name="T116" fmla="*/ 983 w 1307"/>
                <a:gd name="T117" fmla="*/ 36 h 1838"/>
                <a:gd name="T118" fmla="*/ 1023 w 1307"/>
                <a:gd name="T119" fmla="*/ 10 h 1838"/>
                <a:gd name="T120" fmla="*/ 1021 w 1307"/>
                <a:gd name="T121" fmla="*/ 94 h 1838"/>
                <a:gd name="T122" fmla="*/ 1035 w 1307"/>
                <a:gd name="T123" fmla="*/ 128 h 1838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0" t="0" r="r" b="b"/>
              <a:pathLst>
                <a:path w="1307" h="1838">
                  <a:moveTo>
                    <a:pt x="1055" y="48"/>
                  </a:moveTo>
                  <a:lnTo>
                    <a:pt x="1061" y="32"/>
                  </a:lnTo>
                  <a:lnTo>
                    <a:pt x="1071" y="32"/>
                  </a:lnTo>
                  <a:lnTo>
                    <a:pt x="1075" y="48"/>
                  </a:lnTo>
                  <a:lnTo>
                    <a:pt x="1077" y="64"/>
                  </a:lnTo>
                  <a:lnTo>
                    <a:pt x="1069" y="72"/>
                  </a:lnTo>
                  <a:lnTo>
                    <a:pt x="1079" y="76"/>
                  </a:lnTo>
                  <a:lnTo>
                    <a:pt x="1081" y="86"/>
                  </a:lnTo>
                  <a:lnTo>
                    <a:pt x="1083" y="104"/>
                  </a:lnTo>
                  <a:lnTo>
                    <a:pt x="1095" y="94"/>
                  </a:lnTo>
                  <a:lnTo>
                    <a:pt x="1103" y="88"/>
                  </a:lnTo>
                  <a:lnTo>
                    <a:pt x="1099" y="72"/>
                  </a:lnTo>
                  <a:lnTo>
                    <a:pt x="1097" y="56"/>
                  </a:lnTo>
                  <a:lnTo>
                    <a:pt x="1099" y="50"/>
                  </a:lnTo>
                  <a:lnTo>
                    <a:pt x="1101" y="44"/>
                  </a:lnTo>
                  <a:lnTo>
                    <a:pt x="1103" y="42"/>
                  </a:lnTo>
                  <a:lnTo>
                    <a:pt x="1107" y="38"/>
                  </a:lnTo>
                  <a:lnTo>
                    <a:pt x="1109" y="34"/>
                  </a:lnTo>
                  <a:lnTo>
                    <a:pt x="1095" y="34"/>
                  </a:lnTo>
                  <a:lnTo>
                    <a:pt x="1091" y="22"/>
                  </a:lnTo>
                  <a:lnTo>
                    <a:pt x="1099" y="12"/>
                  </a:lnTo>
                  <a:lnTo>
                    <a:pt x="1105" y="0"/>
                  </a:lnTo>
                  <a:lnTo>
                    <a:pt x="1121" y="4"/>
                  </a:lnTo>
                  <a:lnTo>
                    <a:pt x="1135" y="6"/>
                  </a:lnTo>
                  <a:lnTo>
                    <a:pt x="1151" y="10"/>
                  </a:lnTo>
                  <a:lnTo>
                    <a:pt x="1149" y="24"/>
                  </a:lnTo>
                  <a:lnTo>
                    <a:pt x="1143" y="34"/>
                  </a:lnTo>
                  <a:lnTo>
                    <a:pt x="1129" y="40"/>
                  </a:lnTo>
                  <a:lnTo>
                    <a:pt x="1135" y="46"/>
                  </a:lnTo>
                  <a:lnTo>
                    <a:pt x="1135" y="56"/>
                  </a:lnTo>
                  <a:lnTo>
                    <a:pt x="1147" y="48"/>
                  </a:lnTo>
                  <a:lnTo>
                    <a:pt x="1151" y="56"/>
                  </a:lnTo>
                  <a:lnTo>
                    <a:pt x="1145" y="66"/>
                  </a:lnTo>
                  <a:lnTo>
                    <a:pt x="1141" y="78"/>
                  </a:lnTo>
                  <a:lnTo>
                    <a:pt x="1155" y="78"/>
                  </a:lnTo>
                  <a:lnTo>
                    <a:pt x="1165" y="70"/>
                  </a:lnTo>
                  <a:lnTo>
                    <a:pt x="1159" y="54"/>
                  </a:lnTo>
                  <a:lnTo>
                    <a:pt x="1159" y="36"/>
                  </a:lnTo>
                  <a:lnTo>
                    <a:pt x="1167" y="16"/>
                  </a:lnTo>
                  <a:lnTo>
                    <a:pt x="1179" y="14"/>
                  </a:lnTo>
                  <a:lnTo>
                    <a:pt x="1193" y="24"/>
                  </a:lnTo>
                  <a:lnTo>
                    <a:pt x="1199" y="38"/>
                  </a:lnTo>
                  <a:lnTo>
                    <a:pt x="1209" y="30"/>
                  </a:lnTo>
                  <a:lnTo>
                    <a:pt x="1219" y="34"/>
                  </a:lnTo>
                  <a:lnTo>
                    <a:pt x="1229" y="26"/>
                  </a:lnTo>
                  <a:lnTo>
                    <a:pt x="1237" y="36"/>
                  </a:lnTo>
                  <a:lnTo>
                    <a:pt x="1245" y="40"/>
                  </a:lnTo>
                  <a:lnTo>
                    <a:pt x="1243" y="48"/>
                  </a:lnTo>
                  <a:lnTo>
                    <a:pt x="1257" y="46"/>
                  </a:lnTo>
                  <a:lnTo>
                    <a:pt x="1267" y="54"/>
                  </a:lnTo>
                  <a:lnTo>
                    <a:pt x="1283" y="54"/>
                  </a:lnTo>
                  <a:lnTo>
                    <a:pt x="1285" y="66"/>
                  </a:lnTo>
                  <a:lnTo>
                    <a:pt x="1275" y="74"/>
                  </a:lnTo>
                  <a:lnTo>
                    <a:pt x="1271" y="80"/>
                  </a:lnTo>
                  <a:lnTo>
                    <a:pt x="1263" y="86"/>
                  </a:lnTo>
                  <a:lnTo>
                    <a:pt x="1263" y="98"/>
                  </a:lnTo>
                  <a:lnTo>
                    <a:pt x="1249" y="114"/>
                  </a:lnTo>
                  <a:lnTo>
                    <a:pt x="1187" y="116"/>
                  </a:lnTo>
                  <a:lnTo>
                    <a:pt x="1187" y="126"/>
                  </a:lnTo>
                  <a:lnTo>
                    <a:pt x="1229" y="128"/>
                  </a:lnTo>
                  <a:lnTo>
                    <a:pt x="1237" y="136"/>
                  </a:lnTo>
                  <a:lnTo>
                    <a:pt x="1251" y="134"/>
                  </a:lnTo>
                  <a:lnTo>
                    <a:pt x="1261" y="142"/>
                  </a:lnTo>
                  <a:lnTo>
                    <a:pt x="1269" y="136"/>
                  </a:lnTo>
                  <a:lnTo>
                    <a:pt x="1277" y="142"/>
                  </a:lnTo>
                  <a:lnTo>
                    <a:pt x="1283" y="150"/>
                  </a:lnTo>
                  <a:lnTo>
                    <a:pt x="1287" y="138"/>
                  </a:lnTo>
                  <a:lnTo>
                    <a:pt x="1299" y="140"/>
                  </a:lnTo>
                  <a:lnTo>
                    <a:pt x="1307" y="164"/>
                  </a:lnTo>
                  <a:lnTo>
                    <a:pt x="1301" y="172"/>
                  </a:lnTo>
                  <a:lnTo>
                    <a:pt x="1275" y="168"/>
                  </a:lnTo>
                  <a:lnTo>
                    <a:pt x="1275" y="200"/>
                  </a:lnTo>
                  <a:lnTo>
                    <a:pt x="1249" y="218"/>
                  </a:lnTo>
                  <a:lnTo>
                    <a:pt x="1249" y="252"/>
                  </a:lnTo>
                  <a:lnTo>
                    <a:pt x="1239" y="262"/>
                  </a:lnTo>
                  <a:lnTo>
                    <a:pt x="1225" y="250"/>
                  </a:lnTo>
                  <a:lnTo>
                    <a:pt x="1227" y="236"/>
                  </a:lnTo>
                  <a:lnTo>
                    <a:pt x="1237" y="212"/>
                  </a:lnTo>
                  <a:lnTo>
                    <a:pt x="1237" y="194"/>
                  </a:lnTo>
                  <a:lnTo>
                    <a:pt x="1221" y="174"/>
                  </a:lnTo>
                  <a:lnTo>
                    <a:pt x="1211" y="170"/>
                  </a:lnTo>
                  <a:lnTo>
                    <a:pt x="1187" y="170"/>
                  </a:lnTo>
                  <a:lnTo>
                    <a:pt x="1183" y="162"/>
                  </a:lnTo>
                  <a:lnTo>
                    <a:pt x="1175" y="158"/>
                  </a:lnTo>
                  <a:lnTo>
                    <a:pt x="1167" y="150"/>
                  </a:lnTo>
                  <a:lnTo>
                    <a:pt x="1151" y="134"/>
                  </a:lnTo>
                  <a:lnTo>
                    <a:pt x="1145" y="138"/>
                  </a:lnTo>
                  <a:lnTo>
                    <a:pt x="1137" y="144"/>
                  </a:lnTo>
                  <a:lnTo>
                    <a:pt x="1127" y="164"/>
                  </a:lnTo>
                  <a:lnTo>
                    <a:pt x="1107" y="166"/>
                  </a:lnTo>
                  <a:lnTo>
                    <a:pt x="1087" y="176"/>
                  </a:lnTo>
                  <a:lnTo>
                    <a:pt x="1087" y="192"/>
                  </a:lnTo>
                  <a:lnTo>
                    <a:pt x="1077" y="214"/>
                  </a:lnTo>
                  <a:lnTo>
                    <a:pt x="1079" y="280"/>
                  </a:lnTo>
                  <a:lnTo>
                    <a:pt x="1089" y="296"/>
                  </a:lnTo>
                  <a:lnTo>
                    <a:pt x="1081" y="318"/>
                  </a:lnTo>
                  <a:lnTo>
                    <a:pt x="1065" y="334"/>
                  </a:lnTo>
                  <a:lnTo>
                    <a:pt x="1063" y="354"/>
                  </a:lnTo>
                  <a:lnTo>
                    <a:pt x="1055" y="368"/>
                  </a:lnTo>
                  <a:lnTo>
                    <a:pt x="1033" y="356"/>
                  </a:lnTo>
                  <a:lnTo>
                    <a:pt x="1015" y="350"/>
                  </a:lnTo>
                  <a:lnTo>
                    <a:pt x="1003" y="344"/>
                  </a:lnTo>
                  <a:lnTo>
                    <a:pt x="995" y="350"/>
                  </a:lnTo>
                  <a:lnTo>
                    <a:pt x="991" y="364"/>
                  </a:lnTo>
                  <a:lnTo>
                    <a:pt x="973" y="376"/>
                  </a:lnTo>
                  <a:lnTo>
                    <a:pt x="955" y="374"/>
                  </a:lnTo>
                  <a:lnTo>
                    <a:pt x="929" y="370"/>
                  </a:lnTo>
                  <a:lnTo>
                    <a:pt x="925" y="360"/>
                  </a:lnTo>
                  <a:lnTo>
                    <a:pt x="913" y="344"/>
                  </a:lnTo>
                  <a:lnTo>
                    <a:pt x="901" y="334"/>
                  </a:lnTo>
                  <a:lnTo>
                    <a:pt x="893" y="318"/>
                  </a:lnTo>
                  <a:lnTo>
                    <a:pt x="879" y="306"/>
                  </a:lnTo>
                  <a:lnTo>
                    <a:pt x="867" y="302"/>
                  </a:lnTo>
                  <a:lnTo>
                    <a:pt x="857" y="308"/>
                  </a:lnTo>
                  <a:lnTo>
                    <a:pt x="855" y="320"/>
                  </a:lnTo>
                  <a:lnTo>
                    <a:pt x="863" y="332"/>
                  </a:lnTo>
                  <a:lnTo>
                    <a:pt x="855" y="338"/>
                  </a:lnTo>
                  <a:lnTo>
                    <a:pt x="845" y="332"/>
                  </a:lnTo>
                  <a:lnTo>
                    <a:pt x="841" y="340"/>
                  </a:lnTo>
                  <a:lnTo>
                    <a:pt x="837" y="342"/>
                  </a:lnTo>
                  <a:lnTo>
                    <a:pt x="817" y="348"/>
                  </a:lnTo>
                  <a:lnTo>
                    <a:pt x="829" y="374"/>
                  </a:lnTo>
                  <a:lnTo>
                    <a:pt x="827" y="388"/>
                  </a:lnTo>
                  <a:lnTo>
                    <a:pt x="817" y="410"/>
                  </a:lnTo>
                  <a:lnTo>
                    <a:pt x="819" y="418"/>
                  </a:lnTo>
                  <a:lnTo>
                    <a:pt x="829" y="418"/>
                  </a:lnTo>
                  <a:lnTo>
                    <a:pt x="829" y="426"/>
                  </a:lnTo>
                  <a:lnTo>
                    <a:pt x="813" y="440"/>
                  </a:lnTo>
                  <a:lnTo>
                    <a:pt x="773" y="426"/>
                  </a:lnTo>
                  <a:lnTo>
                    <a:pt x="755" y="426"/>
                  </a:lnTo>
                  <a:lnTo>
                    <a:pt x="739" y="420"/>
                  </a:lnTo>
                  <a:lnTo>
                    <a:pt x="725" y="426"/>
                  </a:lnTo>
                  <a:lnTo>
                    <a:pt x="725" y="444"/>
                  </a:lnTo>
                  <a:lnTo>
                    <a:pt x="731" y="458"/>
                  </a:lnTo>
                  <a:lnTo>
                    <a:pt x="731" y="482"/>
                  </a:lnTo>
                  <a:lnTo>
                    <a:pt x="723" y="498"/>
                  </a:lnTo>
                  <a:lnTo>
                    <a:pt x="711" y="500"/>
                  </a:lnTo>
                  <a:lnTo>
                    <a:pt x="703" y="490"/>
                  </a:lnTo>
                  <a:lnTo>
                    <a:pt x="687" y="492"/>
                  </a:lnTo>
                  <a:lnTo>
                    <a:pt x="665" y="516"/>
                  </a:lnTo>
                  <a:lnTo>
                    <a:pt x="657" y="560"/>
                  </a:lnTo>
                  <a:lnTo>
                    <a:pt x="637" y="582"/>
                  </a:lnTo>
                  <a:lnTo>
                    <a:pt x="647" y="600"/>
                  </a:lnTo>
                  <a:lnTo>
                    <a:pt x="657" y="614"/>
                  </a:lnTo>
                  <a:lnTo>
                    <a:pt x="655" y="640"/>
                  </a:lnTo>
                  <a:lnTo>
                    <a:pt x="637" y="656"/>
                  </a:lnTo>
                  <a:lnTo>
                    <a:pt x="635" y="670"/>
                  </a:lnTo>
                  <a:lnTo>
                    <a:pt x="621" y="696"/>
                  </a:lnTo>
                  <a:lnTo>
                    <a:pt x="609" y="712"/>
                  </a:lnTo>
                  <a:lnTo>
                    <a:pt x="615" y="722"/>
                  </a:lnTo>
                  <a:lnTo>
                    <a:pt x="615" y="742"/>
                  </a:lnTo>
                  <a:lnTo>
                    <a:pt x="593" y="760"/>
                  </a:lnTo>
                  <a:lnTo>
                    <a:pt x="571" y="764"/>
                  </a:lnTo>
                  <a:lnTo>
                    <a:pt x="569" y="782"/>
                  </a:lnTo>
                  <a:lnTo>
                    <a:pt x="575" y="796"/>
                  </a:lnTo>
                  <a:lnTo>
                    <a:pt x="569" y="866"/>
                  </a:lnTo>
                  <a:lnTo>
                    <a:pt x="569" y="870"/>
                  </a:lnTo>
                  <a:lnTo>
                    <a:pt x="563" y="898"/>
                  </a:lnTo>
                  <a:lnTo>
                    <a:pt x="555" y="916"/>
                  </a:lnTo>
                  <a:lnTo>
                    <a:pt x="545" y="938"/>
                  </a:lnTo>
                  <a:lnTo>
                    <a:pt x="537" y="948"/>
                  </a:lnTo>
                  <a:lnTo>
                    <a:pt x="531" y="966"/>
                  </a:lnTo>
                  <a:lnTo>
                    <a:pt x="531" y="976"/>
                  </a:lnTo>
                  <a:lnTo>
                    <a:pt x="545" y="982"/>
                  </a:lnTo>
                  <a:lnTo>
                    <a:pt x="557" y="986"/>
                  </a:lnTo>
                  <a:lnTo>
                    <a:pt x="557" y="1008"/>
                  </a:lnTo>
                  <a:lnTo>
                    <a:pt x="561" y="1026"/>
                  </a:lnTo>
                  <a:lnTo>
                    <a:pt x="551" y="1046"/>
                  </a:lnTo>
                  <a:lnTo>
                    <a:pt x="535" y="1044"/>
                  </a:lnTo>
                  <a:lnTo>
                    <a:pt x="525" y="1040"/>
                  </a:lnTo>
                  <a:lnTo>
                    <a:pt x="501" y="1042"/>
                  </a:lnTo>
                  <a:lnTo>
                    <a:pt x="485" y="1048"/>
                  </a:lnTo>
                  <a:lnTo>
                    <a:pt x="473" y="1062"/>
                  </a:lnTo>
                  <a:lnTo>
                    <a:pt x="467" y="1072"/>
                  </a:lnTo>
                  <a:lnTo>
                    <a:pt x="465" y="1078"/>
                  </a:lnTo>
                  <a:lnTo>
                    <a:pt x="449" y="1106"/>
                  </a:lnTo>
                  <a:lnTo>
                    <a:pt x="451" y="1122"/>
                  </a:lnTo>
                  <a:lnTo>
                    <a:pt x="441" y="1150"/>
                  </a:lnTo>
                  <a:lnTo>
                    <a:pt x="453" y="1178"/>
                  </a:lnTo>
                  <a:lnTo>
                    <a:pt x="453" y="1192"/>
                  </a:lnTo>
                  <a:lnTo>
                    <a:pt x="445" y="1202"/>
                  </a:lnTo>
                  <a:lnTo>
                    <a:pt x="451" y="1212"/>
                  </a:lnTo>
                  <a:lnTo>
                    <a:pt x="449" y="1250"/>
                  </a:lnTo>
                  <a:lnTo>
                    <a:pt x="465" y="1282"/>
                  </a:lnTo>
                  <a:lnTo>
                    <a:pt x="457" y="1322"/>
                  </a:lnTo>
                  <a:lnTo>
                    <a:pt x="457" y="1356"/>
                  </a:lnTo>
                  <a:lnTo>
                    <a:pt x="473" y="1372"/>
                  </a:lnTo>
                  <a:lnTo>
                    <a:pt x="481" y="1376"/>
                  </a:lnTo>
                  <a:lnTo>
                    <a:pt x="499" y="1394"/>
                  </a:lnTo>
                  <a:lnTo>
                    <a:pt x="503" y="1406"/>
                  </a:lnTo>
                  <a:lnTo>
                    <a:pt x="499" y="1426"/>
                  </a:lnTo>
                  <a:lnTo>
                    <a:pt x="491" y="1440"/>
                  </a:lnTo>
                  <a:lnTo>
                    <a:pt x="471" y="1444"/>
                  </a:lnTo>
                  <a:lnTo>
                    <a:pt x="467" y="1458"/>
                  </a:lnTo>
                  <a:lnTo>
                    <a:pt x="471" y="1468"/>
                  </a:lnTo>
                  <a:lnTo>
                    <a:pt x="481" y="1498"/>
                  </a:lnTo>
                  <a:lnTo>
                    <a:pt x="489" y="1514"/>
                  </a:lnTo>
                  <a:lnTo>
                    <a:pt x="483" y="1536"/>
                  </a:lnTo>
                  <a:lnTo>
                    <a:pt x="481" y="1572"/>
                  </a:lnTo>
                  <a:lnTo>
                    <a:pt x="463" y="1592"/>
                  </a:lnTo>
                  <a:lnTo>
                    <a:pt x="447" y="1592"/>
                  </a:lnTo>
                  <a:lnTo>
                    <a:pt x="441" y="1598"/>
                  </a:lnTo>
                  <a:lnTo>
                    <a:pt x="445" y="1604"/>
                  </a:lnTo>
                  <a:lnTo>
                    <a:pt x="443" y="1624"/>
                  </a:lnTo>
                  <a:lnTo>
                    <a:pt x="433" y="1628"/>
                  </a:lnTo>
                  <a:lnTo>
                    <a:pt x="435" y="1648"/>
                  </a:lnTo>
                  <a:lnTo>
                    <a:pt x="441" y="1660"/>
                  </a:lnTo>
                  <a:lnTo>
                    <a:pt x="441" y="1686"/>
                  </a:lnTo>
                  <a:lnTo>
                    <a:pt x="439" y="1702"/>
                  </a:lnTo>
                  <a:lnTo>
                    <a:pt x="433" y="1720"/>
                  </a:lnTo>
                  <a:lnTo>
                    <a:pt x="425" y="1726"/>
                  </a:lnTo>
                  <a:lnTo>
                    <a:pt x="417" y="1716"/>
                  </a:lnTo>
                  <a:lnTo>
                    <a:pt x="415" y="1702"/>
                  </a:lnTo>
                  <a:lnTo>
                    <a:pt x="409" y="1694"/>
                  </a:lnTo>
                  <a:lnTo>
                    <a:pt x="393" y="1710"/>
                  </a:lnTo>
                  <a:lnTo>
                    <a:pt x="395" y="1694"/>
                  </a:lnTo>
                  <a:lnTo>
                    <a:pt x="381" y="1692"/>
                  </a:lnTo>
                  <a:lnTo>
                    <a:pt x="373" y="1682"/>
                  </a:lnTo>
                  <a:lnTo>
                    <a:pt x="365" y="1668"/>
                  </a:lnTo>
                  <a:lnTo>
                    <a:pt x="365" y="1652"/>
                  </a:lnTo>
                  <a:lnTo>
                    <a:pt x="363" y="1644"/>
                  </a:lnTo>
                  <a:lnTo>
                    <a:pt x="365" y="1632"/>
                  </a:lnTo>
                  <a:lnTo>
                    <a:pt x="371" y="1618"/>
                  </a:lnTo>
                  <a:lnTo>
                    <a:pt x="373" y="1606"/>
                  </a:lnTo>
                  <a:lnTo>
                    <a:pt x="367" y="1598"/>
                  </a:lnTo>
                  <a:lnTo>
                    <a:pt x="363" y="1606"/>
                  </a:lnTo>
                  <a:lnTo>
                    <a:pt x="359" y="1624"/>
                  </a:lnTo>
                  <a:lnTo>
                    <a:pt x="351" y="1634"/>
                  </a:lnTo>
                  <a:lnTo>
                    <a:pt x="343" y="1644"/>
                  </a:lnTo>
                  <a:lnTo>
                    <a:pt x="345" y="1652"/>
                  </a:lnTo>
                  <a:lnTo>
                    <a:pt x="353" y="1656"/>
                  </a:lnTo>
                  <a:lnTo>
                    <a:pt x="353" y="1672"/>
                  </a:lnTo>
                  <a:lnTo>
                    <a:pt x="347" y="1680"/>
                  </a:lnTo>
                  <a:lnTo>
                    <a:pt x="345" y="1690"/>
                  </a:lnTo>
                  <a:lnTo>
                    <a:pt x="337" y="1706"/>
                  </a:lnTo>
                  <a:lnTo>
                    <a:pt x="331" y="1710"/>
                  </a:lnTo>
                  <a:lnTo>
                    <a:pt x="325" y="1712"/>
                  </a:lnTo>
                  <a:lnTo>
                    <a:pt x="319" y="1716"/>
                  </a:lnTo>
                  <a:lnTo>
                    <a:pt x="313" y="1714"/>
                  </a:lnTo>
                  <a:lnTo>
                    <a:pt x="303" y="1708"/>
                  </a:lnTo>
                  <a:lnTo>
                    <a:pt x="297" y="1718"/>
                  </a:lnTo>
                  <a:lnTo>
                    <a:pt x="285" y="1730"/>
                  </a:lnTo>
                  <a:lnTo>
                    <a:pt x="279" y="1732"/>
                  </a:lnTo>
                  <a:lnTo>
                    <a:pt x="279" y="1740"/>
                  </a:lnTo>
                  <a:lnTo>
                    <a:pt x="268" y="1748"/>
                  </a:lnTo>
                  <a:lnTo>
                    <a:pt x="266" y="1754"/>
                  </a:lnTo>
                  <a:lnTo>
                    <a:pt x="258" y="1766"/>
                  </a:lnTo>
                  <a:lnTo>
                    <a:pt x="250" y="1766"/>
                  </a:lnTo>
                  <a:lnTo>
                    <a:pt x="244" y="1780"/>
                  </a:lnTo>
                  <a:lnTo>
                    <a:pt x="236" y="1786"/>
                  </a:lnTo>
                  <a:lnTo>
                    <a:pt x="230" y="1798"/>
                  </a:lnTo>
                  <a:lnTo>
                    <a:pt x="212" y="1810"/>
                  </a:lnTo>
                  <a:lnTo>
                    <a:pt x="192" y="1824"/>
                  </a:lnTo>
                  <a:lnTo>
                    <a:pt x="188" y="1816"/>
                  </a:lnTo>
                  <a:lnTo>
                    <a:pt x="180" y="1832"/>
                  </a:lnTo>
                  <a:lnTo>
                    <a:pt x="164" y="1834"/>
                  </a:lnTo>
                  <a:lnTo>
                    <a:pt x="148" y="1838"/>
                  </a:lnTo>
                  <a:lnTo>
                    <a:pt x="126" y="1836"/>
                  </a:lnTo>
                  <a:lnTo>
                    <a:pt x="122" y="1830"/>
                  </a:lnTo>
                  <a:lnTo>
                    <a:pt x="100" y="1830"/>
                  </a:lnTo>
                  <a:lnTo>
                    <a:pt x="88" y="1824"/>
                  </a:lnTo>
                  <a:lnTo>
                    <a:pt x="92" y="1814"/>
                  </a:lnTo>
                  <a:lnTo>
                    <a:pt x="98" y="1806"/>
                  </a:lnTo>
                  <a:lnTo>
                    <a:pt x="94" y="1804"/>
                  </a:lnTo>
                  <a:lnTo>
                    <a:pt x="84" y="1806"/>
                  </a:lnTo>
                  <a:lnTo>
                    <a:pt x="68" y="1796"/>
                  </a:lnTo>
                  <a:lnTo>
                    <a:pt x="48" y="1784"/>
                  </a:lnTo>
                  <a:lnTo>
                    <a:pt x="32" y="1768"/>
                  </a:lnTo>
                  <a:lnTo>
                    <a:pt x="18" y="1748"/>
                  </a:lnTo>
                  <a:lnTo>
                    <a:pt x="20" y="1724"/>
                  </a:lnTo>
                  <a:lnTo>
                    <a:pt x="26" y="1714"/>
                  </a:lnTo>
                  <a:lnTo>
                    <a:pt x="40" y="1714"/>
                  </a:lnTo>
                  <a:lnTo>
                    <a:pt x="54" y="1720"/>
                  </a:lnTo>
                  <a:lnTo>
                    <a:pt x="72" y="1706"/>
                  </a:lnTo>
                  <a:lnTo>
                    <a:pt x="62" y="1706"/>
                  </a:lnTo>
                  <a:lnTo>
                    <a:pt x="48" y="1700"/>
                  </a:lnTo>
                  <a:lnTo>
                    <a:pt x="50" y="1688"/>
                  </a:lnTo>
                  <a:lnTo>
                    <a:pt x="58" y="1680"/>
                  </a:lnTo>
                  <a:lnTo>
                    <a:pt x="72" y="1672"/>
                  </a:lnTo>
                  <a:lnTo>
                    <a:pt x="80" y="1668"/>
                  </a:lnTo>
                  <a:lnTo>
                    <a:pt x="72" y="1668"/>
                  </a:lnTo>
                  <a:lnTo>
                    <a:pt x="58" y="1666"/>
                  </a:lnTo>
                  <a:lnTo>
                    <a:pt x="54" y="1658"/>
                  </a:lnTo>
                  <a:lnTo>
                    <a:pt x="64" y="1648"/>
                  </a:lnTo>
                  <a:lnTo>
                    <a:pt x="68" y="1644"/>
                  </a:lnTo>
                  <a:lnTo>
                    <a:pt x="68" y="1636"/>
                  </a:lnTo>
                  <a:lnTo>
                    <a:pt x="56" y="1644"/>
                  </a:lnTo>
                  <a:lnTo>
                    <a:pt x="50" y="1652"/>
                  </a:lnTo>
                  <a:lnTo>
                    <a:pt x="48" y="1660"/>
                  </a:lnTo>
                  <a:lnTo>
                    <a:pt x="40" y="1666"/>
                  </a:lnTo>
                  <a:lnTo>
                    <a:pt x="32" y="1658"/>
                  </a:lnTo>
                  <a:lnTo>
                    <a:pt x="28" y="1662"/>
                  </a:lnTo>
                  <a:lnTo>
                    <a:pt x="22" y="1668"/>
                  </a:lnTo>
                  <a:lnTo>
                    <a:pt x="16" y="1676"/>
                  </a:lnTo>
                  <a:lnTo>
                    <a:pt x="6" y="1666"/>
                  </a:lnTo>
                  <a:lnTo>
                    <a:pt x="14" y="1658"/>
                  </a:lnTo>
                  <a:lnTo>
                    <a:pt x="4" y="1650"/>
                  </a:lnTo>
                  <a:lnTo>
                    <a:pt x="4" y="1640"/>
                  </a:lnTo>
                  <a:lnTo>
                    <a:pt x="16" y="1636"/>
                  </a:lnTo>
                  <a:lnTo>
                    <a:pt x="14" y="1618"/>
                  </a:lnTo>
                  <a:lnTo>
                    <a:pt x="16" y="1616"/>
                  </a:lnTo>
                  <a:lnTo>
                    <a:pt x="22" y="1612"/>
                  </a:lnTo>
                  <a:lnTo>
                    <a:pt x="30" y="1618"/>
                  </a:lnTo>
                  <a:lnTo>
                    <a:pt x="36" y="1622"/>
                  </a:lnTo>
                  <a:lnTo>
                    <a:pt x="46" y="1618"/>
                  </a:lnTo>
                  <a:lnTo>
                    <a:pt x="54" y="1614"/>
                  </a:lnTo>
                  <a:lnTo>
                    <a:pt x="64" y="1608"/>
                  </a:lnTo>
                  <a:lnTo>
                    <a:pt x="70" y="1602"/>
                  </a:lnTo>
                  <a:lnTo>
                    <a:pt x="54" y="1608"/>
                  </a:lnTo>
                  <a:lnTo>
                    <a:pt x="46" y="1602"/>
                  </a:lnTo>
                  <a:lnTo>
                    <a:pt x="40" y="1602"/>
                  </a:lnTo>
                  <a:lnTo>
                    <a:pt x="36" y="1592"/>
                  </a:lnTo>
                  <a:lnTo>
                    <a:pt x="42" y="1588"/>
                  </a:lnTo>
                  <a:lnTo>
                    <a:pt x="58" y="1578"/>
                  </a:lnTo>
                  <a:lnTo>
                    <a:pt x="68" y="1564"/>
                  </a:lnTo>
                  <a:lnTo>
                    <a:pt x="76" y="1560"/>
                  </a:lnTo>
                  <a:lnTo>
                    <a:pt x="70" y="1552"/>
                  </a:lnTo>
                  <a:lnTo>
                    <a:pt x="78" y="1542"/>
                  </a:lnTo>
                  <a:lnTo>
                    <a:pt x="84" y="1530"/>
                  </a:lnTo>
                  <a:lnTo>
                    <a:pt x="78" y="1528"/>
                  </a:lnTo>
                  <a:lnTo>
                    <a:pt x="68" y="1540"/>
                  </a:lnTo>
                  <a:lnTo>
                    <a:pt x="58" y="1548"/>
                  </a:lnTo>
                  <a:lnTo>
                    <a:pt x="56" y="1558"/>
                  </a:lnTo>
                  <a:lnTo>
                    <a:pt x="48" y="1566"/>
                  </a:lnTo>
                  <a:lnTo>
                    <a:pt x="42" y="1570"/>
                  </a:lnTo>
                  <a:lnTo>
                    <a:pt x="34" y="1578"/>
                  </a:lnTo>
                  <a:lnTo>
                    <a:pt x="32" y="1594"/>
                  </a:lnTo>
                  <a:lnTo>
                    <a:pt x="24" y="1582"/>
                  </a:lnTo>
                  <a:lnTo>
                    <a:pt x="26" y="1570"/>
                  </a:lnTo>
                  <a:lnTo>
                    <a:pt x="36" y="1560"/>
                  </a:lnTo>
                  <a:lnTo>
                    <a:pt x="36" y="1550"/>
                  </a:lnTo>
                  <a:lnTo>
                    <a:pt x="20" y="1550"/>
                  </a:lnTo>
                  <a:lnTo>
                    <a:pt x="16" y="1538"/>
                  </a:lnTo>
                  <a:lnTo>
                    <a:pt x="8" y="1530"/>
                  </a:lnTo>
                  <a:lnTo>
                    <a:pt x="12" y="1518"/>
                  </a:lnTo>
                  <a:lnTo>
                    <a:pt x="18" y="1508"/>
                  </a:lnTo>
                  <a:lnTo>
                    <a:pt x="22" y="1510"/>
                  </a:lnTo>
                  <a:lnTo>
                    <a:pt x="28" y="1514"/>
                  </a:lnTo>
                  <a:lnTo>
                    <a:pt x="34" y="1512"/>
                  </a:lnTo>
                  <a:lnTo>
                    <a:pt x="38" y="1510"/>
                  </a:lnTo>
                  <a:lnTo>
                    <a:pt x="24" y="1504"/>
                  </a:lnTo>
                  <a:lnTo>
                    <a:pt x="24" y="1496"/>
                  </a:lnTo>
                  <a:lnTo>
                    <a:pt x="34" y="1492"/>
                  </a:lnTo>
                  <a:lnTo>
                    <a:pt x="16" y="1498"/>
                  </a:lnTo>
                  <a:lnTo>
                    <a:pt x="8" y="1490"/>
                  </a:lnTo>
                  <a:lnTo>
                    <a:pt x="8" y="1476"/>
                  </a:lnTo>
                  <a:lnTo>
                    <a:pt x="14" y="1472"/>
                  </a:lnTo>
                  <a:lnTo>
                    <a:pt x="10" y="1468"/>
                  </a:lnTo>
                  <a:lnTo>
                    <a:pt x="22" y="1464"/>
                  </a:lnTo>
                  <a:lnTo>
                    <a:pt x="6" y="1462"/>
                  </a:lnTo>
                  <a:lnTo>
                    <a:pt x="0" y="1454"/>
                  </a:lnTo>
                  <a:lnTo>
                    <a:pt x="6" y="1444"/>
                  </a:lnTo>
                  <a:lnTo>
                    <a:pt x="2" y="1434"/>
                  </a:lnTo>
                  <a:lnTo>
                    <a:pt x="10" y="1430"/>
                  </a:lnTo>
                  <a:lnTo>
                    <a:pt x="22" y="1440"/>
                  </a:lnTo>
                  <a:lnTo>
                    <a:pt x="32" y="1438"/>
                  </a:lnTo>
                  <a:lnTo>
                    <a:pt x="42" y="1432"/>
                  </a:lnTo>
                  <a:lnTo>
                    <a:pt x="58" y="1432"/>
                  </a:lnTo>
                  <a:lnTo>
                    <a:pt x="72" y="1432"/>
                  </a:lnTo>
                  <a:lnTo>
                    <a:pt x="62" y="1424"/>
                  </a:lnTo>
                  <a:lnTo>
                    <a:pt x="48" y="1424"/>
                  </a:lnTo>
                  <a:lnTo>
                    <a:pt x="40" y="1428"/>
                  </a:lnTo>
                  <a:lnTo>
                    <a:pt x="28" y="1430"/>
                  </a:lnTo>
                  <a:lnTo>
                    <a:pt x="16" y="1420"/>
                  </a:lnTo>
                  <a:lnTo>
                    <a:pt x="10" y="1410"/>
                  </a:lnTo>
                  <a:lnTo>
                    <a:pt x="8" y="1402"/>
                  </a:lnTo>
                  <a:lnTo>
                    <a:pt x="22" y="1396"/>
                  </a:lnTo>
                  <a:lnTo>
                    <a:pt x="12" y="1394"/>
                  </a:lnTo>
                  <a:lnTo>
                    <a:pt x="6" y="1390"/>
                  </a:lnTo>
                  <a:lnTo>
                    <a:pt x="12" y="1384"/>
                  </a:lnTo>
                  <a:lnTo>
                    <a:pt x="16" y="1374"/>
                  </a:lnTo>
                  <a:lnTo>
                    <a:pt x="10" y="1364"/>
                  </a:lnTo>
                  <a:lnTo>
                    <a:pt x="8" y="1350"/>
                  </a:lnTo>
                  <a:lnTo>
                    <a:pt x="10" y="1346"/>
                  </a:lnTo>
                  <a:lnTo>
                    <a:pt x="12" y="1344"/>
                  </a:lnTo>
                  <a:lnTo>
                    <a:pt x="14" y="1344"/>
                  </a:lnTo>
                  <a:lnTo>
                    <a:pt x="20" y="1340"/>
                  </a:lnTo>
                  <a:lnTo>
                    <a:pt x="26" y="1336"/>
                  </a:lnTo>
                  <a:lnTo>
                    <a:pt x="22" y="1326"/>
                  </a:lnTo>
                  <a:lnTo>
                    <a:pt x="16" y="1318"/>
                  </a:lnTo>
                  <a:lnTo>
                    <a:pt x="26" y="1312"/>
                  </a:lnTo>
                  <a:lnTo>
                    <a:pt x="42" y="1308"/>
                  </a:lnTo>
                  <a:lnTo>
                    <a:pt x="38" y="1294"/>
                  </a:lnTo>
                  <a:lnTo>
                    <a:pt x="46" y="1288"/>
                  </a:lnTo>
                  <a:lnTo>
                    <a:pt x="56" y="1288"/>
                  </a:lnTo>
                  <a:lnTo>
                    <a:pt x="56" y="1276"/>
                  </a:lnTo>
                  <a:lnTo>
                    <a:pt x="64" y="1270"/>
                  </a:lnTo>
                  <a:lnTo>
                    <a:pt x="76" y="1284"/>
                  </a:lnTo>
                  <a:lnTo>
                    <a:pt x="82" y="1272"/>
                  </a:lnTo>
                  <a:lnTo>
                    <a:pt x="90" y="1262"/>
                  </a:lnTo>
                  <a:lnTo>
                    <a:pt x="100" y="1270"/>
                  </a:lnTo>
                  <a:lnTo>
                    <a:pt x="102" y="1280"/>
                  </a:lnTo>
                  <a:lnTo>
                    <a:pt x="106" y="1266"/>
                  </a:lnTo>
                  <a:lnTo>
                    <a:pt x="96" y="1254"/>
                  </a:lnTo>
                  <a:lnTo>
                    <a:pt x="102" y="1246"/>
                  </a:lnTo>
                  <a:lnTo>
                    <a:pt x="116" y="1250"/>
                  </a:lnTo>
                  <a:lnTo>
                    <a:pt x="130" y="1260"/>
                  </a:lnTo>
                  <a:lnTo>
                    <a:pt x="124" y="1252"/>
                  </a:lnTo>
                  <a:lnTo>
                    <a:pt x="112" y="1240"/>
                  </a:lnTo>
                  <a:lnTo>
                    <a:pt x="116" y="1230"/>
                  </a:lnTo>
                  <a:lnTo>
                    <a:pt x="118" y="1228"/>
                  </a:lnTo>
                  <a:lnTo>
                    <a:pt x="124" y="1222"/>
                  </a:lnTo>
                  <a:lnTo>
                    <a:pt x="132" y="1220"/>
                  </a:lnTo>
                  <a:lnTo>
                    <a:pt x="138" y="1218"/>
                  </a:lnTo>
                  <a:lnTo>
                    <a:pt x="148" y="1212"/>
                  </a:lnTo>
                  <a:lnTo>
                    <a:pt x="144" y="1206"/>
                  </a:lnTo>
                  <a:lnTo>
                    <a:pt x="132" y="1202"/>
                  </a:lnTo>
                  <a:lnTo>
                    <a:pt x="136" y="1190"/>
                  </a:lnTo>
                  <a:lnTo>
                    <a:pt x="150" y="1186"/>
                  </a:lnTo>
                  <a:lnTo>
                    <a:pt x="160" y="1184"/>
                  </a:lnTo>
                  <a:lnTo>
                    <a:pt x="172" y="1194"/>
                  </a:lnTo>
                  <a:lnTo>
                    <a:pt x="178" y="1190"/>
                  </a:lnTo>
                  <a:lnTo>
                    <a:pt x="194" y="1194"/>
                  </a:lnTo>
                  <a:lnTo>
                    <a:pt x="200" y="1192"/>
                  </a:lnTo>
                  <a:lnTo>
                    <a:pt x="206" y="1202"/>
                  </a:lnTo>
                  <a:lnTo>
                    <a:pt x="216" y="1212"/>
                  </a:lnTo>
                  <a:lnTo>
                    <a:pt x="212" y="1198"/>
                  </a:lnTo>
                  <a:lnTo>
                    <a:pt x="206" y="1186"/>
                  </a:lnTo>
                  <a:lnTo>
                    <a:pt x="200" y="1178"/>
                  </a:lnTo>
                  <a:lnTo>
                    <a:pt x="214" y="1180"/>
                  </a:lnTo>
                  <a:lnTo>
                    <a:pt x="232" y="1190"/>
                  </a:lnTo>
                  <a:lnTo>
                    <a:pt x="214" y="1172"/>
                  </a:lnTo>
                  <a:lnTo>
                    <a:pt x="206" y="1158"/>
                  </a:lnTo>
                  <a:lnTo>
                    <a:pt x="218" y="1154"/>
                  </a:lnTo>
                  <a:lnTo>
                    <a:pt x="236" y="1164"/>
                  </a:lnTo>
                  <a:lnTo>
                    <a:pt x="232" y="1150"/>
                  </a:lnTo>
                  <a:lnTo>
                    <a:pt x="230" y="1146"/>
                  </a:lnTo>
                  <a:lnTo>
                    <a:pt x="232" y="1144"/>
                  </a:lnTo>
                  <a:lnTo>
                    <a:pt x="234" y="1140"/>
                  </a:lnTo>
                  <a:lnTo>
                    <a:pt x="242" y="1136"/>
                  </a:lnTo>
                  <a:lnTo>
                    <a:pt x="240" y="1126"/>
                  </a:lnTo>
                  <a:lnTo>
                    <a:pt x="224" y="1130"/>
                  </a:lnTo>
                  <a:lnTo>
                    <a:pt x="216" y="1116"/>
                  </a:lnTo>
                  <a:lnTo>
                    <a:pt x="216" y="1106"/>
                  </a:lnTo>
                  <a:lnTo>
                    <a:pt x="222" y="1098"/>
                  </a:lnTo>
                  <a:lnTo>
                    <a:pt x="236" y="1092"/>
                  </a:lnTo>
                  <a:lnTo>
                    <a:pt x="246" y="1080"/>
                  </a:lnTo>
                  <a:lnTo>
                    <a:pt x="254" y="1082"/>
                  </a:lnTo>
                  <a:lnTo>
                    <a:pt x="250" y="1096"/>
                  </a:lnTo>
                  <a:lnTo>
                    <a:pt x="256" y="1106"/>
                  </a:lnTo>
                  <a:lnTo>
                    <a:pt x="262" y="1110"/>
                  </a:lnTo>
                  <a:lnTo>
                    <a:pt x="262" y="1120"/>
                  </a:lnTo>
                  <a:lnTo>
                    <a:pt x="273" y="1128"/>
                  </a:lnTo>
                  <a:lnTo>
                    <a:pt x="279" y="1118"/>
                  </a:lnTo>
                  <a:lnTo>
                    <a:pt x="295" y="1112"/>
                  </a:lnTo>
                  <a:lnTo>
                    <a:pt x="303" y="1100"/>
                  </a:lnTo>
                  <a:lnTo>
                    <a:pt x="317" y="1094"/>
                  </a:lnTo>
                  <a:lnTo>
                    <a:pt x="301" y="1092"/>
                  </a:lnTo>
                  <a:lnTo>
                    <a:pt x="307" y="1076"/>
                  </a:lnTo>
                  <a:lnTo>
                    <a:pt x="325" y="1068"/>
                  </a:lnTo>
                  <a:lnTo>
                    <a:pt x="319" y="1052"/>
                  </a:lnTo>
                  <a:lnTo>
                    <a:pt x="331" y="1040"/>
                  </a:lnTo>
                  <a:lnTo>
                    <a:pt x="345" y="1020"/>
                  </a:lnTo>
                  <a:lnTo>
                    <a:pt x="347" y="1002"/>
                  </a:lnTo>
                  <a:lnTo>
                    <a:pt x="367" y="994"/>
                  </a:lnTo>
                  <a:lnTo>
                    <a:pt x="377" y="986"/>
                  </a:lnTo>
                  <a:lnTo>
                    <a:pt x="391" y="992"/>
                  </a:lnTo>
                  <a:lnTo>
                    <a:pt x="407" y="994"/>
                  </a:lnTo>
                  <a:lnTo>
                    <a:pt x="401" y="974"/>
                  </a:lnTo>
                  <a:lnTo>
                    <a:pt x="397" y="962"/>
                  </a:lnTo>
                  <a:lnTo>
                    <a:pt x="411" y="954"/>
                  </a:lnTo>
                  <a:lnTo>
                    <a:pt x="415" y="940"/>
                  </a:lnTo>
                  <a:lnTo>
                    <a:pt x="401" y="940"/>
                  </a:lnTo>
                  <a:lnTo>
                    <a:pt x="411" y="926"/>
                  </a:lnTo>
                  <a:lnTo>
                    <a:pt x="423" y="914"/>
                  </a:lnTo>
                  <a:lnTo>
                    <a:pt x="439" y="908"/>
                  </a:lnTo>
                  <a:lnTo>
                    <a:pt x="451" y="908"/>
                  </a:lnTo>
                  <a:lnTo>
                    <a:pt x="457" y="900"/>
                  </a:lnTo>
                  <a:lnTo>
                    <a:pt x="453" y="888"/>
                  </a:lnTo>
                  <a:lnTo>
                    <a:pt x="449" y="884"/>
                  </a:lnTo>
                  <a:lnTo>
                    <a:pt x="439" y="872"/>
                  </a:lnTo>
                  <a:lnTo>
                    <a:pt x="443" y="862"/>
                  </a:lnTo>
                  <a:lnTo>
                    <a:pt x="443" y="850"/>
                  </a:lnTo>
                  <a:lnTo>
                    <a:pt x="449" y="836"/>
                  </a:lnTo>
                  <a:lnTo>
                    <a:pt x="461" y="824"/>
                  </a:lnTo>
                  <a:lnTo>
                    <a:pt x="461" y="808"/>
                  </a:lnTo>
                  <a:lnTo>
                    <a:pt x="457" y="794"/>
                  </a:lnTo>
                  <a:lnTo>
                    <a:pt x="471" y="790"/>
                  </a:lnTo>
                  <a:lnTo>
                    <a:pt x="479" y="786"/>
                  </a:lnTo>
                  <a:lnTo>
                    <a:pt x="471" y="774"/>
                  </a:lnTo>
                  <a:lnTo>
                    <a:pt x="477" y="764"/>
                  </a:lnTo>
                  <a:lnTo>
                    <a:pt x="489" y="762"/>
                  </a:lnTo>
                  <a:lnTo>
                    <a:pt x="501" y="754"/>
                  </a:lnTo>
                  <a:lnTo>
                    <a:pt x="515" y="754"/>
                  </a:lnTo>
                  <a:lnTo>
                    <a:pt x="505" y="748"/>
                  </a:lnTo>
                  <a:lnTo>
                    <a:pt x="489" y="746"/>
                  </a:lnTo>
                  <a:lnTo>
                    <a:pt x="485" y="732"/>
                  </a:lnTo>
                  <a:lnTo>
                    <a:pt x="489" y="716"/>
                  </a:lnTo>
                  <a:lnTo>
                    <a:pt x="499" y="716"/>
                  </a:lnTo>
                  <a:lnTo>
                    <a:pt x="513" y="716"/>
                  </a:lnTo>
                  <a:lnTo>
                    <a:pt x="515" y="706"/>
                  </a:lnTo>
                  <a:lnTo>
                    <a:pt x="499" y="706"/>
                  </a:lnTo>
                  <a:lnTo>
                    <a:pt x="497" y="692"/>
                  </a:lnTo>
                  <a:lnTo>
                    <a:pt x="507" y="686"/>
                  </a:lnTo>
                  <a:lnTo>
                    <a:pt x="523" y="684"/>
                  </a:lnTo>
                  <a:lnTo>
                    <a:pt x="511" y="672"/>
                  </a:lnTo>
                  <a:lnTo>
                    <a:pt x="509" y="664"/>
                  </a:lnTo>
                  <a:lnTo>
                    <a:pt x="511" y="660"/>
                  </a:lnTo>
                  <a:lnTo>
                    <a:pt x="513" y="658"/>
                  </a:lnTo>
                  <a:lnTo>
                    <a:pt x="523" y="654"/>
                  </a:lnTo>
                  <a:lnTo>
                    <a:pt x="531" y="650"/>
                  </a:lnTo>
                  <a:lnTo>
                    <a:pt x="543" y="648"/>
                  </a:lnTo>
                  <a:lnTo>
                    <a:pt x="555" y="642"/>
                  </a:lnTo>
                  <a:lnTo>
                    <a:pt x="541" y="632"/>
                  </a:lnTo>
                  <a:lnTo>
                    <a:pt x="543" y="624"/>
                  </a:lnTo>
                  <a:lnTo>
                    <a:pt x="555" y="620"/>
                  </a:lnTo>
                  <a:lnTo>
                    <a:pt x="581" y="618"/>
                  </a:lnTo>
                  <a:lnTo>
                    <a:pt x="593" y="608"/>
                  </a:lnTo>
                  <a:lnTo>
                    <a:pt x="583" y="608"/>
                  </a:lnTo>
                  <a:lnTo>
                    <a:pt x="571" y="610"/>
                  </a:lnTo>
                  <a:lnTo>
                    <a:pt x="559" y="612"/>
                  </a:lnTo>
                  <a:lnTo>
                    <a:pt x="549" y="612"/>
                  </a:lnTo>
                  <a:lnTo>
                    <a:pt x="557" y="592"/>
                  </a:lnTo>
                  <a:lnTo>
                    <a:pt x="569" y="588"/>
                  </a:lnTo>
                  <a:lnTo>
                    <a:pt x="579" y="576"/>
                  </a:lnTo>
                  <a:lnTo>
                    <a:pt x="591" y="570"/>
                  </a:lnTo>
                  <a:lnTo>
                    <a:pt x="591" y="558"/>
                  </a:lnTo>
                  <a:lnTo>
                    <a:pt x="599" y="550"/>
                  </a:lnTo>
                  <a:lnTo>
                    <a:pt x="603" y="542"/>
                  </a:lnTo>
                  <a:lnTo>
                    <a:pt x="599" y="534"/>
                  </a:lnTo>
                  <a:lnTo>
                    <a:pt x="589" y="544"/>
                  </a:lnTo>
                  <a:lnTo>
                    <a:pt x="583" y="554"/>
                  </a:lnTo>
                  <a:lnTo>
                    <a:pt x="567" y="560"/>
                  </a:lnTo>
                  <a:lnTo>
                    <a:pt x="573" y="548"/>
                  </a:lnTo>
                  <a:lnTo>
                    <a:pt x="571" y="540"/>
                  </a:lnTo>
                  <a:lnTo>
                    <a:pt x="569" y="534"/>
                  </a:lnTo>
                  <a:lnTo>
                    <a:pt x="581" y="528"/>
                  </a:lnTo>
                  <a:lnTo>
                    <a:pt x="575" y="520"/>
                  </a:lnTo>
                  <a:lnTo>
                    <a:pt x="579" y="514"/>
                  </a:lnTo>
                  <a:lnTo>
                    <a:pt x="591" y="518"/>
                  </a:lnTo>
                  <a:lnTo>
                    <a:pt x="601" y="514"/>
                  </a:lnTo>
                  <a:lnTo>
                    <a:pt x="593" y="508"/>
                  </a:lnTo>
                  <a:lnTo>
                    <a:pt x="593" y="496"/>
                  </a:lnTo>
                  <a:lnTo>
                    <a:pt x="599" y="488"/>
                  </a:lnTo>
                  <a:lnTo>
                    <a:pt x="615" y="494"/>
                  </a:lnTo>
                  <a:lnTo>
                    <a:pt x="621" y="478"/>
                  </a:lnTo>
                  <a:lnTo>
                    <a:pt x="631" y="482"/>
                  </a:lnTo>
                  <a:lnTo>
                    <a:pt x="635" y="500"/>
                  </a:lnTo>
                  <a:lnTo>
                    <a:pt x="645" y="496"/>
                  </a:lnTo>
                  <a:lnTo>
                    <a:pt x="645" y="488"/>
                  </a:lnTo>
                  <a:lnTo>
                    <a:pt x="647" y="482"/>
                  </a:lnTo>
                  <a:lnTo>
                    <a:pt x="649" y="478"/>
                  </a:lnTo>
                  <a:lnTo>
                    <a:pt x="651" y="474"/>
                  </a:lnTo>
                  <a:lnTo>
                    <a:pt x="651" y="470"/>
                  </a:lnTo>
                  <a:lnTo>
                    <a:pt x="641" y="466"/>
                  </a:lnTo>
                  <a:lnTo>
                    <a:pt x="633" y="456"/>
                  </a:lnTo>
                  <a:lnTo>
                    <a:pt x="643" y="448"/>
                  </a:lnTo>
                  <a:lnTo>
                    <a:pt x="659" y="452"/>
                  </a:lnTo>
                  <a:lnTo>
                    <a:pt x="675" y="450"/>
                  </a:lnTo>
                  <a:lnTo>
                    <a:pt x="689" y="450"/>
                  </a:lnTo>
                  <a:lnTo>
                    <a:pt x="689" y="436"/>
                  </a:lnTo>
                  <a:lnTo>
                    <a:pt x="673" y="438"/>
                  </a:lnTo>
                  <a:lnTo>
                    <a:pt x="651" y="442"/>
                  </a:lnTo>
                  <a:lnTo>
                    <a:pt x="641" y="428"/>
                  </a:lnTo>
                  <a:lnTo>
                    <a:pt x="645" y="418"/>
                  </a:lnTo>
                  <a:lnTo>
                    <a:pt x="653" y="410"/>
                  </a:lnTo>
                  <a:lnTo>
                    <a:pt x="673" y="408"/>
                  </a:lnTo>
                  <a:lnTo>
                    <a:pt x="667" y="392"/>
                  </a:lnTo>
                  <a:lnTo>
                    <a:pt x="681" y="402"/>
                  </a:lnTo>
                  <a:lnTo>
                    <a:pt x="685" y="394"/>
                  </a:lnTo>
                  <a:lnTo>
                    <a:pt x="679" y="382"/>
                  </a:lnTo>
                  <a:lnTo>
                    <a:pt x="695" y="380"/>
                  </a:lnTo>
                  <a:lnTo>
                    <a:pt x="691" y="370"/>
                  </a:lnTo>
                  <a:lnTo>
                    <a:pt x="691" y="360"/>
                  </a:lnTo>
                  <a:lnTo>
                    <a:pt x="703" y="354"/>
                  </a:lnTo>
                  <a:lnTo>
                    <a:pt x="701" y="342"/>
                  </a:lnTo>
                  <a:lnTo>
                    <a:pt x="711" y="346"/>
                  </a:lnTo>
                  <a:lnTo>
                    <a:pt x="707" y="318"/>
                  </a:lnTo>
                  <a:lnTo>
                    <a:pt x="713" y="308"/>
                  </a:lnTo>
                  <a:lnTo>
                    <a:pt x="723" y="304"/>
                  </a:lnTo>
                  <a:lnTo>
                    <a:pt x="725" y="294"/>
                  </a:lnTo>
                  <a:lnTo>
                    <a:pt x="717" y="280"/>
                  </a:lnTo>
                  <a:lnTo>
                    <a:pt x="713" y="268"/>
                  </a:lnTo>
                  <a:lnTo>
                    <a:pt x="723" y="252"/>
                  </a:lnTo>
                  <a:lnTo>
                    <a:pt x="739" y="248"/>
                  </a:lnTo>
                  <a:lnTo>
                    <a:pt x="751" y="250"/>
                  </a:lnTo>
                  <a:lnTo>
                    <a:pt x="763" y="246"/>
                  </a:lnTo>
                  <a:lnTo>
                    <a:pt x="771" y="244"/>
                  </a:lnTo>
                  <a:lnTo>
                    <a:pt x="777" y="254"/>
                  </a:lnTo>
                  <a:lnTo>
                    <a:pt x="783" y="274"/>
                  </a:lnTo>
                  <a:lnTo>
                    <a:pt x="789" y="268"/>
                  </a:lnTo>
                  <a:lnTo>
                    <a:pt x="791" y="242"/>
                  </a:lnTo>
                  <a:lnTo>
                    <a:pt x="795" y="226"/>
                  </a:lnTo>
                  <a:lnTo>
                    <a:pt x="805" y="222"/>
                  </a:lnTo>
                  <a:lnTo>
                    <a:pt x="809" y="226"/>
                  </a:lnTo>
                  <a:lnTo>
                    <a:pt x="809" y="246"/>
                  </a:lnTo>
                  <a:lnTo>
                    <a:pt x="807" y="262"/>
                  </a:lnTo>
                  <a:lnTo>
                    <a:pt x="813" y="276"/>
                  </a:lnTo>
                  <a:lnTo>
                    <a:pt x="819" y="270"/>
                  </a:lnTo>
                  <a:lnTo>
                    <a:pt x="819" y="250"/>
                  </a:lnTo>
                  <a:lnTo>
                    <a:pt x="827" y="238"/>
                  </a:lnTo>
                  <a:lnTo>
                    <a:pt x="829" y="228"/>
                  </a:lnTo>
                  <a:lnTo>
                    <a:pt x="833" y="218"/>
                  </a:lnTo>
                  <a:lnTo>
                    <a:pt x="825" y="212"/>
                  </a:lnTo>
                  <a:lnTo>
                    <a:pt x="827" y="202"/>
                  </a:lnTo>
                  <a:lnTo>
                    <a:pt x="837" y="204"/>
                  </a:lnTo>
                  <a:lnTo>
                    <a:pt x="841" y="212"/>
                  </a:lnTo>
                  <a:lnTo>
                    <a:pt x="847" y="226"/>
                  </a:lnTo>
                  <a:lnTo>
                    <a:pt x="849" y="216"/>
                  </a:lnTo>
                  <a:lnTo>
                    <a:pt x="849" y="206"/>
                  </a:lnTo>
                  <a:lnTo>
                    <a:pt x="859" y="204"/>
                  </a:lnTo>
                  <a:lnTo>
                    <a:pt x="863" y="212"/>
                  </a:lnTo>
                  <a:lnTo>
                    <a:pt x="877" y="222"/>
                  </a:lnTo>
                  <a:lnTo>
                    <a:pt x="879" y="212"/>
                  </a:lnTo>
                  <a:lnTo>
                    <a:pt x="881" y="192"/>
                  </a:lnTo>
                  <a:lnTo>
                    <a:pt x="871" y="196"/>
                  </a:lnTo>
                  <a:lnTo>
                    <a:pt x="855" y="190"/>
                  </a:lnTo>
                  <a:lnTo>
                    <a:pt x="843" y="184"/>
                  </a:lnTo>
                  <a:lnTo>
                    <a:pt x="843" y="176"/>
                  </a:lnTo>
                  <a:lnTo>
                    <a:pt x="855" y="168"/>
                  </a:lnTo>
                  <a:lnTo>
                    <a:pt x="865" y="172"/>
                  </a:lnTo>
                  <a:lnTo>
                    <a:pt x="871" y="166"/>
                  </a:lnTo>
                  <a:lnTo>
                    <a:pt x="877" y="162"/>
                  </a:lnTo>
                  <a:lnTo>
                    <a:pt x="891" y="166"/>
                  </a:lnTo>
                  <a:lnTo>
                    <a:pt x="901" y="164"/>
                  </a:lnTo>
                  <a:lnTo>
                    <a:pt x="899" y="152"/>
                  </a:lnTo>
                  <a:lnTo>
                    <a:pt x="909" y="146"/>
                  </a:lnTo>
                  <a:lnTo>
                    <a:pt x="917" y="154"/>
                  </a:lnTo>
                  <a:lnTo>
                    <a:pt x="919" y="168"/>
                  </a:lnTo>
                  <a:lnTo>
                    <a:pt x="933" y="174"/>
                  </a:lnTo>
                  <a:lnTo>
                    <a:pt x="937" y="168"/>
                  </a:lnTo>
                  <a:lnTo>
                    <a:pt x="935" y="154"/>
                  </a:lnTo>
                  <a:lnTo>
                    <a:pt x="927" y="146"/>
                  </a:lnTo>
                  <a:lnTo>
                    <a:pt x="917" y="136"/>
                  </a:lnTo>
                  <a:lnTo>
                    <a:pt x="921" y="122"/>
                  </a:lnTo>
                  <a:lnTo>
                    <a:pt x="923" y="120"/>
                  </a:lnTo>
                  <a:lnTo>
                    <a:pt x="925" y="118"/>
                  </a:lnTo>
                  <a:lnTo>
                    <a:pt x="929" y="116"/>
                  </a:lnTo>
                  <a:lnTo>
                    <a:pt x="941" y="116"/>
                  </a:lnTo>
                  <a:lnTo>
                    <a:pt x="937" y="104"/>
                  </a:lnTo>
                  <a:lnTo>
                    <a:pt x="937" y="92"/>
                  </a:lnTo>
                  <a:lnTo>
                    <a:pt x="943" y="92"/>
                  </a:lnTo>
                  <a:lnTo>
                    <a:pt x="961" y="96"/>
                  </a:lnTo>
                  <a:lnTo>
                    <a:pt x="971" y="96"/>
                  </a:lnTo>
                  <a:lnTo>
                    <a:pt x="983" y="94"/>
                  </a:lnTo>
                  <a:lnTo>
                    <a:pt x="985" y="86"/>
                  </a:lnTo>
                  <a:lnTo>
                    <a:pt x="971" y="82"/>
                  </a:lnTo>
                  <a:lnTo>
                    <a:pt x="965" y="76"/>
                  </a:lnTo>
                  <a:lnTo>
                    <a:pt x="969" y="64"/>
                  </a:lnTo>
                  <a:lnTo>
                    <a:pt x="987" y="68"/>
                  </a:lnTo>
                  <a:lnTo>
                    <a:pt x="983" y="58"/>
                  </a:lnTo>
                  <a:lnTo>
                    <a:pt x="973" y="50"/>
                  </a:lnTo>
                  <a:lnTo>
                    <a:pt x="975" y="50"/>
                  </a:lnTo>
                  <a:lnTo>
                    <a:pt x="979" y="46"/>
                  </a:lnTo>
                  <a:lnTo>
                    <a:pt x="977" y="38"/>
                  </a:lnTo>
                  <a:lnTo>
                    <a:pt x="977" y="36"/>
                  </a:lnTo>
                  <a:lnTo>
                    <a:pt x="981" y="32"/>
                  </a:lnTo>
                  <a:lnTo>
                    <a:pt x="981" y="34"/>
                  </a:lnTo>
                  <a:lnTo>
                    <a:pt x="983" y="36"/>
                  </a:lnTo>
                  <a:lnTo>
                    <a:pt x="983" y="42"/>
                  </a:lnTo>
                  <a:lnTo>
                    <a:pt x="981" y="50"/>
                  </a:lnTo>
                  <a:lnTo>
                    <a:pt x="997" y="50"/>
                  </a:lnTo>
                  <a:lnTo>
                    <a:pt x="1005" y="54"/>
                  </a:lnTo>
                  <a:lnTo>
                    <a:pt x="1019" y="54"/>
                  </a:lnTo>
                  <a:lnTo>
                    <a:pt x="1015" y="40"/>
                  </a:lnTo>
                  <a:lnTo>
                    <a:pt x="1011" y="34"/>
                  </a:lnTo>
                  <a:lnTo>
                    <a:pt x="1007" y="26"/>
                  </a:lnTo>
                  <a:lnTo>
                    <a:pt x="1013" y="20"/>
                  </a:lnTo>
                  <a:lnTo>
                    <a:pt x="1015" y="14"/>
                  </a:lnTo>
                  <a:lnTo>
                    <a:pt x="1023" y="10"/>
                  </a:lnTo>
                  <a:lnTo>
                    <a:pt x="1035" y="16"/>
                  </a:lnTo>
                  <a:lnTo>
                    <a:pt x="1039" y="26"/>
                  </a:lnTo>
                  <a:lnTo>
                    <a:pt x="1047" y="30"/>
                  </a:lnTo>
                  <a:lnTo>
                    <a:pt x="1041" y="36"/>
                  </a:lnTo>
                  <a:lnTo>
                    <a:pt x="1027" y="42"/>
                  </a:lnTo>
                  <a:lnTo>
                    <a:pt x="1033" y="46"/>
                  </a:lnTo>
                  <a:lnTo>
                    <a:pt x="1037" y="50"/>
                  </a:lnTo>
                  <a:lnTo>
                    <a:pt x="1033" y="62"/>
                  </a:lnTo>
                  <a:lnTo>
                    <a:pt x="1033" y="72"/>
                  </a:lnTo>
                  <a:lnTo>
                    <a:pt x="1025" y="84"/>
                  </a:lnTo>
                  <a:lnTo>
                    <a:pt x="1021" y="94"/>
                  </a:lnTo>
                  <a:lnTo>
                    <a:pt x="1017" y="112"/>
                  </a:lnTo>
                  <a:lnTo>
                    <a:pt x="1023" y="118"/>
                  </a:lnTo>
                  <a:lnTo>
                    <a:pt x="1019" y="130"/>
                  </a:lnTo>
                  <a:lnTo>
                    <a:pt x="1019" y="140"/>
                  </a:lnTo>
                  <a:lnTo>
                    <a:pt x="1015" y="144"/>
                  </a:lnTo>
                  <a:lnTo>
                    <a:pt x="1013" y="148"/>
                  </a:lnTo>
                  <a:lnTo>
                    <a:pt x="1015" y="150"/>
                  </a:lnTo>
                  <a:lnTo>
                    <a:pt x="1019" y="156"/>
                  </a:lnTo>
                  <a:lnTo>
                    <a:pt x="1025" y="160"/>
                  </a:lnTo>
                  <a:lnTo>
                    <a:pt x="1031" y="144"/>
                  </a:lnTo>
                  <a:lnTo>
                    <a:pt x="1035" y="128"/>
                  </a:lnTo>
                  <a:lnTo>
                    <a:pt x="1037" y="104"/>
                  </a:lnTo>
                  <a:lnTo>
                    <a:pt x="1045" y="92"/>
                  </a:lnTo>
                  <a:lnTo>
                    <a:pt x="1051" y="76"/>
                  </a:lnTo>
                  <a:lnTo>
                    <a:pt x="1049" y="62"/>
                  </a:lnTo>
                  <a:lnTo>
                    <a:pt x="1053" y="56"/>
                  </a:lnTo>
                  <a:lnTo>
                    <a:pt x="1055" y="48"/>
                  </a:lnTo>
                  <a:close/>
                </a:path>
              </a:pathLst>
            </a:custGeom>
            <a:solidFill>
              <a:srgbClr val="FF99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32" name="Freeform 102"/>
            <p:cNvSpPr>
              <a:spLocks/>
            </p:cNvSpPr>
            <p:nvPr/>
          </p:nvSpPr>
          <p:spPr bwMode="auto">
            <a:xfrm>
              <a:off x="2541" y="783"/>
              <a:ext cx="54" cy="72"/>
            </a:xfrm>
            <a:custGeom>
              <a:avLst/>
              <a:gdLst>
                <a:gd name="T0" fmla="*/ 24 w 54"/>
                <a:gd name="T1" fmla="*/ 6 h 72"/>
                <a:gd name="T2" fmla="*/ 36 w 54"/>
                <a:gd name="T3" fmla="*/ 8 h 72"/>
                <a:gd name="T4" fmla="*/ 44 w 54"/>
                <a:gd name="T5" fmla="*/ 0 h 72"/>
                <a:gd name="T6" fmla="*/ 52 w 54"/>
                <a:gd name="T7" fmla="*/ 6 h 72"/>
                <a:gd name="T8" fmla="*/ 54 w 54"/>
                <a:gd name="T9" fmla="*/ 18 h 72"/>
                <a:gd name="T10" fmla="*/ 54 w 54"/>
                <a:gd name="T11" fmla="*/ 30 h 72"/>
                <a:gd name="T12" fmla="*/ 54 w 54"/>
                <a:gd name="T13" fmla="*/ 40 h 72"/>
                <a:gd name="T14" fmla="*/ 52 w 54"/>
                <a:gd name="T15" fmla="*/ 44 h 72"/>
                <a:gd name="T16" fmla="*/ 50 w 54"/>
                <a:gd name="T17" fmla="*/ 48 h 72"/>
                <a:gd name="T18" fmla="*/ 48 w 54"/>
                <a:gd name="T19" fmla="*/ 48 h 72"/>
                <a:gd name="T20" fmla="*/ 36 w 54"/>
                <a:gd name="T21" fmla="*/ 52 h 72"/>
                <a:gd name="T22" fmla="*/ 32 w 54"/>
                <a:gd name="T23" fmla="*/ 58 h 72"/>
                <a:gd name="T24" fmla="*/ 22 w 54"/>
                <a:gd name="T25" fmla="*/ 68 h 72"/>
                <a:gd name="T26" fmla="*/ 12 w 54"/>
                <a:gd name="T27" fmla="*/ 72 h 72"/>
                <a:gd name="T28" fmla="*/ 0 w 54"/>
                <a:gd name="T29" fmla="*/ 62 h 72"/>
                <a:gd name="T30" fmla="*/ 10 w 54"/>
                <a:gd name="T31" fmla="*/ 50 h 72"/>
                <a:gd name="T32" fmla="*/ 16 w 54"/>
                <a:gd name="T33" fmla="*/ 40 h 72"/>
                <a:gd name="T34" fmla="*/ 10 w 54"/>
                <a:gd name="T35" fmla="*/ 30 h 72"/>
                <a:gd name="T36" fmla="*/ 22 w 54"/>
                <a:gd name="T37" fmla="*/ 20 h 72"/>
                <a:gd name="T38" fmla="*/ 18 w 54"/>
                <a:gd name="T39" fmla="*/ 12 h 72"/>
                <a:gd name="T40" fmla="*/ 24 w 54"/>
                <a:gd name="T41" fmla="*/ 6 h 72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0" t="0" r="r" b="b"/>
              <a:pathLst>
                <a:path w="54" h="72">
                  <a:moveTo>
                    <a:pt x="24" y="6"/>
                  </a:moveTo>
                  <a:lnTo>
                    <a:pt x="36" y="8"/>
                  </a:lnTo>
                  <a:lnTo>
                    <a:pt x="44" y="0"/>
                  </a:lnTo>
                  <a:lnTo>
                    <a:pt x="52" y="6"/>
                  </a:lnTo>
                  <a:lnTo>
                    <a:pt x="54" y="18"/>
                  </a:lnTo>
                  <a:lnTo>
                    <a:pt x="54" y="30"/>
                  </a:lnTo>
                  <a:lnTo>
                    <a:pt x="54" y="40"/>
                  </a:lnTo>
                  <a:lnTo>
                    <a:pt x="52" y="44"/>
                  </a:lnTo>
                  <a:lnTo>
                    <a:pt x="50" y="48"/>
                  </a:lnTo>
                  <a:lnTo>
                    <a:pt x="48" y="48"/>
                  </a:lnTo>
                  <a:lnTo>
                    <a:pt x="36" y="52"/>
                  </a:lnTo>
                  <a:lnTo>
                    <a:pt x="32" y="58"/>
                  </a:lnTo>
                  <a:lnTo>
                    <a:pt x="22" y="68"/>
                  </a:lnTo>
                  <a:lnTo>
                    <a:pt x="12" y="72"/>
                  </a:lnTo>
                  <a:lnTo>
                    <a:pt x="0" y="62"/>
                  </a:lnTo>
                  <a:lnTo>
                    <a:pt x="10" y="50"/>
                  </a:lnTo>
                  <a:lnTo>
                    <a:pt x="16" y="40"/>
                  </a:lnTo>
                  <a:lnTo>
                    <a:pt x="10" y="30"/>
                  </a:lnTo>
                  <a:lnTo>
                    <a:pt x="22" y="20"/>
                  </a:lnTo>
                  <a:lnTo>
                    <a:pt x="18" y="12"/>
                  </a:lnTo>
                  <a:lnTo>
                    <a:pt x="24" y="6"/>
                  </a:lnTo>
                  <a:close/>
                </a:path>
              </a:pathLst>
            </a:custGeom>
            <a:solidFill>
              <a:srgbClr val="FF99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33" name="Freeform 103"/>
            <p:cNvSpPr>
              <a:spLocks/>
            </p:cNvSpPr>
            <p:nvPr/>
          </p:nvSpPr>
          <p:spPr bwMode="auto">
            <a:xfrm>
              <a:off x="2349" y="827"/>
              <a:ext cx="186" cy="208"/>
            </a:xfrm>
            <a:custGeom>
              <a:avLst/>
              <a:gdLst>
                <a:gd name="T0" fmla="*/ 170 w 186"/>
                <a:gd name="T1" fmla="*/ 102 h 208"/>
                <a:gd name="T2" fmla="*/ 168 w 186"/>
                <a:gd name="T3" fmla="*/ 116 h 208"/>
                <a:gd name="T4" fmla="*/ 166 w 186"/>
                <a:gd name="T5" fmla="*/ 124 h 208"/>
                <a:gd name="T6" fmla="*/ 156 w 186"/>
                <a:gd name="T7" fmla="*/ 122 h 208"/>
                <a:gd name="T8" fmla="*/ 150 w 186"/>
                <a:gd name="T9" fmla="*/ 122 h 208"/>
                <a:gd name="T10" fmla="*/ 152 w 186"/>
                <a:gd name="T11" fmla="*/ 132 h 208"/>
                <a:gd name="T12" fmla="*/ 140 w 186"/>
                <a:gd name="T13" fmla="*/ 136 h 208"/>
                <a:gd name="T14" fmla="*/ 134 w 186"/>
                <a:gd name="T15" fmla="*/ 124 h 208"/>
                <a:gd name="T16" fmla="*/ 124 w 186"/>
                <a:gd name="T17" fmla="*/ 132 h 208"/>
                <a:gd name="T18" fmla="*/ 114 w 186"/>
                <a:gd name="T19" fmla="*/ 130 h 208"/>
                <a:gd name="T20" fmla="*/ 100 w 186"/>
                <a:gd name="T21" fmla="*/ 144 h 208"/>
                <a:gd name="T22" fmla="*/ 78 w 186"/>
                <a:gd name="T23" fmla="*/ 156 h 208"/>
                <a:gd name="T24" fmla="*/ 64 w 186"/>
                <a:gd name="T25" fmla="*/ 156 h 208"/>
                <a:gd name="T26" fmla="*/ 52 w 186"/>
                <a:gd name="T27" fmla="*/ 166 h 208"/>
                <a:gd name="T28" fmla="*/ 48 w 186"/>
                <a:gd name="T29" fmla="*/ 170 h 208"/>
                <a:gd name="T30" fmla="*/ 22 w 186"/>
                <a:gd name="T31" fmla="*/ 186 h 208"/>
                <a:gd name="T32" fmla="*/ 12 w 186"/>
                <a:gd name="T33" fmla="*/ 204 h 208"/>
                <a:gd name="T34" fmla="*/ 0 w 186"/>
                <a:gd name="T35" fmla="*/ 202 h 208"/>
                <a:gd name="T36" fmla="*/ 2 w 186"/>
                <a:gd name="T37" fmla="*/ 192 h 208"/>
                <a:gd name="T38" fmla="*/ 12 w 186"/>
                <a:gd name="T39" fmla="*/ 176 h 208"/>
                <a:gd name="T40" fmla="*/ 32 w 186"/>
                <a:gd name="T41" fmla="*/ 166 h 208"/>
                <a:gd name="T42" fmla="*/ 38 w 186"/>
                <a:gd name="T43" fmla="*/ 152 h 208"/>
                <a:gd name="T44" fmla="*/ 42 w 186"/>
                <a:gd name="T45" fmla="*/ 146 h 208"/>
                <a:gd name="T46" fmla="*/ 50 w 186"/>
                <a:gd name="T47" fmla="*/ 142 h 208"/>
                <a:gd name="T48" fmla="*/ 66 w 186"/>
                <a:gd name="T49" fmla="*/ 140 h 208"/>
                <a:gd name="T50" fmla="*/ 92 w 186"/>
                <a:gd name="T51" fmla="*/ 126 h 208"/>
                <a:gd name="T52" fmla="*/ 124 w 186"/>
                <a:gd name="T53" fmla="*/ 114 h 208"/>
                <a:gd name="T54" fmla="*/ 130 w 186"/>
                <a:gd name="T55" fmla="*/ 92 h 208"/>
                <a:gd name="T56" fmla="*/ 124 w 186"/>
                <a:gd name="T57" fmla="*/ 90 h 208"/>
                <a:gd name="T58" fmla="*/ 104 w 186"/>
                <a:gd name="T59" fmla="*/ 106 h 208"/>
                <a:gd name="T60" fmla="*/ 90 w 186"/>
                <a:gd name="T61" fmla="*/ 104 h 208"/>
                <a:gd name="T62" fmla="*/ 84 w 186"/>
                <a:gd name="T63" fmla="*/ 98 h 208"/>
                <a:gd name="T64" fmla="*/ 82 w 186"/>
                <a:gd name="T65" fmla="*/ 80 h 208"/>
                <a:gd name="T66" fmla="*/ 102 w 186"/>
                <a:gd name="T67" fmla="*/ 68 h 208"/>
                <a:gd name="T68" fmla="*/ 106 w 186"/>
                <a:gd name="T69" fmla="*/ 44 h 208"/>
                <a:gd name="T70" fmla="*/ 120 w 186"/>
                <a:gd name="T71" fmla="*/ 60 h 208"/>
                <a:gd name="T72" fmla="*/ 128 w 186"/>
                <a:gd name="T73" fmla="*/ 46 h 208"/>
                <a:gd name="T74" fmla="*/ 142 w 186"/>
                <a:gd name="T75" fmla="*/ 20 h 208"/>
                <a:gd name="T76" fmla="*/ 158 w 186"/>
                <a:gd name="T77" fmla="*/ 0 h 208"/>
                <a:gd name="T78" fmla="*/ 154 w 186"/>
                <a:gd name="T79" fmla="*/ 20 h 208"/>
                <a:gd name="T80" fmla="*/ 144 w 186"/>
                <a:gd name="T81" fmla="*/ 44 h 208"/>
                <a:gd name="T82" fmla="*/ 154 w 186"/>
                <a:gd name="T83" fmla="*/ 60 h 208"/>
                <a:gd name="T84" fmla="*/ 156 w 186"/>
                <a:gd name="T85" fmla="*/ 74 h 208"/>
                <a:gd name="T86" fmla="*/ 164 w 186"/>
                <a:gd name="T87" fmla="*/ 78 h 208"/>
                <a:gd name="T88" fmla="*/ 174 w 186"/>
                <a:gd name="T89" fmla="*/ 52 h 208"/>
                <a:gd name="T90" fmla="*/ 170 w 186"/>
                <a:gd name="T91" fmla="*/ 46 h 208"/>
                <a:gd name="T92" fmla="*/ 176 w 186"/>
                <a:gd name="T93" fmla="*/ 46 h 208"/>
                <a:gd name="T94" fmla="*/ 182 w 186"/>
                <a:gd name="T95" fmla="*/ 52 h 208"/>
                <a:gd name="T96" fmla="*/ 186 w 186"/>
                <a:gd name="T97" fmla="*/ 70 h 208"/>
                <a:gd name="T98" fmla="*/ 180 w 186"/>
                <a:gd name="T99" fmla="*/ 90 h 208"/>
                <a:gd name="T100" fmla="*/ 178 w 186"/>
                <a:gd name="T101" fmla="*/ 102 h 208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0" t="0" r="r" b="b"/>
              <a:pathLst>
                <a:path w="186" h="208">
                  <a:moveTo>
                    <a:pt x="178" y="102"/>
                  </a:moveTo>
                  <a:lnTo>
                    <a:pt x="170" y="102"/>
                  </a:lnTo>
                  <a:lnTo>
                    <a:pt x="168" y="110"/>
                  </a:lnTo>
                  <a:lnTo>
                    <a:pt x="168" y="116"/>
                  </a:lnTo>
                  <a:lnTo>
                    <a:pt x="168" y="120"/>
                  </a:lnTo>
                  <a:lnTo>
                    <a:pt x="166" y="124"/>
                  </a:lnTo>
                  <a:lnTo>
                    <a:pt x="160" y="124"/>
                  </a:lnTo>
                  <a:lnTo>
                    <a:pt x="156" y="122"/>
                  </a:lnTo>
                  <a:lnTo>
                    <a:pt x="154" y="118"/>
                  </a:lnTo>
                  <a:lnTo>
                    <a:pt x="150" y="122"/>
                  </a:lnTo>
                  <a:lnTo>
                    <a:pt x="152" y="128"/>
                  </a:lnTo>
                  <a:lnTo>
                    <a:pt x="152" y="132"/>
                  </a:lnTo>
                  <a:lnTo>
                    <a:pt x="148" y="134"/>
                  </a:lnTo>
                  <a:lnTo>
                    <a:pt x="140" y="136"/>
                  </a:lnTo>
                  <a:lnTo>
                    <a:pt x="136" y="136"/>
                  </a:lnTo>
                  <a:lnTo>
                    <a:pt x="134" y="124"/>
                  </a:lnTo>
                  <a:lnTo>
                    <a:pt x="128" y="124"/>
                  </a:lnTo>
                  <a:lnTo>
                    <a:pt x="124" y="132"/>
                  </a:lnTo>
                  <a:lnTo>
                    <a:pt x="116" y="142"/>
                  </a:lnTo>
                  <a:lnTo>
                    <a:pt x="114" y="130"/>
                  </a:lnTo>
                  <a:lnTo>
                    <a:pt x="108" y="136"/>
                  </a:lnTo>
                  <a:lnTo>
                    <a:pt x="100" y="144"/>
                  </a:lnTo>
                  <a:lnTo>
                    <a:pt x="90" y="150"/>
                  </a:lnTo>
                  <a:lnTo>
                    <a:pt x="78" y="156"/>
                  </a:lnTo>
                  <a:lnTo>
                    <a:pt x="70" y="152"/>
                  </a:lnTo>
                  <a:lnTo>
                    <a:pt x="64" y="156"/>
                  </a:lnTo>
                  <a:lnTo>
                    <a:pt x="52" y="164"/>
                  </a:lnTo>
                  <a:lnTo>
                    <a:pt x="52" y="166"/>
                  </a:lnTo>
                  <a:lnTo>
                    <a:pt x="50" y="168"/>
                  </a:lnTo>
                  <a:lnTo>
                    <a:pt x="48" y="170"/>
                  </a:lnTo>
                  <a:lnTo>
                    <a:pt x="30" y="178"/>
                  </a:lnTo>
                  <a:lnTo>
                    <a:pt x="22" y="186"/>
                  </a:lnTo>
                  <a:lnTo>
                    <a:pt x="20" y="196"/>
                  </a:lnTo>
                  <a:lnTo>
                    <a:pt x="12" y="204"/>
                  </a:lnTo>
                  <a:lnTo>
                    <a:pt x="2" y="208"/>
                  </a:lnTo>
                  <a:lnTo>
                    <a:pt x="0" y="202"/>
                  </a:lnTo>
                  <a:lnTo>
                    <a:pt x="0" y="196"/>
                  </a:lnTo>
                  <a:lnTo>
                    <a:pt x="2" y="192"/>
                  </a:lnTo>
                  <a:lnTo>
                    <a:pt x="8" y="182"/>
                  </a:lnTo>
                  <a:lnTo>
                    <a:pt x="12" y="176"/>
                  </a:lnTo>
                  <a:lnTo>
                    <a:pt x="24" y="172"/>
                  </a:lnTo>
                  <a:lnTo>
                    <a:pt x="32" y="166"/>
                  </a:lnTo>
                  <a:lnTo>
                    <a:pt x="38" y="158"/>
                  </a:lnTo>
                  <a:lnTo>
                    <a:pt x="38" y="152"/>
                  </a:lnTo>
                  <a:lnTo>
                    <a:pt x="40" y="148"/>
                  </a:lnTo>
                  <a:lnTo>
                    <a:pt x="42" y="146"/>
                  </a:lnTo>
                  <a:lnTo>
                    <a:pt x="46" y="144"/>
                  </a:lnTo>
                  <a:lnTo>
                    <a:pt x="50" y="142"/>
                  </a:lnTo>
                  <a:lnTo>
                    <a:pt x="58" y="142"/>
                  </a:lnTo>
                  <a:lnTo>
                    <a:pt x="66" y="140"/>
                  </a:lnTo>
                  <a:lnTo>
                    <a:pt x="76" y="136"/>
                  </a:lnTo>
                  <a:lnTo>
                    <a:pt x="92" y="126"/>
                  </a:lnTo>
                  <a:lnTo>
                    <a:pt x="112" y="120"/>
                  </a:lnTo>
                  <a:lnTo>
                    <a:pt x="124" y="114"/>
                  </a:lnTo>
                  <a:lnTo>
                    <a:pt x="124" y="100"/>
                  </a:lnTo>
                  <a:lnTo>
                    <a:pt x="130" y="92"/>
                  </a:lnTo>
                  <a:lnTo>
                    <a:pt x="132" y="84"/>
                  </a:lnTo>
                  <a:lnTo>
                    <a:pt x="124" y="90"/>
                  </a:lnTo>
                  <a:lnTo>
                    <a:pt x="112" y="100"/>
                  </a:lnTo>
                  <a:lnTo>
                    <a:pt x="104" y="106"/>
                  </a:lnTo>
                  <a:lnTo>
                    <a:pt x="96" y="114"/>
                  </a:lnTo>
                  <a:lnTo>
                    <a:pt x="90" y="104"/>
                  </a:lnTo>
                  <a:lnTo>
                    <a:pt x="96" y="98"/>
                  </a:lnTo>
                  <a:lnTo>
                    <a:pt x="84" y="98"/>
                  </a:lnTo>
                  <a:lnTo>
                    <a:pt x="82" y="90"/>
                  </a:lnTo>
                  <a:lnTo>
                    <a:pt x="82" y="80"/>
                  </a:lnTo>
                  <a:lnTo>
                    <a:pt x="94" y="76"/>
                  </a:lnTo>
                  <a:lnTo>
                    <a:pt x="102" y="68"/>
                  </a:lnTo>
                  <a:lnTo>
                    <a:pt x="110" y="64"/>
                  </a:lnTo>
                  <a:lnTo>
                    <a:pt x="106" y="44"/>
                  </a:lnTo>
                  <a:lnTo>
                    <a:pt x="114" y="44"/>
                  </a:lnTo>
                  <a:lnTo>
                    <a:pt x="120" y="60"/>
                  </a:lnTo>
                  <a:lnTo>
                    <a:pt x="130" y="64"/>
                  </a:lnTo>
                  <a:lnTo>
                    <a:pt x="128" y="46"/>
                  </a:lnTo>
                  <a:lnTo>
                    <a:pt x="130" y="28"/>
                  </a:lnTo>
                  <a:lnTo>
                    <a:pt x="142" y="20"/>
                  </a:lnTo>
                  <a:lnTo>
                    <a:pt x="146" y="8"/>
                  </a:lnTo>
                  <a:lnTo>
                    <a:pt x="158" y="0"/>
                  </a:lnTo>
                  <a:lnTo>
                    <a:pt x="158" y="8"/>
                  </a:lnTo>
                  <a:lnTo>
                    <a:pt x="154" y="20"/>
                  </a:lnTo>
                  <a:lnTo>
                    <a:pt x="148" y="36"/>
                  </a:lnTo>
                  <a:lnTo>
                    <a:pt x="144" y="44"/>
                  </a:lnTo>
                  <a:lnTo>
                    <a:pt x="156" y="50"/>
                  </a:lnTo>
                  <a:lnTo>
                    <a:pt x="154" y="60"/>
                  </a:lnTo>
                  <a:lnTo>
                    <a:pt x="150" y="68"/>
                  </a:lnTo>
                  <a:lnTo>
                    <a:pt x="156" y="74"/>
                  </a:lnTo>
                  <a:lnTo>
                    <a:pt x="156" y="82"/>
                  </a:lnTo>
                  <a:lnTo>
                    <a:pt x="164" y="78"/>
                  </a:lnTo>
                  <a:lnTo>
                    <a:pt x="166" y="60"/>
                  </a:lnTo>
                  <a:lnTo>
                    <a:pt x="174" y="52"/>
                  </a:lnTo>
                  <a:lnTo>
                    <a:pt x="172" y="48"/>
                  </a:lnTo>
                  <a:lnTo>
                    <a:pt x="170" y="46"/>
                  </a:lnTo>
                  <a:lnTo>
                    <a:pt x="172" y="44"/>
                  </a:lnTo>
                  <a:lnTo>
                    <a:pt x="176" y="46"/>
                  </a:lnTo>
                  <a:lnTo>
                    <a:pt x="178" y="48"/>
                  </a:lnTo>
                  <a:lnTo>
                    <a:pt x="182" y="52"/>
                  </a:lnTo>
                  <a:lnTo>
                    <a:pt x="182" y="60"/>
                  </a:lnTo>
                  <a:lnTo>
                    <a:pt x="186" y="70"/>
                  </a:lnTo>
                  <a:lnTo>
                    <a:pt x="184" y="80"/>
                  </a:lnTo>
                  <a:lnTo>
                    <a:pt x="180" y="90"/>
                  </a:lnTo>
                  <a:lnTo>
                    <a:pt x="182" y="96"/>
                  </a:lnTo>
                  <a:lnTo>
                    <a:pt x="178" y="102"/>
                  </a:lnTo>
                  <a:close/>
                </a:path>
              </a:pathLst>
            </a:custGeom>
            <a:solidFill>
              <a:srgbClr val="FF99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34" name="Freeform 104"/>
            <p:cNvSpPr>
              <a:spLocks/>
            </p:cNvSpPr>
            <p:nvPr/>
          </p:nvSpPr>
          <p:spPr bwMode="auto">
            <a:xfrm>
              <a:off x="2619" y="681"/>
              <a:ext cx="54" cy="58"/>
            </a:xfrm>
            <a:custGeom>
              <a:avLst/>
              <a:gdLst>
                <a:gd name="T0" fmla="*/ 8 w 54"/>
                <a:gd name="T1" fmla="*/ 46 h 58"/>
                <a:gd name="T2" fmla="*/ 0 w 54"/>
                <a:gd name="T3" fmla="*/ 28 h 58"/>
                <a:gd name="T4" fmla="*/ 4 w 54"/>
                <a:gd name="T5" fmla="*/ 20 h 58"/>
                <a:gd name="T6" fmla="*/ 12 w 54"/>
                <a:gd name="T7" fmla="*/ 24 h 58"/>
                <a:gd name="T8" fmla="*/ 14 w 54"/>
                <a:gd name="T9" fmla="*/ 24 h 58"/>
                <a:gd name="T10" fmla="*/ 16 w 54"/>
                <a:gd name="T11" fmla="*/ 20 h 58"/>
                <a:gd name="T12" fmla="*/ 18 w 54"/>
                <a:gd name="T13" fmla="*/ 16 h 58"/>
                <a:gd name="T14" fmla="*/ 12 w 54"/>
                <a:gd name="T15" fmla="*/ 0 h 58"/>
                <a:gd name="T16" fmla="*/ 22 w 54"/>
                <a:gd name="T17" fmla="*/ 10 h 58"/>
                <a:gd name="T18" fmla="*/ 26 w 54"/>
                <a:gd name="T19" fmla="*/ 28 h 58"/>
                <a:gd name="T20" fmla="*/ 32 w 54"/>
                <a:gd name="T21" fmla="*/ 18 h 58"/>
                <a:gd name="T22" fmla="*/ 38 w 54"/>
                <a:gd name="T23" fmla="*/ 32 h 58"/>
                <a:gd name="T24" fmla="*/ 48 w 54"/>
                <a:gd name="T25" fmla="*/ 32 h 58"/>
                <a:gd name="T26" fmla="*/ 54 w 54"/>
                <a:gd name="T27" fmla="*/ 42 h 58"/>
                <a:gd name="T28" fmla="*/ 48 w 54"/>
                <a:gd name="T29" fmla="*/ 48 h 58"/>
                <a:gd name="T30" fmla="*/ 38 w 54"/>
                <a:gd name="T31" fmla="*/ 52 h 58"/>
                <a:gd name="T32" fmla="*/ 28 w 54"/>
                <a:gd name="T33" fmla="*/ 56 h 58"/>
                <a:gd name="T34" fmla="*/ 18 w 54"/>
                <a:gd name="T35" fmla="*/ 58 h 58"/>
                <a:gd name="T36" fmla="*/ 8 w 54"/>
                <a:gd name="T37" fmla="*/ 58 h 58"/>
                <a:gd name="T38" fmla="*/ 8 w 54"/>
                <a:gd name="T39" fmla="*/ 46 h 58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0" t="0" r="r" b="b"/>
              <a:pathLst>
                <a:path w="54" h="58">
                  <a:moveTo>
                    <a:pt x="8" y="46"/>
                  </a:moveTo>
                  <a:lnTo>
                    <a:pt x="0" y="28"/>
                  </a:lnTo>
                  <a:lnTo>
                    <a:pt x="4" y="20"/>
                  </a:lnTo>
                  <a:lnTo>
                    <a:pt x="12" y="24"/>
                  </a:lnTo>
                  <a:lnTo>
                    <a:pt x="14" y="24"/>
                  </a:lnTo>
                  <a:lnTo>
                    <a:pt x="16" y="20"/>
                  </a:lnTo>
                  <a:lnTo>
                    <a:pt x="18" y="16"/>
                  </a:lnTo>
                  <a:lnTo>
                    <a:pt x="12" y="0"/>
                  </a:lnTo>
                  <a:lnTo>
                    <a:pt x="22" y="10"/>
                  </a:lnTo>
                  <a:lnTo>
                    <a:pt x="26" y="28"/>
                  </a:lnTo>
                  <a:lnTo>
                    <a:pt x="32" y="18"/>
                  </a:lnTo>
                  <a:lnTo>
                    <a:pt x="38" y="32"/>
                  </a:lnTo>
                  <a:lnTo>
                    <a:pt x="48" y="32"/>
                  </a:lnTo>
                  <a:lnTo>
                    <a:pt x="54" y="42"/>
                  </a:lnTo>
                  <a:lnTo>
                    <a:pt x="48" y="48"/>
                  </a:lnTo>
                  <a:lnTo>
                    <a:pt x="38" y="52"/>
                  </a:lnTo>
                  <a:lnTo>
                    <a:pt x="28" y="56"/>
                  </a:lnTo>
                  <a:lnTo>
                    <a:pt x="18" y="58"/>
                  </a:lnTo>
                  <a:lnTo>
                    <a:pt x="8" y="58"/>
                  </a:lnTo>
                  <a:lnTo>
                    <a:pt x="8" y="46"/>
                  </a:lnTo>
                  <a:close/>
                </a:path>
              </a:pathLst>
            </a:custGeom>
            <a:solidFill>
              <a:srgbClr val="FF99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35" name="Freeform 105"/>
            <p:cNvSpPr>
              <a:spLocks/>
            </p:cNvSpPr>
            <p:nvPr/>
          </p:nvSpPr>
          <p:spPr bwMode="auto">
            <a:xfrm>
              <a:off x="2693" y="675"/>
              <a:ext cx="22" cy="26"/>
            </a:xfrm>
            <a:custGeom>
              <a:avLst/>
              <a:gdLst>
                <a:gd name="T0" fmla="*/ 14 w 22"/>
                <a:gd name="T1" fmla="*/ 24 h 26"/>
                <a:gd name="T2" fmla="*/ 4 w 22"/>
                <a:gd name="T3" fmla="*/ 26 h 26"/>
                <a:gd name="T4" fmla="*/ 0 w 22"/>
                <a:gd name="T5" fmla="*/ 14 h 26"/>
                <a:gd name="T6" fmla="*/ 2 w 22"/>
                <a:gd name="T7" fmla="*/ 6 h 26"/>
                <a:gd name="T8" fmla="*/ 10 w 22"/>
                <a:gd name="T9" fmla="*/ 0 h 26"/>
                <a:gd name="T10" fmla="*/ 12 w 22"/>
                <a:gd name="T11" fmla="*/ 0 h 26"/>
                <a:gd name="T12" fmla="*/ 16 w 22"/>
                <a:gd name="T13" fmla="*/ 0 h 26"/>
                <a:gd name="T14" fmla="*/ 18 w 22"/>
                <a:gd name="T15" fmla="*/ 0 h 26"/>
                <a:gd name="T16" fmla="*/ 20 w 22"/>
                <a:gd name="T17" fmla="*/ 6 h 26"/>
                <a:gd name="T18" fmla="*/ 22 w 22"/>
                <a:gd name="T19" fmla="*/ 14 h 26"/>
                <a:gd name="T20" fmla="*/ 20 w 22"/>
                <a:gd name="T21" fmla="*/ 18 h 26"/>
                <a:gd name="T22" fmla="*/ 14 w 22"/>
                <a:gd name="T23" fmla="*/ 24 h 2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0" t="0" r="r" b="b"/>
              <a:pathLst>
                <a:path w="22" h="26">
                  <a:moveTo>
                    <a:pt x="14" y="24"/>
                  </a:moveTo>
                  <a:lnTo>
                    <a:pt x="4" y="26"/>
                  </a:lnTo>
                  <a:lnTo>
                    <a:pt x="0" y="14"/>
                  </a:lnTo>
                  <a:lnTo>
                    <a:pt x="2" y="6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6" y="0"/>
                  </a:lnTo>
                  <a:lnTo>
                    <a:pt x="18" y="0"/>
                  </a:lnTo>
                  <a:lnTo>
                    <a:pt x="20" y="6"/>
                  </a:lnTo>
                  <a:lnTo>
                    <a:pt x="22" y="14"/>
                  </a:lnTo>
                  <a:lnTo>
                    <a:pt x="20" y="18"/>
                  </a:lnTo>
                  <a:lnTo>
                    <a:pt x="14" y="24"/>
                  </a:lnTo>
                  <a:close/>
                </a:path>
              </a:pathLst>
            </a:custGeom>
            <a:solidFill>
              <a:srgbClr val="FF99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36" name="Freeform 106"/>
            <p:cNvSpPr>
              <a:spLocks/>
            </p:cNvSpPr>
            <p:nvPr/>
          </p:nvSpPr>
          <p:spPr bwMode="auto">
            <a:xfrm>
              <a:off x="2655" y="681"/>
              <a:ext cx="24" cy="28"/>
            </a:xfrm>
            <a:custGeom>
              <a:avLst/>
              <a:gdLst>
                <a:gd name="T0" fmla="*/ 2 w 24"/>
                <a:gd name="T1" fmla="*/ 0 h 28"/>
                <a:gd name="T2" fmla="*/ 12 w 24"/>
                <a:gd name="T3" fmla="*/ 6 h 28"/>
                <a:gd name="T4" fmla="*/ 20 w 24"/>
                <a:gd name="T5" fmla="*/ 8 h 28"/>
                <a:gd name="T6" fmla="*/ 24 w 24"/>
                <a:gd name="T7" fmla="*/ 14 h 28"/>
                <a:gd name="T8" fmla="*/ 24 w 24"/>
                <a:gd name="T9" fmla="*/ 24 h 28"/>
                <a:gd name="T10" fmla="*/ 16 w 24"/>
                <a:gd name="T11" fmla="*/ 28 h 28"/>
                <a:gd name="T12" fmla="*/ 8 w 24"/>
                <a:gd name="T13" fmla="*/ 20 h 28"/>
                <a:gd name="T14" fmla="*/ 6 w 24"/>
                <a:gd name="T15" fmla="*/ 12 h 28"/>
                <a:gd name="T16" fmla="*/ 0 w 24"/>
                <a:gd name="T17" fmla="*/ 6 h 28"/>
                <a:gd name="T18" fmla="*/ 2 w 24"/>
                <a:gd name="T19" fmla="*/ 0 h 28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0" t="0" r="r" b="b"/>
              <a:pathLst>
                <a:path w="24" h="28">
                  <a:moveTo>
                    <a:pt x="2" y="0"/>
                  </a:moveTo>
                  <a:lnTo>
                    <a:pt x="12" y="6"/>
                  </a:lnTo>
                  <a:lnTo>
                    <a:pt x="20" y="8"/>
                  </a:lnTo>
                  <a:lnTo>
                    <a:pt x="24" y="14"/>
                  </a:lnTo>
                  <a:lnTo>
                    <a:pt x="24" y="24"/>
                  </a:lnTo>
                  <a:lnTo>
                    <a:pt x="16" y="28"/>
                  </a:lnTo>
                  <a:lnTo>
                    <a:pt x="8" y="20"/>
                  </a:lnTo>
                  <a:lnTo>
                    <a:pt x="6" y="12"/>
                  </a:lnTo>
                  <a:lnTo>
                    <a:pt x="0" y="6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FF99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4037" name="Freeform 107"/>
            <p:cNvSpPr>
              <a:spLocks/>
            </p:cNvSpPr>
            <p:nvPr/>
          </p:nvSpPr>
          <p:spPr bwMode="auto">
            <a:xfrm>
              <a:off x="2759" y="573"/>
              <a:ext cx="62" cy="60"/>
            </a:xfrm>
            <a:custGeom>
              <a:avLst/>
              <a:gdLst>
                <a:gd name="T0" fmla="*/ 34 w 62"/>
                <a:gd name="T1" fmla="*/ 20 h 60"/>
                <a:gd name="T2" fmla="*/ 34 w 62"/>
                <a:gd name="T3" fmla="*/ 24 h 60"/>
                <a:gd name="T4" fmla="*/ 34 w 62"/>
                <a:gd name="T5" fmla="*/ 28 h 60"/>
                <a:gd name="T6" fmla="*/ 26 w 62"/>
                <a:gd name="T7" fmla="*/ 32 h 60"/>
                <a:gd name="T8" fmla="*/ 22 w 62"/>
                <a:gd name="T9" fmla="*/ 24 h 60"/>
                <a:gd name="T10" fmla="*/ 14 w 62"/>
                <a:gd name="T11" fmla="*/ 28 h 60"/>
                <a:gd name="T12" fmla="*/ 4 w 62"/>
                <a:gd name="T13" fmla="*/ 34 h 60"/>
                <a:gd name="T14" fmla="*/ 0 w 62"/>
                <a:gd name="T15" fmla="*/ 42 h 60"/>
                <a:gd name="T16" fmla="*/ 10 w 62"/>
                <a:gd name="T17" fmla="*/ 46 h 60"/>
                <a:gd name="T18" fmla="*/ 12 w 62"/>
                <a:gd name="T19" fmla="*/ 52 h 60"/>
                <a:gd name="T20" fmla="*/ 6 w 62"/>
                <a:gd name="T21" fmla="*/ 60 h 60"/>
                <a:gd name="T22" fmla="*/ 16 w 62"/>
                <a:gd name="T23" fmla="*/ 58 h 60"/>
                <a:gd name="T24" fmla="*/ 30 w 62"/>
                <a:gd name="T25" fmla="*/ 50 h 60"/>
                <a:gd name="T26" fmla="*/ 42 w 62"/>
                <a:gd name="T27" fmla="*/ 48 h 60"/>
                <a:gd name="T28" fmla="*/ 50 w 62"/>
                <a:gd name="T29" fmla="*/ 38 h 60"/>
                <a:gd name="T30" fmla="*/ 54 w 62"/>
                <a:gd name="T31" fmla="*/ 30 h 60"/>
                <a:gd name="T32" fmla="*/ 60 w 62"/>
                <a:gd name="T33" fmla="*/ 18 h 60"/>
                <a:gd name="T34" fmla="*/ 62 w 62"/>
                <a:gd name="T35" fmla="*/ 10 h 60"/>
                <a:gd name="T36" fmla="*/ 62 w 62"/>
                <a:gd name="T37" fmla="*/ 2 h 60"/>
                <a:gd name="T38" fmla="*/ 58 w 62"/>
                <a:gd name="T39" fmla="*/ 0 h 60"/>
                <a:gd name="T40" fmla="*/ 46 w 62"/>
                <a:gd name="T41" fmla="*/ 2 h 60"/>
                <a:gd name="T42" fmla="*/ 42 w 62"/>
                <a:gd name="T43" fmla="*/ 12 h 60"/>
                <a:gd name="T44" fmla="*/ 42 w 62"/>
                <a:gd name="T45" fmla="*/ 20 h 60"/>
                <a:gd name="T46" fmla="*/ 34 w 62"/>
                <a:gd name="T47" fmla="*/ 20 h 60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</a:gdLst>
              <a:ahLst/>
              <a:cxnLst>
                <a:cxn ang="T48">
                  <a:pos x="T0" y="T1"/>
                </a:cxn>
                <a:cxn ang="T49">
                  <a:pos x="T2" y="T3"/>
                </a:cxn>
                <a:cxn ang="T50">
                  <a:pos x="T4" y="T5"/>
                </a:cxn>
                <a:cxn ang="T51">
                  <a:pos x="T6" y="T7"/>
                </a:cxn>
                <a:cxn ang="T52">
                  <a:pos x="T8" y="T9"/>
                </a:cxn>
                <a:cxn ang="T53">
                  <a:pos x="T10" y="T11"/>
                </a:cxn>
                <a:cxn ang="T54">
                  <a:pos x="T12" y="T13"/>
                </a:cxn>
                <a:cxn ang="T55">
                  <a:pos x="T14" y="T15"/>
                </a:cxn>
                <a:cxn ang="T56">
                  <a:pos x="T16" y="T17"/>
                </a:cxn>
                <a:cxn ang="T57">
                  <a:pos x="T18" y="T19"/>
                </a:cxn>
                <a:cxn ang="T58">
                  <a:pos x="T20" y="T21"/>
                </a:cxn>
                <a:cxn ang="T59">
                  <a:pos x="T22" y="T23"/>
                </a:cxn>
                <a:cxn ang="T60">
                  <a:pos x="T24" y="T25"/>
                </a:cxn>
                <a:cxn ang="T61">
                  <a:pos x="T26" y="T27"/>
                </a:cxn>
                <a:cxn ang="T62">
                  <a:pos x="T28" y="T29"/>
                </a:cxn>
                <a:cxn ang="T63">
                  <a:pos x="T30" y="T31"/>
                </a:cxn>
                <a:cxn ang="T64">
                  <a:pos x="T32" y="T33"/>
                </a:cxn>
                <a:cxn ang="T65">
                  <a:pos x="T34" y="T35"/>
                </a:cxn>
                <a:cxn ang="T66">
                  <a:pos x="T36" y="T37"/>
                </a:cxn>
                <a:cxn ang="T67">
                  <a:pos x="T38" y="T39"/>
                </a:cxn>
                <a:cxn ang="T68">
                  <a:pos x="T40" y="T41"/>
                </a:cxn>
                <a:cxn ang="T69">
                  <a:pos x="T42" y="T43"/>
                </a:cxn>
                <a:cxn ang="T70">
                  <a:pos x="T44" y="T45"/>
                </a:cxn>
                <a:cxn ang="T71">
                  <a:pos x="T46" y="T47"/>
                </a:cxn>
              </a:cxnLst>
              <a:rect l="0" t="0" r="r" b="b"/>
              <a:pathLst>
                <a:path w="62" h="60">
                  <a:moveTo>
                    <a:pt x="34" y="20"/>
                  </a:moveTo>
                  <a:lnTo>
                    <a:pt x="34" y="24"/>
                  </a:lnTo>
                  <a:lnTo>
                    <a:pt x="34" y="28"/>
                  </a:lnTo>
                  <a:lnTo>
                    <a:pt x="26" y="32"/>
                  </a:lnTo>
                  <a:lnTo>
                    <a:pt x="22" y="24"/>
                  </a:lnTo>
                  <a:lnTo>
                    <a:pt x="14" y="28"/>
                  </a:lnTo>
                  <a:lnTo>
                    <a:pt x="4" y="34"/>
                  </a:lnTo>
                  <a:lnTo>
                    <a:pt x="0" y="42"/>
                  </a:lnTo>
                  <a:lnTo>
                    <a:pt x="10" y="46"/>
                  </a:lnTo>
                  <a:lnTo>
                    <a:pt x="12" y="52"/>
                  </a:lnTo>
                  <a:lnTo>
                    <a:pt x="6" y="60"/>
                  </a:lnTo>
                  <a:lnTo>
                    <a:pt x="16" y="58"/>
                  </a:lnTo>
                  <a:lnTo>
                    <a:pt x="30" y="50"/>
                  </a:lnTo>
                  <a:lnTo>
                    <a:pt x="42" y="48"/>
                  </a:lnTo>
                  <a:lnTo>
                    <a:pt x="50" y="38"/>
                  </a:lnTo>
                  <a:lnTo>
                    <a:pt x="54" y="30"/>
                  </a:lnTo>
                  <a:lnTo>
                    <a:pt x="60" y="18"/>
                  </a:lnTo>
                  <a:lnTo>
                    <a:pt x="62" y="10"/>
                  </a:lnTo>
                  <a:lnTo>
                    <a:pt x="62" y="2"/>
                  </a:lnTo>
                  <a:lnTo>
                    <a:pt x="58" y="0"/>
                  </a:lnTo>
                  <a:lnTo>
                    <a:pt x="46" y="2"/>
                  </a:lnTo>
                  <a:lnTo>
                    <a:pt x="42" y="12"/>
                  </a:lnTo>
                  <a:lnTo>
                    <a:pt x="42" y="20"/>
                  </a:lnTo>
                  <a:lnTo>
                    <a:pt x="34" y="20"/>
                  </a:lnTo>
                  <a:close/>
                </a:path>
              </a:pathLst>
            </a:custGeom>
            <a:solidFill>
              <a:srgbClr val="FF99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3978" name="Freeform 108"/>
          <p:cNvSpPr>
            <a:spLocks/>
          </p:cNvSpPr>
          <p:nvPr/>
        </p:nvSpPr>
        <p:spPr bwMode="auto">
          <a:xfrm>
            <a:off x="4781550" y="2339975"/>
            <a:ext cx="33338" cy="34925"/>
          </a:xfrm>
          <a:custGeom>
            <a:avLst/>
            <a:gdLst>
              <a:gd name="T0" fmla="*/ 2147483647 w 26"/>
              <a:gd name="T1" fmla="*/ 0 h 28"/>
              <a:gd name="T2" fmla="*/ 2147483647 w 26"/>
              <a:gd name="T3" fmla="*/ 2147483647 h 28"/>
              <a:gd name="T4" fmla="*/ 2147483647 w 26"/>
              <a:gd name="T5" fmla="*/ 2147483647 h 28"/>
              <a:gd name="T6" fmla="*/ 2147483647 w 26"/>
              <a:gd name="T7" fmla="*/ 2147483647 h 28"/>
              <a:gd name="T8" fmla="*/ 2147483647 w 26"/>
              <a:gd name="T9" fmla="*/ 2147483647 h 28"/>
              <a:gd name="T10" fmla="*/ 2147483647 w 26"/>
              <a:gd name="T11" fmla="*/ 2147483647 h 28"/>
              <a:gd name="T12" fmla="*/ 2147483647 w 26"/>
              <a:gd name="T13" fmla="*/ 2147483647 h 28"/>
              <a:gd name="T14" fmla="*/ 0 w 26"/>
              <a:gd name="T15" fmla="*/ 2147483647 h 28"/>
              <a:gd name="T16" fmla="*/ 0 w 26"/>
              <a:gd name="T17" fmla="*/ 2147483647 h 28"/>
              <a:gd name="T18" fmla="*/ 2147483647 w 26"/>
              <a:gd name="T19" fmla="*/ 2147483647 h 28"/>
              <a:gd name="T20" fmla="*/ 2147483647 w 26"/>
              <a:gd name="T21" fmla="*/ 0 h 2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26" h="28">
                <a:moveTo>
                  <a:pt x="8" y="0"/>
                </a:moveTo>
                <a:lnTo>
                  <a:pt x="18" y="2"/>
                </a:lnTo>
                <a:lnTo>
                  <a:pt x="24" y="10"/>
                </a:lnTo>
                <a:lnTo>
                  <a:pt x="26" y="22"/>
                </a:lnTo>
                <a:lnTo>
                  <a:pt x="20" y="26"/>
                </a:lnTo>
                <a:lnTo>
                  <a:pt x="8" y="22"/>
                </a:lnTo>
                <a:lnTo>
                  <a:pt x="6" y="28"/>
                </a:lnTo>
                <a:lnTo>
                  <a:pt x="0" y="26"/>
                </a:lnTo>
                <a:lnTo>
                  <a:pt x="0" y="14"/>
                </a:lnTo>
                <a:lnTo>
                  <a:pt x="8" y="8"/>
                </a:lnTo>
                <a:lnTo>
                  <a:pt x="8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79" name="Freeform 109"/>
          <p:cNvSpPr>
            <a:spLocks/>
          </p:cNvSpPr>
          <p:nvPr/>
        </p:nvSpPr>
        <p:spPr bwMode="auto">
          <a:xfrm>
            <a:off x="5053013" y="2859088"/>
            <a:ext cx="31750" cy="42862"/>
          </a:xfrm>
          <a:custGeom>
            <a:avLst/>
            <a:gdLst>
              <a:gd name="T0" fmla="*/ 2147483647 w 24"/>
              <a:gd name="T1" fmla="*/ 0 h 32"/>
              <a:gd name="T2" fmla="*/ 2147483647 w 24"/>
              <a:gd name="T3" fmla="*/ 2147483647 h 32"/>
              <a:gd name="T4" fmla="*/ 2147483647 w 24"/>
              <a:gd name="T5" fmla="*/ 2147483647 h 32"/>
              <a:gd name="T6" fmla="*/ 2147483647 w 24"/>
              <a:gd name="T7" fmla="*/ 2147483647 h 32"/>
              <a:gd name="T8" fmla="*/ 0 w 24"/>
              <a:gd name="T9" fmla="*/ 2147483647 h 32"/>
              <a:gd name="T10" fmla="*/ 2147483647 w 24"/>
              <a:gd name="T11" fmla="*/ 2147483647 h 32"/>
              <a:gd name="T12" fmla="*/ 2147483647 w 24"/>
              <a:gd name="T13" fmla="*/ 2147483647 h 32"/>
              <a:gd name="T14" fmla="*/ 2147483647 w 24"/>
              <a:gd name="T15" fmla="*/ 0 h 32"/>
              <a:gd name="T16" fmla="*/ 2147483647 w 24"/>
              <a:gd name="T17" fmla="*/ 0 h 3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24" h="32">
                <a:moveTo>
                  <a:pt x="24" y="0"/>
                </a:moveTo>
                <a:lnTo>
                  <a:pt x="24" y="12"/>
                </a:lnTo>
                <a:lnTo>
                  <a:pt x="20" y="20"/>
                </a:lnTo>
                <a:lnTo>
                  <a:pt x="10" y="32"/>
                </a:lnTo>
                <a:lnTo>
                  <a:pt x="0" y="22"/>
                </a:lnTo>
                <a:lnTo>
                  <a:pt x="8" y="16"/>
                </a:lnTo>
                <a:lnTo>
                  <a:pt x="12" y="8"/>
                </a:lnTo>
                <a:lnTo>
                  <a:pt x="14" y="0"/>
                </a:lnTo>
                <a:lnTo>
                  <a:pt x="2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80" name="Freeform 110"/>
          <p:cNvSpPr>
            <a:spLocks/>
          </p:cNvSpPr>
          <p:nvPr/>
        </p:nvSpPr>
        <p:spPr bwMode="auto">
          <a:xfrm>
            <a:off x="5927725" y="2635250"/>
            <a:ext cx="82550" cy="174625"/>
          </a:xfrm>
          <a:custGeom>
            <a:avLst/>
            <a:gdLst>
              <a:gd name="T0" fmla="*/ 2147483647 w 64"/>
              <a:gd name="T1" fmla="*/ 2147483647 h 136"/>
              <a:gd name="T2" fmla="*/ 2147483647 w 64"/>
              <a:gd name="T3" fmla="*/ 2147483647 h 136"/>
              <a:gd name="T4" fmla="*/ 2147483647 w 64"/>
              <a:gd name="T5" fmla="*/ 2147483647 h 136"/>
              <a:gd name="T6" fmla="*/ 2147483647 w 64"/>
              <a:gd name="T7" fmla="*/ 2147483647 h 136"/>
              <a:gd name="T8" fmla="*/ 2147483647 w 64"/>
              <a:gd name="T9" fmla="*/ 2147483647 h 136"/>
              <a:gd name="T10" fmla="*/ 2147483647 w 64"/>
              <a:gd name="T11" fmla="*/ 2147483647 h 136"/>
              <a:gd name="T12" fmla="*/ 2147483647 w 64"/>
              <a:gd name="T13" fmla="*/ 2147483647 h 136"/>
              <a:gd name="T14" fmla="*/ 2147483647 w 64"/>
              <a:gd name="T15" fmla="*/ 2147483647 h 136"/>
              <a:gd name="T16" fmla="*/ 2147483647 w 64"/>
              <a:gd name="T17" fmla="*/ 2147483647 h 136"/>
              <a:gd name="T18" fmla="*/ 2147483647 w 64"/>
              <a:gd name="T19" fmla="*/ 2147483647 h 136"/>
              <a:gd name="T20" fmla="*/ 2147483647 w 64"/>
              <a:gd name="T21" fmla="*/ 2147483647 h 136"/>
              <a:gd name="T22" fmla="*/ 2147483647 w 64"/>
              <a:gd name="T23" fmla="*/ 2147483647 h 136"/>
              <a:gd name="T24" fmla="*/ 2147483647 w 64"/>
              <a:gd name="T25" fmla="*/ 2147483647 h 136"/>
              <a:gd name="T26" fmla="*/ 2147483647 w 64"/>
              <a:gd name="T27" fmla="*/ 2147483647 h 136"/>
              <a:gd name="T28" fmla="*/ 2147483647 w 64"/>
              <a:gd name="T29" fmla="*/ 2147483647 h 136"/>
              <a:gd name="T30" fmla="*/ 2147483647 w 64"/>
              <a:gd name="T31" fmla="*/ 2147483647 h 136"/>
              <a:gd name="T32" fmla="*/ 2147483647 w 64"/>
              <a:gd name="T33" fmla="*/ 2147483647 h 136"/>
              <a:gd name="T34" fmla="*/ 2147483647 w 64"/>
              <a:gd name="T35" fmla="*/ 2147483647 h 136"/>
              <a:gd name="T36" fmla="*/ 2147483647 w 64"/>
              <a:gd name="T37" fmla="*/ 2147483647 h 136"/>
              <a:gd name="T38" fmla="*/ 2147483647 w 64"/>
              <a:gd name="T39" fmla="*/ 2147483647 h 136"/>
              <a:gd name="T40" fmla="*/ 2147483647 w 64"/>
              <a:gd name="T41" fmla="*/ 2147483647 h 136"/>
              <a:gd name="T42" fmla="*/ 2147483647 w 64"/>
              <a:gd name="T43" fmla="*/ 2147483647 h 136"/>
              <a:gd name="T44" fmla="*/ 0 w 64"/>
              <a:gd name="T45" fmla="*/ 2147483647 h 136"/>
              <a:gd name="T46" fmla="*/ 0 w 64"/>
              <a:gd name="T47" fmla="*/ 2147483647 h 136"/>
              <a:gd name="T48" fmla="*/ 2147483647 w 64"/>
              <a:gd name="T49" fmla="*/ 2147483647 h 136"/>
              <a:gd name="T50" fmla="*/ 2147483647 w 64"/>
              <a:gd name="T51" fmla="*/ 2147483647 h 136"/>
              <a:gd name="T52" fmla="*/ 2147483647 w 64"/>
              <a:gd name="T53" fmla="*/ 2147483647 h 136"/>
              <a:gd name="T54" fmla="*/ 2147483647 w 64"/>
              <a:gd name="T55" fmla="*/ 2147483647 h 136"/>
              <a:gd name="T56" fmla="*/ 2147483647 w 64"/>
              <a:gd name="T57" fmla="*/ 2147483647 h 136"/>
              <a:gd name="T58" fmla="*/ 2147483647 w 64"/>
              <a:gd name="T59" fmla="*/ 0 h 136"/>
              <a:gd name="T60" fmla="*/ 2147483647 w 64"/>
              <a:gd name="T61" fmla="*/ 2147483647 h 1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0" t="0" r="r" b="b"/>
            <a:pathLst>
              <a:path w="64" h="136">
                <a:moveTo>
                  <a:pt x="64" y="8"/>
                </a:moveTo>
                <a:lnTo>
                  <a:pt x="56" y="22"/>
                </a:lnTo>
                <a:lnTo>
                  <a:pt x="44" y="30"/>
                </a:lnTo>
                <a:lnTo>
                  <a:pt x="44" y="54"/>
                </a:lnTo>
                <a:lnTo>
                  <a:pt x="46" y="64"/>
                </a:lnTo>
                <a:lnTo>
                  <a:pt x="54" y="68"/>
                </a:lnTo>
                <a:lnTo>
                  <a:pt x="52" y="76"/>
                </a:lnTo>
                <a:lnTo>
                  <a:pt x="44" y="82"/>
                </a:lnTo>
                <a:lnTo>
                  <a:pt x="42" y="94"/>
                </a:lnTo>
                <a:lnTo>
                  <a:pt x="32" y="100"/>
                </a:lnTo>
                <a:lnTo>
                  <a:pt x="26" y="114"/>
                </a:lnTo>
                <a:lnTo>
                  <a:pt x="24" y="126"/>
                </a:lnTo>
                <a:lnTo>
                  <a:pt x="24" y="130"/>
                </a:lnTo>
                <a:lnTo>
                  <a:pt x="22" y="134"/>
                </a:lnTo>
                <a:lnTo>
                  <a:pt x="18" y="136"/>
                </a:lnTo>
                <a:lnTo>
                  <a:pt x="16" y="136"/>
                </a:lnTo>
                <a:lnTo>
                  <a:pt x="14" y="134"/>
                </a:lnTo>
                <a:lnTo>
                  <a:pt x="14" y="126"/>
                </a:lnTo>
                <a:lnTo>
                  <a:pt x="12" y="118"/>
                </a:lnTo>
                <a:lnTo>
                  <a:pt x="4" y="102"/>
                </a:lnTo>
                <a:lnTo>
                  <a:pt x="4" y="90"/>
                </a:lnTo>
                <a:lnTo>
                  <a:pt x="6" y="80"/>
                </a:lnTo>
                <a:lnTo>
                  <a:pt x="0" y="68"/>
                </a:lnTo>
                <a:lnTo>
                  <a:pt x="0" y="52"/>
                </a:lnTo>
                <a:lnTo>
                  <a:pt x="12" y="38"/>
                </a:lnTo>
                <a:lnTo>
                  <a:pt x="20" y="16"/>
                </a:lnTo>
                <a:lnTo>
                  <a:pt x="36" y="2"/>
                </a:lnTo>
                <a:lnTo>
                  <a:pt x="42" y="10"/>
                </a:lnTo>
                <a:lnTo>
                  <a:pt x="52" y="2"/>
                </a:lnTo>
                <a:lnTo>
                  <a:pt x="62" y="0"/>
                </a:lnTo>
                <a:lnTo>
                  <a:pt x="64" y="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81" name="Freeform 111"/>
          <p:cNvSpPr>
            <a:spLocks/>
          </p:cNvSpPr>
          <p:nvPr/>
        </p:nvSpPr>
        <p:spPr bwMode="auto">
          <a:xfrm>
            <a:off x="5788025" y="2751138"/>
            <a:ext cx="55563" cy="193675"/>
          </a:xfrm>
          <a:custGeom>
            <a:avLst/>
            <a:gdLst>
              <a:gd name="T0" fmla="*/ 2147483647 w 44"/>
              <a:gd name="T1" fmla="*/ 2147483647 h 150"/>
              <a:gd name="T2" fmla="*/ 2147483647 w 44"/>
              <a:gd name="T3" fmla="*/ 2147483647 h 150"/>
              <a:gd name="T4" fmla="*/ 2147483647 w 44"/>
              <a:gd name="T5" fmla="*/ 2147483647 h 150"/>
              <a:gd name="T6" fmla="*/ 2147483647 w 44"/>
              <a:gd name="T7" fmla="*/ 2147483647 h 150"/>
              <a:gd name="T8" fmla="*/ 2147483647 w 44"/>
              <a:gd name="T9" fmla="*/ 2147483647 h 150"/>
              <a:gd name="T10" fmla="*/ 2147483647 w 44"/>
              <a:gd name="T11" fmla="*/ 2147483647 h 150"/>
              <a:gd name="T12" fmla="*/ 2147483647 w 44"/>
              <a:gd name="T13" fmla="*/ 2147483647 h 150"/>
              <a:gd name="T14" fmla="*/ 2147483647 w 44"/>
              <a:gd name="T15" fmla="*/ 2147483647 h 150"/>
              <a:gd name="T16" fmla="*/ 0 w 44"/>
              <a:gd name="T17" fmla="*/ 2147483647 h 150"/>
              <a:gd name="T18" fmla="*/ 0 w 44"/>
              <a:gd name="T19" fmla="*/ 2147483647 h 150"/>
              <a:gd name="T20" fmla="*/ 2147483647 w 44"/>
              <a:gd name="T21" fmla="*/ 2147483647 h 150"/>
              <a:gd name="T22" fmla="*/ 2147483647 w 44"/>
              <a:gd name="T23" fmla="*/ 2147483647 h 150"/>
              <a:gd name="T24" fmla="*/ 2147483647 w 44"/>
              <a:gd name="T25" fmla="*/ 2147483647 h 150"/>
              <a:gd name="T26" fmla="*/ 2147483647 w 44"/>
              <a:gd name="T27" fmla="*/ 2147483647 h 150"/>
              <a:gd name="T28" fmla="*/ 2147483647 w 44"/>
              <a:gd name="T29" fmla="*/ 0 h 150"/>
              <a:gd name="T30" fmla="*/ 2147483647 w 44"/>
              <a:gd name="T31" fmla="*/ 2147483647 h 15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44" h="150">
                <a:moveTo>
                  <a:pt x="44" y="4"/>
                </a:moveTo>
                <a:lnTo>
                  <a:pt x="40" y="24"/>
                </a:lnTo>
                <a:lnTo>
                  <a:pt x="36" y="40"/>
                </a:lnTo>
                <a:lnTo>
                  <a:pt x="28" y="64"/>
                </a:lnTo>
                <a:lnTo>
                  <a:pt x="22" y="86"/>
                </a:lnTo>
                <a:lnTo>
                  <a:pt x="16" y="120"/>
                </a:lnTo>
                <a:lnTo>
                  <a:pt x="12" y="138"/>
                </a:lnTo>
                <a:lnTo>
                  <a:pt x="4" y="150"/>
                </a:lnTo>
                <a:lnTo>
                  <a:pt x="0" y="128"/>
                </a:lnTo>
                <a:lnTo>
                  <a:pt x="0" y="104"/>
                </a:lnTo>
                <a:lnTo>
                  <a:pt x="12" y="76"/>
                </a:lnTo>
                <a:lnTo>
                  <a:pt x="20" y="54"/>
                </a:lnTo>
                <a:lnTo>
                  <a:pt x="32" y="34"/>
                </a:lnTo>
                <a:lnTo>
                  <a:pt x="32" y="12"/>
                </a:lnTo>
                <a:lnTo>
                  <a:pt x="36" y="0"/>
                </a:lnTo>
                <a:lnTo>
                  <a:pt x="44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82" name="Freeform 112"/>
          <p:cNvSpPr>
            <a:spLocks/>
          </p:cNvSpPr>
          <p:nvPr/>
        </p:nvSpPr>
        <p:spPr bwMode="auto">
          <a:xfrm>
            <a:off x="5994400" y="2222500"/>
            <a:ext cx="68263" cy="52388"/>
          </a:xfrm>
          <a:custGeom>
            <a:avLst/>
            <a:gdLst>
              <a:gd name="T0" fmla="*/ 2147483647 w 52"/>
              <a:gd name="T1" fmla="*/ 2147483647 h 40"/>
              <a:gd name="T2" fmla="*/ 2147483647 w 52"/>
              <a:gd name="T3" fmla="*/ 2147483647 h 40"/>
              <a:gd name="T4" fmla="*/ 2147483647 w 52"/>
              <a:gd name="T5" fmla="*/ 2147483647 h 40"/>
              <a:gd name="T6" fmla="*/ 2147483647 w 52"/>
              <a:gd name="T7" fmla="*/ 2147483647 h 40"/>
              <a:gd name="T8" fmla="*/ 2147483647 w 52"/>
              <a:gd name="T9" fmla="*/ 2147483647 h 40"/>
              <a:gd name="T10" fmla="*/ 2147483647 w 52"/>
              <a:gd name="T11" fmla="*/ 2147483647 h 40"/>
              <a:gd name="T12" fmla="*/ 2147483647 w 52"/>
              <a:gd name="T13" fmla="*/ 2147483647 h 40"/>
              <a:gd name="T14" fmla="*/ 2147483647 w 52"/>
              <a:gd name="T15" fmla="*/ 2147483647 h 40"/>
              <a:gd name="T16" fmla="*/ 2147483647 w 52"/>
              <a:gd name="T17" fmla="*/ 2147483647 h 40"/>
              <a:gd name="T18" fmla="*/ 2147483647 w 52"/>
              <a:gd name="T19" fmla="*/ 2147483647 h 40"/>
              <a:gd name="T20" fmla="*/ 2147483647 w 52"/>
              <a:gd name="T21" fmla="*/ 2147483647 h 40"/>
              <a:gd name="T22" fmla="*/ 2147483647 w 52"/>
              <a:gd name="T23" fmla="*/ 2147483647 h 40"/>
              <a:gd name="T24" fmla="*/ 0 w 52"/>
              <a:gd name="T25" fmla="*/ 2147483647 h 40"/>
              <a:gd name="T26" fmla="*/ 2147483647 w 52"/>
              <a:gd name="T27" fmla="*/ 2147483647 h 40"/>
              <a:gd name="T28" fmla="*/ 2147483647 w 52"/>
              <a:gd name="T29" fmla="*/ 2147483647 h 40"/>
              <a:gd name="T30" fmla="*/ 2147483647 w 52"/>
              <a:gd name="T31" fmla="*/ 2147483647 h 40"/>
              <a:gd name="T32" fmla="*/ 2147483647 w 52"/>
              <a:gd name="T33" fmla="*/ 0 h 40"/>
              <a:gd name="T34" fmla="*/ 2147483647 w 52"/>
              <a:gd name="T35" fmla="*/ 2147483647 h 40"/>
              <a:gd name="T36" fmla="*/ 2147483647 w 52"/>
              <a:gd name="T37" fmla="*/ 2147483647 h 40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0" t="0" r="r" b="b"/>
            <a:pathLst>
              <a:path w="52" h="40">
                <a:moveTo>
                  <a:pt x="32" y="12"/>
                </a:moveTo>
                <a:lnTo>
                  <a:pt x="32" y="22"/>
                </a:lnTo>
                <a:lnTo>
                  <a:pt x="44" y="18"/>
                </a:lnTo>
                <a:lnTo>
                  <a:pt x="52" y="18"/>
                </a:lnTo>
                <a:lnTo>
                  <a:pt x="52" y="32"/>
                </a:lnTo>
                <a:lnTo>
                  <a:pt x="40" y="32"/>
                </a:lnTo>
                <a:lnTo>
                  <a:pt x="36" y="40"/>
                </a:lnTo>
                <a:lnTo>
                  <a:pt x="28" y="34"/>
                </a:lnTo>
                <a:lnTo>
                  <a:pt x="20" y="34"/>
                </a:lnTo>
                <a:lnTo>
                  <a:pt x="12" y="32"/>
                </a:lnTo>
                <a:lnTo>
                  <a:pt x="10" y="24"/>
                </a:lnTo>
                <a:lnTo>
                  <a:pt x="4" y="24"/>
                </a:lnTo>
                <a:lnTo>
                  <a:pt x="0" y="14"/>
                </a:lnTo>
                <a:lnTo>
                  <a:pt x="8" y="8"/>
                </a:lnTo>
                <a:lnTo>
                  <a:pt x="16" y="14"/>
                </a:lnTo>
                <a:lnTo>
                  <a:pt x="24" y="12"/>
                </a:lnTo>
                <a:lnTo>
                  <a:pt x="22" y="0"/>
                </a:lnTo>
                <a:lnTo>
                  <a:pt x="28" y="2"/>
                </a:lnTo>
                <a:lnTo>
                  <a:pt x="32" y="1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83" name="Freeform 113"/>
          <p:cNvSpPr>
            <a:spLocks/>
          </p:cNvSpPr>
          <p:nvPr/>
        </p:nvSpPr>
        <p:spPr bwMode="auto">
          <a:xfrm>
            <a:off x="4794250" y="4494213"/>
            <a:ext cx="1514475" cy="1525587"/>
          </a:xfrm>
          <a:custGeom>
            <a:avLst/>
            <a:gdLst>
              <a:gd name="T0" fmla="*/ 2147483647 w 1169"/>
              <a:gd name="T1" fmla="*/ 2147483647 h 1178"/>
              <a:gd name="T2" fmla="*/ 2147483647 w 1169"/>
              <a:gd name="T3" fmla="*/ 2147483647 h 1178"/>
              <a:gd name="T4" fmla="*/ 2147483647 w 1169"/>
              <a:gd name="T5" fmla="*/ 2147483647 h 1178"/>
              <a:gd name="T6" fmla="*/ 2147483647 w 1169"/>
              <a:gd name="T7" fmla="*/ 2147483647 h 1178"/>
              <a:gd name="T8" fmla="*/ 2147483647 w 1169"/>
              <a:gd name="T9" fmla="*/ 2147483647 h 1178"/>
              <a:gd name="T10" fmla="*/ 2147483647 w 1169"/>
              <a:gd name="T11" fmla="*/ 2147483647 h 1178"/>
              <a:gd name="T12" fmla="*/ 2147483647 w 1169"/>
              <a:gd name="T13" fmla="*/ 2147483647 h 1178"/>
              <a:gd name="T14" fmla="*/ 2147483647 w 1169"/>
              <a:gd name="T15" fmla="*/ 2147483647 h 1178"/>
              <a:gd name="T16" fmla="*/ 2147483647 w 1169"/>
              <a:gd name="T17" fmla="*/ 2147483647 h 1178"/>
              <a:gd name="T18" fmla="*/ 2147483647 w 1169"/>
              <a:gd name="T19" fmla="*/ 2147483647 h 1178"/>
              <a:gd name="T20" fmla="*/ 2147483647 w 1169"/>
              <a:gd name="T21" fmla="*/ 2147483647 h 1178"/>
              <a:gd name="T22" fmla="*/ 2147483647 w 1169"/>
              <a:gd name="T23" fmla="*/ 2147483647 h 1178"/>
              <a:gd name="T24" fmla="*/ 2147483647 w 1169"/>
              <a:gd name="T25" fmla="*/ 2147483647 h 1178"/>
              <a:gd name="T26" fmla="*/ 2147483647 w 1169"/>
              <a:gd name="T27" fmla="*/ 2147483647 h 1178"/>
              <a:gd name="T28" fmla="*/ 2147483647 w 1169"/>
              <a:gd name="T29" fmla="*/ 2147483647 h 1178"/>
              <a:gd name="T30" fmla="*/ 2147483647 w 1169"/>
              <a:gd name="T31" fmla="*/ 2147483647 h 1178"/>
              <a:gd name="T32" fmla="*/ 2147483647 w 1169"/>
              <a:gd name="T33" fmla="*/ 2147483647 h 1178"/>
              <a:gd name="T34" fmla="*/ 2147483647 w 1169"/>
              <a:gd name="T35" fmla="*/ 2147483647 h 1178"/>
              <a:gd name="T36" fmla="*/ 2147483647 w 1169"/>
              <a:gd name="T37" fmla="*/ 2147483647 h 1178"/>
              <a:gd name="T38" fmla="*/ 2147483647 w 1169"/>
              <a:gd name="T39" fmla="*/ 2147483647 h 1178"/>
              <a:gd name="T40" fmla="*/ 2147483647 w 1169"/>
              <a:gd name="T41" fmla="*/ 2147483647 h 1178"/>
              <a:gd name="T42" fmla="*/ 2147483647 w 1169"/>
              <a:gd name="T43" fmla="*/ 2147483647 h 1178"/>
              <a:gd name="T44" fmla="*/ 2147483647 w 1169"/>
              <a:gd name="T45" fmla="*/ 2147483647 h 1178"/>
              <a:gd name="T46" fmla="*/ 2147483647 w 1169"/>
              <a:gd name="T47" fmla="*/ 2147483647 h 1178"/>
              <a:gd name="T48" fmla="*/ 2147483647 w 1169"/>
              <a:gd name="T49" fmla="*/ 2147483647 h 1178"/>
              <a:gd name="T50" fmla="*/ 2147483647 w 1169"/>
              <a:gd name="T51" fmla="*/ 2147483647 h 1178"/>
              <a:gd name="T52" fmla="*/ 2147483647 w 1169"/>
              <a:gd name="T53" fmla="*/ 2147483647 h 1178"/>
              <a:gd name="T54" fmla="*/ 2147483647 w 1169"/>
              <a:gd name="T55" fmla="*/ 2147483647 h 1178"/>
              <a:gd name="T56" fmla="*/ 2147483647 w 1169"/>
              <a:gd name="T57" fmla="*/ 2147483647 h 1178"/>
              <a:gd name="T58" fmla="*/ 2147483647 w 1169"/>
              <a:gd name="T59" fmla="*/ 2147483647 h 1178"/>
              <a:gd name="T60" fmla="*/ 2147483647 w 1169"/>
              <a:gd name="T61" fmla="*/ 2147483647 h 1178"/>
              <a:gd name="T62" fmla="*/ 2147483647 w 1169"/>
              <a:gd name="T63" fmla="*/ 2147483647 h 1178"/>
              <a:gd name="T64" fmla="*/ 2147483647 w 1169"/>
              <a:gd name="T65" fmla="*/ 2147483647 h 1178"/>
              <a:gd name="T66" fmla="*/ 2147483647 w 1169"/>
              <a:gd name="T67" fmla="*/ 2147483647 h 1178"/>
              <a:gd name="T68" fmla="*/ 2147483647 w 1169"/>
              <a:gd name="T69" fmla="*/ 2147483647 h 1178"/>
              <a:gd name="T70" fmla="*/ 2147483647 w 1169"/>
              <a:gd name="T71" fmla="*/ 2147483647 h 1178"/>
              <a:gd name="T72" fmla="*/ 2147483647 w 1169"/>
              <a:gd name="T73" fmla="*/ 2147483647 h 1178"/>
              <a:gd name="T74" fmla="*/ 2147483647 w 1169"/>
              <a:gd name="T75" fmla="*/ 2147483647 h 1178"/>
              <a:gd name="T76" fmla="*/ 2147483647 w 1169"/>
              <a:gd name="T77" fmla="*/ 2147483647 h 1178"/>
              <a:gd name="T78" fmla="*/ 2147483647 w 1169"/>
              <a:gd name="T79" fmla="*/ 2147483647 h 1178"/>
              <a:gd name="T80" fmla="*/ 2147483647 w 1169"/>
              <a:gd name="T81" fmla="*/ 2147483647 h 1178"/>
              <a:gd name="T82" fmla="*/ 2147483647 w 1169"/>
              <a:gd name="T83" fmla="*/ 2147483647 h 1178"/>
              <a:gd name="T84" fmla="*/ 2147483647 w 1169"/>
              <a:gd name="T85" fmla="*/ 2147483647 h 1178"/>
              <a:gd name="T86" fmla="*/ 2147483647 w 1169"/>
              <a:gd name="T87" fmla="*/ 2147483647 h 1178"/>
              <a:gd name="T88" fmla="*/ 2147483647 w 1169"/>
              <a:gd name="T89" fmla="*/ 2147483647 h 1178"/>
              <a:gd name="T90" fmla="*/ 2147483647 w 1169"/>
              <a:gd name="T91" fmla="*/ 2147483647 h 1178"/>
              <a:gd name="T92" fmla="*/ 2147483647 w 1169"/>
              <a:gd name="T93" fmla="*/ 2147483647 h 1178"/>
              <a:gd name="T94" fmla="*/ 2147483647 w 1169"/>
              <a:gd name="T95" fmla="*/ 2147483647 h 1178"/>
              <a:gd name="T96" fmla="*/ 2147483647 w 1169"/>
              <a:gd name="T97" fmla="*/ 2147483647 h 1178"/>
              <a:gd name="T98" fmla="*/ 2147483647 w 1169"/>
              <a:gd name="T99" fmla="*/ 2147483647 h 1178"/>
              <a:gd name="T100" fmla="*/ 2147483647 w 1169"/>
              <a:gd name="T101" fmla="*/ 2147483647 h 1178"/>
              <a:gd name="T102" fmla="*/ 2147483647 w 1169"/>
              <a:gd name="T103" fmla="*/ 2147483647 h 1178"/>
              <a:gd name="T104" fmla="*/ 2147483647 w 1169"/>
              <a:gd name="T105" fmla="*/ 2147483647 h 1178"/>
              <a:gd name="T106" fmla="*/ 2147483647 w 1169"/>
              <a:gd name="T107" fmla="*/ 2147483647 h 1178"/>
              <a:gd name="T108" fmla="*/ 2147483647 w 1169"/>
              <a:gd name="T109" fmla="*/ 2147483647 h 1178"/>
              <a:gd name="T110" fmla="*/ 2147483647 w 1169"/>
              <a:gd name="T111" fmla="*/ 2147483647 h 1178"/>
              <a:gd name="T112" fmla="*/ 2147483647 w 1169"/>
              <a:gd name="T113" fmla="*/ 2147483647 h 1178"/>
              <a:gd name="T114" fmla="*/ 2147483647 w 1169"/>
              <a:gd name="T115" fmla="*/ 2147483647 h 1178"/>
              <a:gd name="T116" fmla="*/ 2147483647 w 1169"/>
              <a:gd name="T117" fmla="*/ 2147483647 h 117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169" h="1178">
                <a:moveTo>
                  <a:pt x="637" y="158"/>
                </a:moveTo>
                <a:lnTo>
                  <a:pt x="635" y="166"/>
                </a:lnTo>
                <a:lnTo>
                  <a:pt x="623" y="182"/>
                </a:lnTo>
                <a:lnTo>
                  <a:pt x="613" y="176"/>
                </a:lnTo>
                <a:lnTo>
                  <a:pt x="611" y="162"/>
                </a:lnTo>
                <a:lnTo>
                  <a:pt x="593" y="170"/>
                </a:lnTo>
                <a:lnTo>
                  <a:pt x="595" y="184"/>
                </a:lnTo>
                <a:lnTo>
                  <a:pt x="573" y="192"/>
                </a:lnTo>
                <a:lnTo>
                  <a:pt x="563" y="206"/>
                </a:lnTo>
                <a:lnTo>
                  <a:pt x="547" y="212"/>
                </a:lnTo>
                <a:lnTo>
                  <a:pt x="535" y="206"/>
                </a:lnTo>
                <a:lnTo>
                  <a:pt x="517" y="210"/>
                </a:lnTo>
                <a:lnTo>
                  <a:pt x="519" y="226"/>
                </a:lnTo>
                <a:lnTo>
                  <a:pt x="509" y="236"/>
                </a:lnTo>
                <a:lnTo>
                  <a:pt x="525" y="254"/>
                </a:lnTo>
                <a:lnTo>
                  <a:pt x="527" y="266"/>
                </a:lnTo>
                <a:lnTo>
                  <a:pt x="543" y="276"/>
                </a:lnTo>
                <a:lnTo>
                  <a:pt x="535" y="296"/>
                </a:lnTo>
                <a:lnTo>
                  <a:pt x="521" y="298"/>
                </a:lnTo>
                <a:lnTo>
                  <a:pt x="517" y="310"/>
                </a:lnTo>
                <a:lnTo>
                  <a:pt x="529" y="330"/>
                </a:lnTo>
                <a:lnTo>
                  <a:pt x="519" y="338"/>
                </a:lnTo>
                <a:lnTo>
                  <a:pt x="529" y="362"/>
                </a:lnTo>
                <a:lnTo>
                  <a:pt x="541" y="382"/>
                </a:lnTo>
                <a:lnTo>
                  <a:pt x="553" y="394"/>
                </a:lnTo>
                <a:lnTo>
                  <a:pt x="565" y="404"/>
                </a:lnTo>
                <a:lnTo>
                  <a:pt x="577" y="406"/>
                </a:lnTo>
                <a:lnTo>
                  <a:pt x="593" y="418"/>
                </a:lnTo>
                <a:lnTo>
                  <a:pt x="611" y="436"/>
                </a:lnTo>
                <a:lnTo>
                  <a:pt x="627" y="444"/>
                </a:lnTo>
                <a:lnTo>
                  <a:pt x="647" y="448"/>
                </a:lnTo>
                <a:lnTo>
                  <a:pt x="655" y="458"/>
                </a:lnTo>
                <a:lnTo>
                  <a:pt x="665" y="484"/>
                </a:lnTo>
                <a:lnTo>
                  <a:pt x="679" y="518"/>
                </a:lnTo>
                <a:lnTo>
                  <a:pt x="691" y="554"/>
                </a:lnTo>
                <a:lnTo>
                  <a:pt x="715" y="592"/>
                </a:lnTo>
                <a:lnTo>
                  <a:pt x="743" y="612"/>
                </a:lnTo>
                <a:lnTo>
                  <a:pt x="759" y="630"/>
                </a:lnTo>
                <a:lnTo>
                  <a:pt x="773" y="628"/>
                </a:lnTo>
                <a:lnTo>
                  <a:pt x="777" y="640"/>
                </a:lnTo>
                <a:lnTo>
                  <a:pt x="799" y="648"/>
                </a:lnTo>
                <a:lnTo>
                  <a:pt x="815" y="660"/>
                </a:lnTo>
                <a:lnTo>
                  <a:pt x="851" y="658"/>
                </a:lnTo>
                <a:lnTo>
                  <a:pt x="883" y="654"/>
                </a:lnTo>
                <a:lnTo>
                  <a:pt x="903" y="648"/>
                </a:lnTo>
                <a:lnTo>
                  <a:pt x="913" y="654"/>
                </a:lnTo>
                <a:lnTo>
                  <a:pt x="917" y="670"/>
                </a:lnTo>
                <a:lnTo>
                  <a:pt x="903" y="682"/>
                </a:lnTo>
                <a:lnTo>
                  <a:pt x="891" y="690"/>
                </a:lnTo>
                <a:lnTo>
                  <a:pt x="893" y="702"/>
                </a:lnTo>
                <a:lnTo>
                  <a:pt x="907" y="718"/>
                </a:lnTo>
                <a:lnTo>
                  <a:pt x="949" y="734"/>
                </a:lnTo>
                <a:lnTo>
                  <a:pt x="975" y="746"/>
                </a:lnTo>
                <a:lnTo>
                  <a:pt x="1009" y="752"/>
                </a:lnTo>
                <a:lnTo>
                  <a:pt x="1031" y="764"/>
                </a:lnTo>
                <a:lnTo>
                  <a:pt x="1049" y="778"/>
                </a:lnTo>
                <a:lnTo>
                  <a:pt x="1077" y="788"/>
                </a:lnTo>
                <a:lnTo>
                  <a:pt x="1097" y="796"/>
                </a:lnTo>
                <a:lnTo>
                  <a:pt x="1111" y="800"/>
                </a:lnTo>
                <a:lnTo>
                  <a:pt x="1115" y="812"/>
                </a:lnTo>
                <a:lnTo>
                  <a:pt x="1133" y="822"/>
                </a:lnTo>
                <a:lnTo>
                  <a:pt x="1147" y="832"/>
                </a:lnTo>
                <a:lnTo>
                  <a:pt x="1163" y="848"/>
                </a:lnTo>
                <a:lnTo>
                  <a:pt x="1169" y="864"/>
                </a:lnTo>
                <a:lnTo>
                  <a:pt x="1167" y="872"/>
                </a:lnTo>
                <a:lnTo>
                  <a:pt x="1159" y="880"/>
                </a:lnTo>
                <a:lnTo>
                  <a:pt x="1159" y="894"/>
                </a:lnTo>
                <a:lnTo>
                  <a:pt x="1159" y="904"/>
                </a:lnTo>
                <a:lnTo>
                  <a:pt x="1145" y="902"/>
                </a:lnTo>
                <a:lnTo>
                  <a:pt x="1133" y="900"/>
                </a:lnTo>
                <a:lnTo>
                  <a:pt x="1119" y="888"/>
                </a:lnTo>
                <a:lnTo>
                  <a:pt x="1119" y="868"/>
                </a:lnTo>
                <a:lnTo>
                  <a:pt x="1105" y="852"/>
                </a:lnTo>
                <a:lnTo>
                  <a:pt x="1093" y="848"/>
                </a:lnTo>
                <a:lnTo>
                  <a:pt x="1065" y="848"/>
                </a:lnTo>
                <a:lnTo>
                  <a:pt x="1049" y="844"/>
                </a:lnTo>
                <a:lnTo>
                  <a:pt x="1037" y="838"/>
                </a:lnTo>
                <a:lnTo>
                  <a:pt x="1037" y="828"/>
                </a:lnTo>
                <a:lnTo>
                  <a:pt x="1017" y="824"/>
                </a:lnTo>
                <a:lnTo>
                  <a:pt x="1005" y="834"/>
                </a:lnTo>
                <a:lnTo>
                  <a:pt x="995" y="856"/>
                </a:lnTo>
                <a:lnTo>
                  <a:pt x="989" y="872"/>
                </a:lnTo>
                <a:lnTo>
                  <a:pt x="977" y="884"/>
                </a:lnTo>
                <a:lnTo>
                  <a:pt x="977" y="896"/>
                </a:lnTo>
                <a:lnTo>
                  <a:pt x="981" y="904"/>
                </a:lnTo>
                <a:lnTo>
                  <a:pt x="973" y="914"/>
                </a:lnTo>
                <a:lnTo>
                  <a:pt x="971" y="924"/>
                </a:lnTo>
                <a:lnTo>
                  <a:pt x="973" y="942"/>
                </a:lnTo>
                <a:lnTo>
                  <a:pt x="987" y="948"/>
                </a:lnTo>
                <a:lnTo>
                  <a:pt x="1003" y="948"/>
                </a:lnTo>
                <a:lnTo>
                  <a:pt x="1017" y="960"/>
                </a:lnTo>
                <a:lnTo>
                  <a:pt x="1029" y="964"/>
                </a:lnTo>
                <a:lnTo>
                  <a:pt x="1039" y="972"/>
                </a:lnTo>
                <a:lnTo>
                  <a:pt x="1041" y="992"/>
                </a:lnTo>
                <a:lnTo>
                  <a:pt x="1043" y="1008"/>
                </a:lnTo>
                <a:lnTo>
                  <a:pt x="1049" y="1020"/>
                </a:lnTo>
                <a:lnTo>
                  <a:pt x="1043" y="1036"/>
                </a:lnTo>
                <a:lnTo>
                  <a:pt x="1021" y="1034"/>
                </a:lnTo>
                <a:lnTo>
                  <a:pt x="1003" y="1046"/>
                </a:lnTo>
                <a:lnTo>
                  <a:pt x="989" y="1060"/>
                </a:lnTo>
                <a:lnTo>
                  <a:pt x="989" y="1074"/>
                </a:lnTo>
                <a:lnTo>
                  <a:pt x="993" y="1088"/>
                </a:lnTo>
                <a:lnTo>
                  <a:pt x="995" y="1108"/>
                </a:lnTo>
                <a:lnTo>
                  <a:pt x="977" y="1118"/>
                </a:lnTo>
                <a:lnTo>
                  <a:pt x="963" y="1138"/>
                </a:lnTo>
                <a:lnTo>
                  <a:pt x="953" y="1148"/>
                </a:lnTo>
                <a:lnTo>
                  <a:pt x="955" y="1162"/>
                </a:lnTo>
                <a:lnTo>
                  <a:pt x="945" y="1176"/>
                </a:lnTo>
                <a:lnTo>
                  <a:pt x="927" y="1178"/>
                </a:lnTo>
                <a:lnTo>
                  <a:pt x="911" y="1178"/>
                </a:lnTo>
                <a:lnTo>
                  <a:pt x="901" y="1164"/>
                </a:lnTo>
                <a:lnTo>
                  <a:pt x="903" y="1146"/>
                </a:lnTo>
                <a:lnTo>
                  <a:pt x="903" y="1136"/>
                </a:lnTo>
                <a:lnTo>
                  <a:pt x="917" y="1126"/>
                </a:lnTo>
                <a:lnTo>
                  <a:pt x="921" y="1110"/>
                </a:lnTo>
                <a:lnTo>
                  <a:pt x="927" y="1094"/>
                </a:lnTo>
                <a:lnTo>
                  <a:pt x="917" y="1086"/>
                </a:lnTo>
                <a:lnTo>
                  <a:pt x="919" y="1074"/>
                </a:lnTo>
                <a:lnTo>
                  <a:pt x="939" y="1070"/>
                </a:lnTo>
                <a:lnTo>
                  <a:pt x="951" y="1062"/>
                </a:lnTo>
                <a:lnTo>
                  <a:pt x="951" y="1042"/>
                </a:lnTo>
                <a:lnTo>
                  <a:pt x="933" y="1018"/>
                </a:lnTo>
                <a:lnTo>
                  <a:pt x="933" y="996"/>
                </a:lnTo>
                <a:lnTo>
                  <a:pt x="921" y="972"/>
                </a:lnTo>
                <a:lnTo>
                  <a:pt x="907" y="960"/>
                </a:lnTo>
                <a:lnTo>
                  <a:pt x="899" y="932"/>
                </a:lnTo>
                <a:lnTo>
                  <a:pt x="895" y="916"/>
                </a:lnTo>
                <a:lnTo>
                  <a:pt x="885" y="900"/>
                </a:lnTo>
                <a:lnTo>
                  <a:pt x="869" y="896"/>
                </a:lnTo>
                <a:lnTo>
                  <a:pt x="859" y="908"/>
                </a:lnTo>
                <a:lnTo>
                  <a:pt x="849" y="906"/>
                </a:lnTo>
                <a:lnTo>
                  <a:pt x="835" y="892"/>
                </a:lnTo>
                <a:lnTo>
                  <a:pt x="815" y="886"/>
                </a:lnTo>
                <a:lnTo>
                  <a:pt x="805" y="870"/>
                </a:lnTo>
                <a:lnTo>
                  <a:pt x="807" y="850"/>
                </a:lnTo>
                <a:lnTo>
                  <a:pt x="797" y="834"/>
                </a:lnTo>
                <a:lnTo>
                  <a:pt x="787" y="826"/>
                </a:lnTo>
                <a:lnTo>
                  <a:pt x="769" y="832"/>
                </a:lnTo>
                <a:lnTo>
                  <a:pt x="757" y="834"/>
                </a:lnTo>
                <a:lnTo>
                  <a:pt x="745" y="836"/>
                </a:lnTo>
                <a:lnTo>
                  <a:pt x="751" y="824"/>
                </a:lnTo>
                <a:lnTo>
                  <a:pt x="753" y="818"/>
                </a:lnTo>
                <a:lnTo>
                  <a:pt x="745" y="810"/>
                </a:lnTo>
                <a:lnTo>
                  <a:pt x="735" y="802"/>
                </a:lnTo>
                <a:lnTo>
                  <a:pt x="727" y="806"/>
                </a:lnTo>
                <a:lnTo>
                  <a:pt x="725" y="814"/>
                </a:lnTo>
                <a:lnTo>
                  <a:pt x="717" y="814"/>
                </a:lnTo>
                <a:lnTo>
                  <a:pt x="709" y="814"/>
                </a:lnTo>
                <a:lnTo>
                  <a:pt x="705" y="814"/>
                </a:lnTo>
                <a:lnTo>
                  <a:pt x="699" y="808"/>
                </a:lnTo>
                <a:lnTo>
                  <a:pt x="707" y="796"/>
                </a:lnTo>
                <a:lnTo>
                  <a:pt x="697" y="776"/>
                </a:lnTo>
                <a:lnTo>
                  <a:pt x="687" y="764"/>
                </a:lnTo>
                <a:lnTo>
                  <a:pt x="677" y="756"/>
                </a:lnTo>
                <a:lnTo>
                  <a:pt x="667" y="756"/>
                </a:lnTo>
                <a:lnTo>
                  <a:pt x="661" y="762"/>
                </a:lnTo>
                <a:lnTo>
                  <a:pt x="649" y="756"/>
                </a:lnTo>
                <a:lnTo>
                  <a:pt x="635" y="752"/>
                </a:lnTo>
                <a:lnTo>
                  <a:pt x="623" y="756"/>
                </a:lnTo>
                <a:lnTo>
                  <a:pt x="619" y="764"/>
                </a:lnTo>
                <a:lnTo>
                  <a:pt x="607" y="754"/>
                </a:lnTo>
                <a:lnTo>
                  <a:pt x="599" y="738"/>
                </a:lnTo>
                <a:lnTo>
                  <a:pt x="589" y="738"/>
                </a:lnTo>
                <a:lnTo>
                  <a:pt x="571" y="732"/>
                </a:lnTo>
                <a:lnTo>
                  <a:pt x="555" y="712"/>
                </a:lnTo>
                <a:lnTo>
                  <a:pt x="541" y="704"/>
                </a:lnTo>
                <a:lnTo>
                  <a:pt x="529" y="698"/>
                </a:lnTo>
                <a:lnTo>
                  <a:pt x="519" y="674"/>
                </a:lnTo>
                <a:lnTo>
                  <a:pt x="503" y="664"/>
                </a:lnTo>
                <a:lnTo>
                  <a:pt x="485" y="658"/>
                </a:lnTo>
                <a:lnTo>
                  <a:pt x="479" y="646"/>
                </a:lnTo>
                <a:lnTo>
                  <a:pt x="467" y="626"/>
                </a:lnTo>
                <a:lnTo>
                  <a:pt x="451" y="618"/>
                </a:lnTo>
                <a:lnTo>
                  <a:pt x="439" y="614"/>
                </a:lnTo>
                <a:lnTo>
                  <a:pt x="421" y="620"/>
                </a:lnTo>
                <a:lnTo>
                  <a:pt x="417" y="612"/>
                </a:lnTo>
                <a:lnTo>
                  <a:pt x="425" y="606"/>
                </a:lnTo>
                <a:lnTo>
                  <a:pt x="427" y="596"/>
                </a:lnTo>
                <a:lnTo>
                  <a:pt x="411" y="582"/>
                </a:lnTo>
                <a:lnTo>
                  <a:pt x="401" y="572"/>
                </a:lnTo>
                <a:lnTo>
                  <a:pt x="383" y="562"/>
                </a:lnTo>
                <a:lnTo>
                  <a:pt x="385" y="550"/>
                </a:lnTo>
                <a:lnTo>
                  <a:pt x="375" y="544"/>
                </a:lnTo>
                <a:lnTo>
                  <a:pt x="361" y="540"/>
                </a:lnTo>
                <a:lnTo>
                  <a:pt x="361" y="512"/>
                </a:lnTo>
                <a:lnTo>
                  <a:pt x="353" y="488"/>
                </a:lnTo>
                <a:lnTo>
                  <a:pt x="337" y="470"/>
                </a:lnTo>
                <a:lnTo>
                  <a:pt x="335" y="450"/>
                </a:lnTo>
                <a:lnTo>
                  <a:pt x="335" y="428"/>
                </a:lnTo>
                <a:lnTo>
                  <a:pt x="325" y="410"/>
                </a:lnTo>
                <a:lnTo>
                  <a:pt x="307" y="398"/>
                </a:lnTo>
                <a:lnTo>
                  <a:pt x="285" y="398"/>
                </a:lnTo>
                <a:lnTo>
                  <a:pt x="261" y="378"/>
                </a:lnTo>
                <a:lnTo>
                  <a:pt x="242" y="366"/>
                </a:lnTo>
                <a:lnTo>
                  <a:pt x="230" y="364"/>
                </a:lnTo>
                <a:lnTo>
                  <a:pt x="220" y="354"/>
                </a:lnTo>
                <a:lnTo>
                  <a:pt x="196" y="352"/>
                </a:lnTo>
                <a:lnTo>
                  <a:pt x="182" y="358"/>
                </a:lnTo>
                <a:lnTo>
                  <a:pt x="168" y="366"/>
                </a:lnTo>
                <a:lnTo>
                  <a:pt x="160" y="382"/>
                </a:lnTo>
                <a:lnTo>
                  <a:pt x="148" y="390"/>
                </a:lnTo>
                <a:lnTo>
                  <a:pt x="144" y="398"/>
                </a:lnTo>
                <a:lnTo>
                  <a:pt x="136" y="414"/>
                </a:lnTo>
                <a:lnTo>
                  <a:pt x="116" y="426"/>
                </a:lnTo>
                <a:lnTo>
                  <a:pt x="100" y="428"/>
                </a:lnTo>
                <a:lnTo>
                  <a:pt x="90" y="434"/>
                </a:lnTo>
                <a:lnTo>
                  <a:pt x="80" y="432"/>
                </a:lnTo>
                <a:lnTo>
                  <a:pt x="74" y="416"/>
                </a:lnTo>
                <a:lnTo>
                  <a:pt x="86" y="400"/>
                </a:lnTo>
                <a:lnTo>
                  <a:pt x="94" y="394"/>
                </a:lnTo>
                <a:lnTo>
                  <a:pt x="88" y="382"/>
                </a:lnTo>
                <a:lnTo>
                  <a:pt x="64" y="382"/>
                </a:lnTo>
                <a:lnTo>
                  <a:pt x="44" y="374"/>
                </a:lnTo>
                <a:lnTo>
                  <a:pt x="24" y="366"/>
                </a:lnTo>
                <a:lnTo>
                  <a:pt x="18" y="350"/>
                </a:lnTo>
                <a:lnTo>
                  <a:pt x="22" y="340"/>
                </a:lnTo>
                <a:lnTo>
                  <a:pt x="16" y="326"/>
                </a:lnTo>
                <a:lnTo>
                  <a:pt x="28" y="314"/>
                </a:lnTo>
                <a:lnTo>
                  <a:pt x="38" y="304"/>
                </a:lnTo>
                <a:lnTo>
                  <a:pt x="32" y="290"/>
                </a:lnTo>
                <a:lnTo>
                  <a:pt x="14" y="286"/>
                </a:lnTo>
                <a:lnTo>
                  <a:pt x="10" y="278"/>
                </a:lnTo>
                <a:lnTo>
                  <a:pt x="10" y="270"/>
                </a:lnTo>
                <a:lnTo>
                  <a:pt x="0" y="256"/>
                </a:lnTo>
                <a:lnTo>
                  <a:pt x="12" y="250"/>
                </a:lnTo>
                <a:lnTo>
                  <a:pt x="24" y="252"/>
                </a:lnTo>
                <a:lnTo>
                  <a:pt x="32" y="242"/>
                </a:lnTo>
                <a:lnTo>
                  <a:pt x="44" y="240"/>
                </a:lnTo>
                <a:lnTo>
                  <a:pt x="44" y="228"/>
                </a:lnTo>
                <a:lnTo>
                  <a:pt x="52" y="220"/>
                </a:lnTo>
                <a:lnTo>
                  <a:pt x="36" y="206"/>
                </a:lnTo>
                <a:lnTo>
                  <a:pt x="32" y="188"/>
                </a:lnTo>
                <a:lnTo>
                  <a:pt x="22" y="180"/>
                </a:lnTo>
                <a:lnTo>
                  <a:pt x="16" y="170"/>
                </a:lnTo>
                <a:lnTo>
                  <a:pt x="24" y="158"/>
                </a:lnTo>
                <a:lnTo>
                  <a:pt x="38" y="160"/>
                </a:lnTo>
                <a:lnTo>
                  <a:pt x="40" y="152"/>
                </a:lnTo>
                <a:lnTo>
                  <a:pt x="48" y="158"/>
                </a:lnTo>
                <a:lnTo>
                  <a:pt x="76" y="152"/>
                </a:lnTo>
                <a:lnTo>
                  <a:pt x="96" y="146"/>
                </a:lnTo>
                <a:lnTo>
                  <a:pt x="114" y="154"/>
                </a:lnTo>
                <a:lnTo>
                  <a:pt x="130" y="144"/>
                </a:lnTo>
                <a:lnTo>
                  <a:pt x="142" y="122"/>
                </a:lnTo>
                <a:lnTo>
                  <a:pt x="140" y="112"/>
                </a:lnTo>
                <a:lnTo>
                  <a:pt x="138" y="108"/>
                </a:lnTo>
                <a:lnTo>
                  <a:pt x="148" y="106"/>
                </a:lnTo>
                <a:lnTo>
                  <a:pt x="160" y="88"/>
                </a:lnTo>
                <a:lnTo>
                  <a:pt x="172" y="86"/>
                </a:lnTo>
                <a:lnTo>
                  <a:pt x="172" y="116"/>
                </a:lnTo>
                <a:lnTo>
                  <a:pt x="190" y="132"/>
                </a:lnTo>
                <a:lnTo>
                  <a:pt x="206" y="134"/>
                </a:lnTo>
                <a:lnTo>
                  <a:pt x="202" y="146"/>
                </a:lnTo>
                <a:lnTo>
                  <a:pt x="210" y="154"/>
                </a:lnTo>
                <a:lnTo>
                  <a:pt x="214" y="168"/>
                </a:lnTo>
                <a:lnTo>
                  <a:pt x="226" y="166"/>
                </a:lnTo>
                <a:lnTo>
                  <a:pt x="220" y="152"/>
                </a:lnTo>
                <a:lnTo>
                  <a:pt x="220" y="138"/>
                </a:lnTo>
                <a:lnTo>
                  <a:pt x="244" y="116"/>
                </a:lnTo>
                <a:lnTo>
                  <a:pt x="244" y="84"/>
                </a:lnTo>
                <a:lnTo>
                  <a:pt x="261" y="84"/>
                </a:lnTo>
                <a:lnTo>
                  <a:pt x="263" y="100"/>
                </a:lnTo>
                <a:lnTo>
                  <a:pt x="279" y="108"/>
                </a:lnTo>
                <a:lnTo>
                  <a:pt x="303" y="96"/>
                </a:lnTo>
                <a:lnTo>
                  <a:pt x="317" y="116"/>
                </a:lnTo>
                <a:lnTo>
                  <a:pt x="327" y="112"/>
                </a:lnTo>
                <a:lnTo>
                  <a:pt x="323" y="104"/>
                </a:lnTo>
                <a:lnTo>
                  <a:pt x="325" y="94"/>
                </a:lnTo>
                <a:lnTo>
                  <a:pt x="313" y="80"/>
                </a:lnTo>
                <a:lnTo>
                  <a:pt x="327" y="66"/>
                </a:lnTo>
                <a:lnTo>
                  <a:pt x="337" y="76"/>
                </a:lnTo>
                <a:lnTo>
                  <a:pt x="353" y="76"/>
                </a:lnTo>
                <a:lnTo>
                  <a:pt x="353" y="66"/>
                </a:lnTo>
                <a:lnTo>
                  <a:pt x="347" y="60"/>
                </a:lnTo>
                <a:lnTo>
                  <a:pt x="347" y="52"/>
                </a:lnTo>
                <a:lnTo>
                  <a:pt x="353" y="36"/>
                </a:lnTo>
                <a:lnTo>
                  <a:pt x="369" y="32"/>
                </a:lnTo>
                <a:lnTo>
                  <a:pt x="383" y="46"/>
                </a:lnTo>
                <a:lnTo>
                  <a:pt x="407" y="44"/>
                </a:lnTo>
                <a:lnTo>
                  <a:pt x="407" y="26"/>
                </a:lnTo>
                <a:lnTo>
                  <a:pt x="419" y="18"/>
                </a:lnTo>
                <a:lnTo>
                  <a:pt x="471" y="14"/>
                </a:lnTo>
                <a:lnTo>
                  <a:pt x="505" y="0"/>
                </a:lnTo>
                <a:lnTo>
                  <a:pt x="509" y="8"/>
                </a:lnTo>
                <a:lnTo>
                  <a:pt x="497" y="12"/>
                </a:lnTo>
                <a:lnTo>
                  <a:pt x="499" y="24"/>
                </a:lnTo>
                <a:lnTo>
                  <a:pt x="515" y="28"/>
                </a:lnTo>
                <a:lnTo>
                  <a:pt x="515" y="40"/>
                </a:lnTo>
                <a:lnTo>
                  <a:pt x="533" y="56"/>
                </a:lnTo>
                <a:lnTo>
                  <a:pt x="555" y="62"/>
                </a:lnTo>
                <a:lnTo>
                  <a:pt x="577" y="64"/>
                </a:lnTo>
                <a:lnTo>
                  <a:pt x="645" y="70"/>
                </a:lnTo>
                <a:lnTo>
                  <a:pt x="619" y="92"/>
                </a:lnTo>
                <a:lnTo>
                  <a:pt x="617" y="108"/>
                </a:lnTo>
                <a:lnTo>
                  <a:pt x="639" y="116"/>
                </a:lnTo>
                <a:lnTo>
                  <a:pt x="625" y="132"/>
                </a:lnTo>
                <a:lnTo>
                  <a:pt x="627" y="142"/>
                </a:lnTo>
                <a:lnTo>
                  <a:pt x="643" y="144"/>
                </a:lnTo>
                <a:lnTo>
                  <a:pt x="637" y="158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3984" name="Freeform 114"/>
          <p:cNvSpPr>
            <a:spLocks/>
          </p:cNvSpPr>
          <p:nvPr/>
        </p:nvSpPr>
        <p:spPr bwMode="auto">
          <a:xfrm>
            <a:off x="5770563" y="6369050"/>
            <a:ext cx="71437" cy="84138"/>
          </a:xfrm>
          <a:custGeom>
            <a:avLst/>
            <a:gdLst>
              <a:gd name="T0" fmla="*/ 2147483647 w 30"/>
              <a:gd name="T1" fmla="*/ 0 h 22"/>
              <a:gd name="T2" fmla="*/ 2147483647 w 30"/>
              <a:gd name="T3" fmla="*/ 2147483647 h 22"/>
              <a:gd name="T4" fmla="*/ 2147483647 w 30"/>
              <a:gd name="T5" fmla="*/ 2147483647 h 22"/>
              <a:gd name="T6" fmla="*/ 2147483647 w 30"/>
              <a:gd name="T7" fmla="*/ 2147483647 h 22"/>
              <a:gd name="T8" fmla="*/ 2147483647 w 30"/>
              <a:gd name="T9" fmla="*/ 2147483647 h 22"/>
              <a:gd name="T10" fmla="*/ 2147483647 w 30"/>
              <a:gd name="T11" fmla="*/ 2147483647 h 22"/>
              <a:gd name="T12" fmla="*/ 2147483647 w 30"/>
              <a:gd name="T13" fmla="*/ 2147483647 h 22"/>
              <a:gd name="T14" fmla="*/ 0 w 30"/>
              <a:gd name="T15" fmla="*/ 2147483647 h 22"/>
              <a:gd name="T16" fmla="*/ 0 w 30"/>
              <a:gd name="T17" fmla="*/ 2147483647 h 22"/>
              <a:gd name="T18" fmla="*/ 2147483647 w 30"/>
              <a:gd name="T19" fmla="*/ 0 h 22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30" h="22">
                <a:moveTo>
                  <a:pt x="8" y="0"/>
                </a:moveTo>
                <a:lnTo>
                  <a:pt x="18" y="2"/>
                </a:lnTo>
                <a:lnTo>
                  <a:pt x="26" y="6"/>
                </a:lnTo>
                <a:lnTo>
                  <a:pt x="30" y="14"/>
                </a:lnTo>
                <a:lnTo>
                  <a:pt x="24" y="22"/>
                </a:lnTo>
                <a:lnTo>
                  <a:pt x="16" y="22"/>
                </a:lnTo>
                <a:lnTo>
                  <a:pt x="2" y="18"/>
                </a:lnTo>
                <a:lnTo>
                  <a:pt x="0" y="10"/>
                </a:lnTo>
                <a:lnTo>
                  <a:pt x="0" y="2"/>
                </a:lnTo>
                <a:lnTo>
                  <a:pt x="8" y="0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pic>
        <p:nvPicPr>
          <p:cNvPr id="123985" name="Picture 115" descr="logoiotf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115300" y="6218238"/>
            <a:ext cx="1028700" cy="5826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304692" name="Rectangle 116"/>
          <p:cNvSpPr>
            <a:spLocks noChangeArrowheads="1"/>
          </p:cNvSpPr>
          <p:nvPr/>
        </p:nvSpPr>
        <p:spPr bwMode="auto">
          <a:xfrm>
            <a:off x="0" y="6597650"/>
            <a:ext cx="9144000" cy="260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eaLnBrk="0" hangingPunct="0">
              <a:defRPr/>
            </a:pPr>
            <a:r>
              <a:rPr lang="en-GB" sz="1000">
                <a:solidFill>
                  <a:schemeClr val="tx1"/>
                </a:solidFill>
                <a:latin typeface="Arial" charset="0"/>
                <a:cs typeface="Arial" charset="0"/>
              </a:rPr>
              <a:t>© International Obesity TaskForce 2005</a:t>
            </a:r>
            <a:r>
              <a:rPr lang="en-US" sz="1100">
                <a:solidFill>
                  <a:schemeClr val="tx1"/>
                </a:solidFill>
                <a:latin typeface="Times" charset="0"/>
                <a:cs typeface="+mn-cs"/>
              </a:rPr>
              <a:t> </a:t>
            </a:r>
            <a:endParaRPr lang="en-US" sz="2400">
              <a:solidFill>
                <a:schemeClr val="tx1"/>
              </a:solidFill>
              <a:latin typeface="Times" charset="0"/>
              <a:cs typeface="+mn-cs"/>
            </a:endParaRPr>
          </a:p>
        </p:txBody>
      </p:sp>
      <p:graphicFrame>
        <p:nvGraphicFramePr>
          <p:cNvPr id="1304693" name="Group 117"/>
          <p:cNvGraphicFramePr>
            <a:graphicFrameLocks noGrp="1"/>
          </p:cNvGraphicFramePr>
          <p:nvPr/>
        </p:nvGraphicFramePr>
        <p:xfrm>
          <a:off x="7812088" y="476250"/>
          <a:ext cx="1152525" cy="4054474"/>
        </p:xfrm>
        <a:graphic>
          <a:graphicData uri="http://schemas.openxmlformats.org/drawingml/2006/table">
            <a:tbl>
              <a:tblPr/>
              <a:tblGrid>
                <a:gridCol w="269875"/>
                <a:gridCol w="882650"/>
              </a:tblGrid>
              <a:tr h="304848">
                <a:tc gridSpan="2"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% Obesity</a:t>
                      </a:r>
                      <a:endParaRPr kumimoji="0" lang="en-GB" sz="14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&lt; 5 % 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CC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5-9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99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10-14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66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15-19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00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20-24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640180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8000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≥ 25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90">
                      <a:fgClr>
                        <a:srgbClr val="99CCFF"/>
                      </a:fgClr>
                      <a:bgClr>
                        <a:schemeClr val="accent2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0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</a:rPr>
                        <a:t>Self Reported data</a:t>
                      </a: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1304721" name="Text Box 145"/>
          <p:cNvSpPr txBox="1">
            <a:spLocks noChangeArrowheads="1"/>
          </p:cNvSpPr>
          <p:nvPr/>
        </p:nvSpPr>
        <p:spPr bwMode="auto">
          <a:xfrm>
            <a:off x="4191000" y="4419600"/>
            <a:ext cx="4572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f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22" name="Text Box 146"/>
          <p:cNvSpPr txBox="1">
            <a:spLocks noChangeArrowheads="1"/>
          </p:cNvSpPr>
          <p:nvPr/>
        </p:nvSpPr>
        <p:spPr bwMode="auto">
          <a:xfrm>
            <a:off x="3276600" y="52578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p</a:t>
            </a:r>
          </a:p>
        </p:txBody>
      </p:sp>
      <p:sp>
        <p:nvSpPr>
          <p:cNvPr id="1304723" name="Text Box 147"/>
          <p:cNvSpPr txBox="1">
            <a:spLocks noChangeArrowheads="1"/>
          </p:cNvSpPr>
          <p:nvPr/>
        </p:nvSpPr>
        <p:spPr bwMode="auto">
          <a:xfrm>
            <a:off x="2590800" y="5410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po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24" name="Text Box 148"/>
          <p:cNvSpPr txBox="1">
            <a:spLocks noChangeArrowheads="1"/>
          </p:cNvSpPr>
          <p:nvPr/>
        </p:nvSpPr>
        <p:spPr bwMode="auto">
          <a:xfrm>
            <a:off x="5867400" y="34290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pol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25" name="Text Box 149"/>
          <p:cNvSpPr txBox="1">
            <a:spLocks noChangeArrowheads="1"/>
          </p:cNvSpPr>
          <p:nvPr/>
        </p:nvSpPr>
        <p:spPr bwMode="auto">
          <a:xfrm>
            <a:off x="5105400" y="4648200"/>
            <a:ext cx="4572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it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26" name="Text Box 150"/>
          <p:cNvSpPr txBox="1">
            <a:spLocks noChangeArrowheads="1"/>
          </p:cNvSpPr>
          <p:nvPr/>
        </p:nvSpPr>
        <p:spPr bwMode="auto">
          <a:xfrm>
            <a:off x="3810000" y="32766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uk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27" name="Text Box 151"/>
          <p:cNvSpPr txBox="1">
            <a:spLocks noChangeArrowheads="1"/>
          </p:cNvSpPr>
          <p:nvPr/>
        </p:nvSpPr>
        <p:spPr bwMode="auto">
          <a:xfrm>
            <a:off x="4953000" y="36576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ge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28" name="Text Box 152"/>
          <p:cNvSpPr txBox="1">
            <a:spLocks noChangeArrowheads="1"/>
          </p:cNvSpPr>
          <p:nvPr/>
        </p:nvSpPr>
        <p:spPr bwMode="auto">
          <a:xfrm>
            <a:off x="5410200" y="22098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we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29" name="Text Box 153"/>
          <p:cNvSpPr txBox="1">
            <a:spLocks noChangeArrowheads="1"/>
          </p:cNvSpPr>
          <p:nvPr/>
        </p:nvSpPr>
        <p:spPr bwMode="auto">
          <a:xfrm>
            <a:off x="4876800" y="1981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no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30" name="Text Box 154"/>
          <p:cNvSpPr txBox="1">
            <a:spLocks noChangeArrowheads="1"/>
          </p:cNvSpPr>
          <p:nvPr/>
        </p:nvSpPr>
        <p:spPr bwMode="auto">
          <a:xfrm>
            <a:off x="4800600" y="43434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w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31" name="Text Box 155"/>
          <p:cNvSpPr txBox="1">
            <a:spLocks noChangeArrowheads="1"/>
          </p:cNvSpPr>
          <p:nvPr/>
        </p:nvSpPr>
        <p:spPr bwMode="auto">
          <a:xfrm>
            <a:off x="5486400" y="4267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aus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32" name="Text Box 156"/>
          <p:cNvSpPr txBox="1">
            <a:spLocks noChangeArrowheads="1"/>
          </p:cNvSpPr>
          <p:nvPr/>
        </p:nvSpPr>
        <p:spPr bwMode="auto">
          <a:xfrm>
            <a:off x="4419600" y="37338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bel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33" name="Text Box 157"/>
          <p:cNvSpPr txBox="1">
            <a:spLocks noChangeArrowheads="1"/>
          </p:cNvSpPr>
          <p:nvPr/>
        </p:nvSpPr>
        <p:spPr bwMode="auto">
          <a:xfrm>
            <a:off x="4495800" y="34290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net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34" name="Text Box 158"/>
          <p:cNvSpPr txBox="1">
            <a:spLocks noChangeArrowheads="1"/>
          </p:cNvSpPr>
          <p:nvPr/>
        </p:nvSpPr>
        <p:spPr bwMode="auto">
          <a:xfrm>
            <a:off x="6172200" y="1600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fin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35" name="Text Box 159"/>
          <p:cNvSpPr txBox="1">
            <a:spLocks noChangeArrowheads="1"/>
          </p:cNvSpPr>
          <p:nvPr/>
        </p:nvSpPr>
        <p:spPr bwMode="auto">
          <a:xfrm>
            <a:off x="3200400" y="3124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ire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304736" name="Text Box 160"/>
          <p:cNvSpPr txBox="1">
            <a:spLocks noChangeArrowheads="1"/>
          </p:cNvSpPr>
          <p:nvPr/>
        </p:nvSpPr>
        <p:spPr bwMode="auto">
          <a:xfrm>
            <a:off x="4953000" y="28194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den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991425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09346" name="Rectangle 2"/>
          <p:cNvSpPr>
            <a:spLocks noGrp="1" noChangeArrowheads="1"/>
          </p:cNvSpPr>
          <p:nvPr>
            <p:ph type="ctrTitle"/>
          </p:nvPr>
        </p:nvSpPr>
        <p:spPr>
          <a:xfrm>
            <a:off x="395288" y="1268413"/>
            <a:ext cx="2232025" cy="3313112"/>
          </a:xfrm>
        </p:spPr>
        <p:txBody>
          <a:bodyPr/>
          <a:lstStyle/>
          <a:p>
            <a:pPr eaLnBrk="1" hangingPunct="1">
              <a:defRPr/>
            </a:pPr>
            <a:r>
              <a:rPr lang="en-GB" sz="2800" b="1" smtClean="0">
                <a:solidFill>
                  <a:srgbClr val="0000FF"/>
                </a:solidFill>
                <a:cs typeface="+mj-cs"/>
              </a:rPr>
              <a:t>Females </a:t>
            </a:r>
            <a:br>
              <a:rPr lang="en-GB" sz="2800" b="1" smtClean="0">
                <a:solidFill>
                  <a:srgbClr val="0000FF"/>
                </a:solidFill>
                <a:cs typeface="+mj-cs"/>
              </a:rPr>
            </a:br>
            <a:r>
              <a:rPr lang="en-GB" sz="2800" b="1" smtClean="0">
                <a:solidFill>
                  <a:srgbClr val="0000FF"/>
                </a:solidFill>
                <a:cs typeface="+mj-cs"/>
              </a:rPr>
              <a:t>1980-1984</a:t>
            </a:r>
          </a:p>
        </p:txBody>
      </p:sp>
      <p:sp>
        <p:nvSpPr>
          <p:cNvPr id="128002" name="Freeform 3"/>
          <p:cNvSpPr>
            <a:spLocks/>
          </p:cNvSpPr>
          <p:nvPr/>
        </p:nvSpPr>
        <p:spPr bwMode="auto">
          <a:xfrm>
            <a:off x="5611813" y="3160713"/>
            <a:ext cx="1076325" cy="917575"/>
          </a:xfrm>
          <a:custGeom>
            <a:avLst/>
            <a:gdLst>
              <a:gd name="T0" fmla="*/ 2147483647 w 832"/>
              <a:gd name="T1" fmla="*/ 2147483647 h 709"/>
              <a:gd name="T2" fmla="*/ 2147483647 w 832"/>
              <a:gd name="T3" fmla="*/ 2147483647 h 709"/>
              <a:gd name="T4" fmla="*/ 2147483647 w 832"/>
              <a:gd name="T5" fmla="*/ 2147483647 h 709"/>
              <a:gd name="T6" fmla="*/ 2147483647 w 832"/>
              <a:gd name="T7" fmla="*/ 2147483647 h 709"/>
              <a:gd name="T8" fmla="*/ 2147483647 w 832"/>
              <a:gd name="T9" fmla="*/ 2147483647 h 709"/>
              <a:gd name="T10" fmla="*/ 2147483647 w 832"/>
              <a:gd name="T11" fmla="*/ 2147483647 h 709"/>
              <a:gd name="T12" fmla="*/ 2147483647 w 832"/>
              <a:gd name="T13" fmla="*/ 2147483647 h 709"/>
              <a:gd name="T14" fmla="*/ 2147483647 w 832"/>
              <a:gd name="T15" fmla="*/ 2147483647 h 709"/>
              <a:gd name="T16" fmla="*/ 2147483647 w 832"/>
              <a:gd name="T17" fmla="*/ 2147483647 h 709"/>
              <a:gd name="T18" fmla="*/ 2147483647 w 832"/>
              <a:gd name="T19" fmla="*/ 2147483647 h 709"/>
              <a:gd name="T20" fmla="*/ 2147483647 w 832"/>
              <a:gd name="T21" fmla="*/ 2147483647 h 709"/>
              <a:gd name="T22" fmla="*/ 2147483647 w 832"/>
              <a:gd name="T23" fmla="*/ 2147483647 h 709"/>
              <a:gd name="T24" fmla="*/ 2147483647 w 832"/>
              <a:gd name="T25" fmla="*/ 2147483647 h 709"/>
              <a:gd name="T26" fmla="*/ 2147483647 w 832"/>
              <a:gd name="T27" fmla="*/ 2147483647 h 709"/>
              <a:gd name="T28" fmla="*/ 2147483647 w 832"/>
              <a:gd name="T29" fmla="*/ 2147483647 h 709"/>
              <a:gd name="T30" fmla="*/ 2147483647 w 832"/>
              <a:gd name="T31" fmla="*/ 2147483647 h 709"/>
              <a:gd name="T32" fmla="*/ 2147483647 w 832"/>
              <a:gd name="T33" fmla="*/ 2147483647 h 709"/>
              <a:gd name="T34" fmla="*/ 2147483647 w 832"/>
              <a:gd name="T35" fmla="*/ 2147483647 h 709"/>
              <a:gd name="T36" fmla="*/ 2147483647 w 832"/>
              <a:gd name="T37" fmla="*/ 2147483647 h 709"/>
              <a:gd name="T38" fmla="*/ 2147483647 w 832"/>
              <a:gd name="T39" fmla="*/ 2147483647 h 709"/>
              <a:gd name="T40" fmla="*/ 2147483647 w 832"/>
              <a:gd name="T41" fmla="*/ 2147483647 h 709"/>
              <a:gd name="T42" fmla="*/ 2147483647 w 832"/>
              <a:gd name="T43" fmla="*/ 2147483647 h 709"/>
              <a:gd name="T44" fmla="*/ 2147483647 w 832"/>
              <a:gd name="T45" fmla="*/ 2147483647 h 709"/>
              <a:gd name="T46" fmla="*/ 2147483647 w 832"/>
              <a:gd name="T47" fmla="*/ 2147483647 h 709"/>
              <a:gd name="T48" fmla="*/ 2147483647 w 832"/>
              <a:gd name="T49" fmla="*/ 2147483647 h 709"/>
              <a:gd name="T50" fmla="*/ 2147483647 w 832"/>
              <a:gd name="T51" fmla="*/ 2147483647 h 709"/>
              <a:gd name="T52" fmla="*/ 2147483647 w 832"/>
              <a:gd name="T53" fmla="*/ 2147483647 h 709"/>
              <a:gd name="T54" fmla="*/ 2147483647 w 832"/>
              <a:gd name="T55" fmla="*/ 2147483647 h 709"/>
              <a:gd name="T56" fmla="*/ 2147483647 w 832"/>
              <a:gd name="T57" fmla="*/ 2147483647 h 709"/>
              <a:gd name="T58" fmla="*/ 2147483647 w 832"/>
              <a:gd name="T59" fmla="*/ 2147483647 h 709"/>
              <a:gd name="T60" fmla="*/ 2147483647 w 832"/>
              <a:gd name="T61" fmla="*/ 2147483647 h 709"/>
              <a:gd name="T62" fmla="*/ 2147483647 w 832"/>
              <a:gd name="T63" fmla="*/ 2147483647 h 709"/>
              <a:gd name="T64" fmla="*/ 2147483647 w 832"/>
              <a:gd name="T65" fmla="*/ 2147483647 h 709"/>
              <a:gd name="T66" fmla="*/ 2147483647 w 832"/>
              <a:gd name="T67" fmla="*/ 2147483647 h 709"/>
              <a:gd name="T68" fmla="*/ 2147483647 w 832"/>
              <a:gd name="T69" fmla="*/ 2147483647 h 709"/>
              <a:gd name="T70" fmla="*/ 2147483647 w 832"/>
              <a:gd name="T71" fmla="*/ 2147483647 h 709"/>
              <a:gd name="T72" fmla="*/ 2147483647 w 832"/>
              <a:gd name="T73" fmla="*/ 2147483647 h 709"/>
              <a:gd name="T74" fmla="*/ 2147483647 w 832"/>
              <a:gd name="T75" fmla="*/ 2147483647 h 709"/>
              <a:gd name="T76" fmla="*/ 2147483647 w 832"/>
              <a:gd name="T77" fmla="*/ 2147483647 h 709"/>
              <a:gd name="T78" fmla="*/ 2147483647 w 832"/>
              <a:gd name="T79" fmla="*/ 2147483647 h 709"/>
              <a:gd name="T80" fmla="*/ 2147483647 w 832"/>
              <a:gd name="T81" fmla="*/ 2147483647 h 709"/>
              <a:gd name="T82" fmla="*/ 2147483647 w 832"/>
              <a:gd name="T83" fmla="*/ 2147483647 h 709"/>
              <a:gd name="T84" fmla="*/ 2147483647 w 832"/>
              <a:gd name="T85" fmla="*/ 2147483647 h 709"/>
              <a:gd name="T86" fmla="*/ 2147483647 w 832"/>
              <a:gd name="T87" fmla="*/ 2147483647 h 709"/>
              <a:gd name="T88" fmla="*/ 2147483647 w 832"/>
              <a:gd name="T89" fmla="*/ 2147483647 h 709"/>
              <a:gd name="T90" fmla="*/ 2147483647 w 832"/>
              <a:gd name="T91" fmla="*/ 2147483647 h 709"/>
              <a:gd name="T92" fmla="*/ 2147483647 w 832"/>
              <a:gd name="T93" fmla="*/ 2147483647 h 709"/>
              <a:gd name="T94" fmla="*/ 2147483647 w 832"/>
              <a:gd name="T95" fmla="*/ 2147483647 h 709"/>
              <a:gd name="T96" fmla="*/ 2147483647 w 832"/>
              <a:gd name="T97" fmla="*/ 2147483647 h 709"/>
              <a:gd name="T98" fmla="*/ 2147483647 w 832"/>
              <a:gd name="T99" fmla="*/ 2147483647 h 709"/>
              <a:gd name="T100" fmla="*/ 0 w 832"/>
              <a:gd name="T101" fmla="*/ 2147483647 h 709"/>
              <a:gd name="T102" fmla="*/ 2147483647 w 832"/>
              <a:gd name="T103" fmla="*/ 2147483647 h 709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832" h="709">
                <a:moveTo>
                  <a:pt x="0" y="152"/>
                </a:moveTo>
                <a:lnTo>
                  <a:pt x="10" y="158"/>
                </a:lnTo>
                <a:lnTo>
                  <a:pt x="26" y="160"/>
                </a:lnTo>
                <a:lnTo>
                  <a:pt x="14" y="142"/>
                </a:lnTo>
                <a:lnTo>
                  <a:pt x="46" y="124"/>
                </a:lnTo>
                <a:lnTo>
                  <a:pt x="96" y="104"/>
                </a:lnTo>
                <a:lnTo>
                  <a:pt x="144" y="86"/>
                </a:lnTo>
                <a:lnTo>
                  <a:pt x="166" y="52"/>
                </a:lnTo>
                <a:lnTo>
                  <a:pt x="194" y="44"/>
                </a:lnTo>
                <a:lnTo>
                  <a:pt x="222" y="20"/>
                </a:lnTo>
                <a:lnTo>
                  <a:pt x="244" y="14"/>
                </a:lnTo>
                <a:lnTo>
                  <a:pt x="270" y="4"/>
                </a:lnTo>
                <a:lnTo>
                  <a:pt x="298" y="0"/>
                </a:lnTo>
                <a:lnTo>
                  <a:pt x="306" y="6"/>
                </a:lnTo>
                <a:lnTo>
                  <a:pt x="308" y="14"/>
                </a:lnTo>
                <a:lnTo>
                  <a:pt x="318" y="28"/>
                </a:lnTo>
                <a:lnTo>
                  <a:pt x="322" y="44"/>
                </a:lnTo>
                <a:lnTo>
                  <a:pt x="332" y="56"/>
                </a:lnTo>
                <a:lnTo>
                  <a:pt x="352" y="60"/>
                </a:lnTo>
                <a:lnTo>
                  <a:pt x="376" y="56"/>
                </a:lnTo>
                <a:lnTo>
                  <a:pt x="392" y="46"/>
                </a:lnTo>
                <a:lnTo>
                  <a:pt x="398" y="36"/>
                </a:lnTo>
                <a:lnTo>
                  <a:pt x="400" y="38"/>
                </a:lnTo>
                <a:lnTo>
                  <a:pt x="392" y="48"/>
                </a:lnTo>
                <a:lnTo>
                  <a:pt x="384" y="54"/>
                </a:lnTo>
                <a:lnTo>
                  <a:pt x="380" y="60"/>
                </a:lnTo>
                <a:lnTo>
                  <a:pt x="388" y="64"/>
                </a:lnTo>
                <a:lnTo>
                  <a:pt x="398" y="54"/>
                </a:lnTo>
                <a:lnTo>
                  <a:pt x="406" y="44"/>
                </a:lnTo>
                <a:lnTo>
                  <a:pt x="414" y="38"/>
                </a:lnTo>
                <a:lnTo>
                  <a:pt x="436" y="36"/>
                </a:lnTo>
                <a:lnTo>
                  <a:pt x="484" y="36"/>
                </a:lnTo>
                <a:lnTo>
                  <a:pt x="538" y="36"/>
                </a:lnTo>
                <a:lnTo>
                  <a:pt x="570" y="30"/>
                </a:lnTo>
                <a:lnTo>
                  <a:pt x="598" y="24"/>
                </a:lnTo>
                <a:lnTo>
                  <a:pt x="624" y="18"/>
                </a:lnTo>
                <a:lnTo>
                  <a:pt x="640" y="6"/>
                </a:lnTo>
                <a:lnTo>
                  <a:pt x="650" y="4"/>
                </a:lnTo>
                <a:lnTo>
                  <a:pt x="670" y="16"/>
                </a:lnTo>
                <a:lnTo>
                  <a:pt x="682" y="18"/>
                </a:lnTo>
                <a:lnTo>
                  <a:pt x="696" y="34"/>
                </a:lnTo>
                <a:lnTo>
                  <a:pt x="702" y="58"/>
                </a:lnTo>
                <a:lnTo>
                  <a:pt x="716" y="86"/>
                </a:lnTo>
                <a:lnTo>
                  <a:pt x="732" y="120"/>
                </a:lnTo>
                <a:lnTo>
                  <a:pt x="750" y="150"/>
                </a:lnTo>
                <a:lnTo>
                  <a:pt x="766" y="205"/>
                </a:lnTo>
                <a:lnTo>
                  <a:pt x="740" y="227"/>
                </a:lnTo>
                <a:lnTo>
                  <a:pt x="726" y="237"/>
                </a:lnTo>
                <a:lnTo>
                  <a:pt x="720" y="261"/>
                </a:lnTo>
                <a:lnTo>
                  <a:pt x="720" y="277"/>
                </a:lnTo>
                <a:lnTo>
                  <a:pt x="738" y="277"/>
                </a:lnTo>
                <a:lnTo>
                  <a:pt x="754" y="287"/>
                </a:lnTo>
                <a:lnTo>
                  <a:pt x="762" y="299"/>
                </a:lnTo>
                <a:lnTo>
                  <a:pt x="764" y="331"/>
                </a:lnTo>
                <a:lnTo>
                  <a:pt x="758" y="335"/>
                </a:lnTo>
                <a:lnTo>
                  <a:pt x="758" y="345"/>
                </a:lnTo>
                <a:lnTo>
                  <a:pt x="762" y="359"/>
                </a:lnTo>
                <a:lnTo>
                  <a:pt x="770" y="359"/>
                </a:lnTo>
                <a:lnTo>
                  <a:pt x="778" y="375"/>
                </a:lnTo>
                <a:lnTo>
                  <a:pt x="778" y="389"/>
                </a:lnTo>
                <a:lnTo>
                  <a:pt x="798" y="405"/>
                </a:lnTo>
                <a:lnTo>
                  <a:pt x="798" y="413"/>
                </a:lnTo>
                <a:lnTo>
                  <a:pt x="826" y="437"/>
                </a:lnTo>
                <a:lnTo>
                  <a:pt x="826" y="443"/>
                </a:lnTo>
                <a:lnTo>
                  <a:pt x="816" y="445"/>
                </a:lnTo>
                <a:lnTo>
                  <a:pt x="816" y="453"/>
                </a:lnTo>
                <a:lnTo>
                  <a:pt x="830" y="465"/>
                </a:lnTo>
                <a:lnTo>
                  <a:pt x="832" y="485"/>
                </a:lnTo>
                <a:lnTo>
                  <a:pt x="822" y="501"/>
                </a:lnTo>
                <a:lnTo>
                  <a:pt x="806" y="505"/>
                </a:lnTo>
                <a:lnTo>
                  <a:pt x="794" y="525"/>
                </a:lnTo>
                <a:lnTo>
                  <a:pt x="774" y="555"/>
                </a:lnTo>
                <a:lnTo>
                  <a:pt x="756" y="589"/>
                </a:lnTo>
                <a:lnTo>
                  <a:pt x="740" y="621"/>
                </a:lnTo>
                <a:lnTo>
                  <a:pt x="742" y="635"/>
                </a:lnTo>
                <a:lnTo>
                  <a:pt x="750" y="653"/>
                </a:lnTo>
                <a:lnTo>
                  <a:pt x="754" y="673"/>
                </a:lnTo>
                <a:lnTo>
                  <a:pt x="766" y="681"/>
                </a:lnTo>
                <a:lnTo>
                  <a:pt x="764" y="689"/>
                </a:lnTo>
                <a:lnTo>
                  <a:pt x="748" y="689"/>
                </a:lnTo>
                <a:lnTo>
                  <a:pt x="738" y="689"/>
                </a:lnTo>
                <a:lnTo>
                  <a:pt x="724" y="681"/>
                </a:lnTo>
                <a:lnTo>
                  <a:pt x="702" y="681"/>
                </a:lnTo>
                <a:lnTo>
                  <a:pt x="682" y="661"/>
                </a:lnTo>
                <a:lnTo>
                  <a:pt x="656" y="653"/>
                </a:lnTo>
                <a:lnTo>
                  <a:pt x="642" y="661"/>
                </a:lnTo>
                <a:lnTo>
                  <a:pt x="610" y="661"/>
                </a:lnTo>
                <a:lnTo>
                  <a:pt x="610" y="675"/>
                </a:lnTo>
                <a:lnTo>
                  <a:pt x="592" y="681"/>
                </a:lnTo>
                <a:lnTo>
                  <a:pt x="578" y="669"/>
                </a:lnTo>
                <a:lnTo>
                  <a:pt x="552" y="675"/>
                </a:lnTo>
                <a:lnTo>
                  <a:pt x="532" y="689"/>
                </a:lnTo>
                <a:lnTo>
                  <a:pt x="532" y="703"/>
                </a:lnTo>
                <a:lnTo>
                  <a:pt x="506" y="709"/>
                </a:lnTo>
                <a:lnTo>
                  <a:pt x="506" y="685"/>
                </a:lnTo>
                <a:lnTo>
                  <a:pt x="484" y="677"/>
                </a:lnTo>
                <a:lnTo>
                  <a:pt x="472" y="659"/>
                </a:lnTo>
                <a:lnTo>
                  <a:pt x="454" y="673"/>
                </a:lnTo>
                <a:lnTo>
                  <a:pt x="448" y="689"/>
                </a:lnTo>
                <a:lnTo>
                  <a:pt x="436" y="689"/>
                </a:lnTo>
                <a:lnTo>
                  <a:pt x="434" y="677"/>
                </a:lnTo>
                <a:lnTo>
                  <a:pt x="420" y="677"/>
                </a:lnTo>
                <a:lnTo>
                  <a:pt x="418" y="659"/>
                </a:lnTo>
                <a:lnTo>
                  <a:pt x="406" y="657"/>
                </a:lnTo>
                <a:lnTo>
                  <a:pt x="396" y="643"/>
                </a:lnTo>
                <a:lnTo>
                  <a:pt x="396" y="635"/>
                </a:lnTo>
                <a:lnTo>
                  <a:pt x="384" y="627"/>
                </a:lnTo>
                <a:lnTo>
                  <a:pt x="366" y="623"/>
                </a:lnTo>
                <a:lnTo>
                  <a:pt x="346" y="617"/>
                </a:lnTo>
                <a:lnTo>
                  <a:pt x="328" y="627"/>
                </a:lnTo>
                <a:lnTo>
                  <a:pt x="320" y="613"/>
                </a:lnTo>
                <a:lnTo>
                  <a:pt x="312" y="611"/>
                </a:lnTo>
                <a:lnTo>
                  <a:pt x="312" y="605"/>
                </a:lnTo>
                <a:lnTo>
                  <a:pt x="320" y="601"/>
                </a:lnTo>
                <a:lnTo>
                  <a:pt x="320" y="585"/>
                </a:lnTo>
                <a:lnTo>
                  <a:pt x="310" y="593"/>
                </a:lnTo>
                <a:lnTo>
                  <a:pt x="290" y="593"/>
                </a:lnTo>
                <a:lnTo>
                  <a:pt x="280" y="587"/>
                </a:lnTo>
                <a:lnTo>
                  <a:pt x="260" y="575"/>
                </a:lnTo>
                <a:lnTo>
                  <a:pt x="250" y="577"/>
                </a:lnTo>
                <a:lnTo>
                  <a:pt x="250" y="587"/>
                </a:lnTo>
                <a:lnTo>
                  <a:pt x="260" y="597"/>
                </a:lnTo>
                <a:lnTo>
                  <a:pt x="230" y="621"/>
                </a:lnTo>
                <a:lnTo>
                  <a:pt x="220" y="611"/>
                </a:lnTo>
                <a:lnTo>
                  <a:pt x="218" y="603"/>
                </a:lnTo>
                <a:lnTo>
                  <a:pt x="206" y="593"/>
                </a:lnTo>
                <a:lnTo>
                  <a:pt x="190" y="583"/>
                </a:lnTo>
                <a:lnTo>
                  <a:pt x="208" y="561"/>
                </a:lnTo>
                <a:lnTo>
                  <a:pt x="200" y="551"/>
                </a:lnTo>
                <a:lnTo>
                  <a:pt x="188" y="553"/>
                </a:lnTo>
                <a:lnTo>
                  <a:pt x="174" y="557"/>
                </a:lnTo>
                <a:lnTo>
                  <a:pt x="170" y="553"/>
                </a:lnTo>
                <a:lnTo>
                  <a:pt x="156" y="547"/>
                </a:lnTo>
                <a:lnTo>
                  <a:pt x="124" y="541"/>
                </a:lnTo>
                <a:lnTo>
                  <a:pt x="110" y="531"/>
                </a:lnTo>
                <a:lnTo>
                  <a:pt x="110" y="521"/>
                </a:lnTo>
                <a:lnTo>
                  <a:pt x="102" y="515"/>
                </a:lnTo>
                <a:lnTo>
                  <a:pt x="80" y="515"/>
                </a:lnTo>
                <a:lnTo>
                  <a:pt x="88" y="483"/>
                </a:lnTo>
                <a:lnTo>
                  <a:pt x="76" y="461"/>
                </a:lnTo>
                <a:lnTo>
                  <a:pt x="62" y="455"/>
                </a:lnTo>
                <a:lnTo>
                  <a:pt x="60" y="433"/>
                </a:lnTo>
                <a:lnTo>
                  <a:pt x="48" y="417"/>
                </a:lnTo>
                <a:lnTo>
                  <a:pt x="58" y="403"/>
                </a:lnTo>
                <a:lnTo>
                  <a:pt x="54" y="373"/>
                </a:lnTo>
                <a:lnTo>
                  <a:pt x="52" y="361"/>
                </a:lnTo>
                <a:lnTo>
                  <a:pt x="42" y="355"/>
                </a:lnTo>
                <a:lnTo>
                  <a:pt x="40" y="341"/>
                </a:lnTo>
                <a:lnTo>
                  <a:pt x="46" y="333"/>
                </a:lnTo>
                <a:lnTo>
                  <a:pt x="46" y="321"/>
                </a:lnTo>
                <a:lnTo>
                  <a:pt x="24" y="305"/>
                </a:lnTo>
                <a:lnTo>
                  <a:pt x="6" y="287"/>
                </a:lnTo>
                <a:lnTo>
                  <a:pt x="0" y="273"/>
                </a:lnTo>
                <a:lnTo>
                  <a:pt x="18" y="259"/>
                </a:lnTo>
                <a:lnTo>
                  <a:pt x="18" y="247"/>
                </a:lnTo>
                <a:lnTo>
                  <a:pt x="22" y="225"/>
                </a:lnTo>
                <a:lnTo>
                  <a:pt x="4" y="169"/>
                </a:lnTo>
                <a:lnTo>
                  <a:pt x="0" y="15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03" name="Freeform 4"/>
          <p:cNvSpPr>
            <a:spLocks/>
          </p:cNvSpPr>
          <p:nvPr/>
        </p:nvSpPr>
        <p:spPr bwMode="auto">
          <a:xfrm>
            <a:off x="4760913" y="3190875"/>
            <a:ext cx="963612" cy="1277938"/>
          </a:xfrm>
          <a:custGeom>
            <a:avLst/>
            <a:gdLst>
              <a:gd name="T0" fmla="*/ 2147483647 w 745"/>
              <a:gd name="T1" fmla="*/ 2147483647 h 987"/>
              <a:gd name="T2" fmla="*/ 2147483647 w 745"/>
              <a:gd name="T3" fmla="*/ 2147483647 h 987"/>
              <a:gd name="T4" fmla="*/ 2147483647 w 745"/>
              <a:gd name="T5" fmla="*/ 2147483647 h 987"/>
              <a:gd name="T6" fmla="*/ 2147483647 w 745"/>
              <a:gd name="T7" fmla="*/ 2147483647 h 987"/>
              <a:gd name="T8" fmla="*/ 2147483647 w 745"/>
              <a:gd name="T9" fmla="*/ 2147483647 h 987"/>
              <a:gd name="T10" fmla="*/ 2147483647 w 745"/>
              <a:gd name="T11" fmla="*/ 2147483647 h 987"/>
              <a:gd name="T12" fmla="*/ 2147483647 w 745"/>
              <a:gd name="T13" fmla="*/ 2147483647 h 987"/>
              <a:gd name="T14" fmla="*/ 2147483647 w 745"/>
              <a:gd name="T15" fmla="*/ 2147483647 h 987"/>
              <a:gd name="T16" fmla="*/ 2147483647 w 745"/>
              <a:gd name="T17" fmla="*/ 2147483647 h 987"/>
              <a:gd name="T18" fmla="*/ 2147483647 w 745"/>
              <a:gd name="T19" fmla="*/ 2147483647 h 987"/>
              <a:gd name="T20" fmla="*/ 2147483647 w 745"/>
              <a:gd name="T21" fmla="*/ 2147483647 h 987"/>
              <a:gd name="T22" fmla="*/ 2147483647 w 745"/>
              <a:gd name="T23" fmla="*/ 2147483647 h 987"/>
              <a:gd name="T24" fmla="*/ 2147483647 w 745"/>
              <a:gd name="T25" fmla="*/ 2147483647 h 987"/>
              <a:gd name="T26" fmla="*/ 2147483647 w 745"/>
              <a:gd name="T27" fmla="*/ 2147483647 h 987"/>
              <a:gd name="T28" fmla="*/ 2147483647 w 745"/>
              <a:gd name="T29" fmla="*/ 2147483647 h 987"/>
              <a:gd name="T30" fmla="*/ 2147483647 w 745"/>
              <a:gd name="T31" fmla="*/ 2147483647 h 987"/>
              <a:gd name="T32" fmla="*/ 2147483647 w 745"/>
              <a:gd name="T33" fmla="*/ 2147483647 h 987"/>
              <a:gd name="T34" fmla="*/ 2147483647 w 745"/>
              <a:gd name="T35" fmla="*/ 2147483647 h 987"/>
              <a:gd name="T36" fmla="*/ 2147483647 w 745"/>
              <a:gd name="T37" fmla="*/ 2147483647 h 987"/>
              <a:gd name="T38" fmla="*/ 2147483647 w 745"/>
              <a:gd name="T39" fmla="*/ 2147483647 h 987"/>
              <a:gd name="T40" fmla="*/ 2147483647 w 745"/>
              <a:gd name="T41" fmla="*/ 2147483647 h 987"/>
              <a:gd name="T42" fmla="*/ 2147483647 w 745"/>
              <a:gd name="T43" fmla="*/ 2147483647 h 987"/>
              <a:gd name="T44" fmla="*/ 2147483647 w 745"/>
              <a:gd name="T45" fmla="*/ 2147483647 h 987"/>
              <a:gd name="T46" fmla="*/ 2147483647 w 745"/>
              <a:gd name="T47" fmla="*/ 2147483647 h 987"/>
              <a:gd name="T48" fmla="*/ 2147483647 w 745"/>
              <a:gd name="T49" fmla="*/ 2147483647 h 987"/>
              <a:gd name="T50" fmla="*/ 2147483647 w 745"/>
              <a:gd name="T51" fmla="*/ 2147483647 h 987"/>
              <a:gd name="T52" fmla="*/ 2147483647 w 745"/>
              <a:gd name="T53" fmla="*/ 2147483647 h 987"/>
              <a:gd name="T54" fmla="*/ 2147483647 w 745"/>
              <a:gd name="T55" fmla="*/ 2147483647 h 987"/>
              <a:gd name="T56" fmla="*/ 2147483647 w 745"/>
              <a:gd name="T57" fmla="*/ 2147483647 h 987"/>
              <a:gd name="T58" fmla="*/ 2147483647 w 745"/>
              <a:gd name="T59" fmla="*/ 2147483647 h 987"/>
              <a:gd name="T60" fmla="*/ 2147483647 w 745"/>
              <a:gd name="T61" fmla="*/ 2147483647 h 987"/>
              <a:gd name="T62" fmla="*/ 2147483647 w 745"/>
              <a:gd name="T63" fmla="*/ 2147483647 h 987"/>
              <a:gd name="T64" fmla="*/ 2147483647 w 745"/>
              <a:gd name="T65" fmla="*/ 2147483647 h 987"/>
              <a:gd name="T66" fmla="*/ 2147483647 w 745"/>
              <a:gd name="T67" fmla="*/ 2147483647 h 987"/>
              <a:gd name="T68" fmla="*/ 2147483647 w 745"/>
              <a:gd name="T69" fmla="*/ 2147483647 h 987"/>
              <a:gd name="T70" fmla="*/ 2147483647 w 745"/>
              <a:gd name="T71" fmla="*/ 2147483647 h 987"/>
              <a:gd name="T72" fmla="*/ 2147483647 w 745"/>
              <a:gd name="T73" fmla="*/ 2147483647 h 987"/>
              <a:gd name="T74" fmla="*/ 2147483647 w 745"/>
              <a:gd name="T75" fmla="*/ 2147483647 h 987"/>
              <a:gd name="T76" fmla="*/ 2147483647 w 745"/>
              <a:gd name="T77" fmla="*/ 2147483647 h 987"/>
              <a:gd name="T78" fmla="*/ 2147483647 w 745"/>
              <a:gd name="T79" fmla="*/ 2147483647 h 987"/>
              <a:gd name="T80" fmla="*/ 2147483647 w 745"/>
              <a:gd name="T81" fmla="*/ 2147483647 h 987"/>
              <a:gd name="T82" fmla="*/ 2147483647 w 745"/>
              <a:gd name="T83" fmla="*/ 2147483647 h 987"/>
              <a:gd name="T84" fmla="*/ 2147483647 w 745"/>
              <a:gd name="T85" fmla="*/ 2147483647 h 987"/>
              <a:gd name="T86" fmla="*/ 2147483647 w 745"/>
              <a:gd name="T87" fmla="*/ 2147483647 h 987"/>
              <a:gd name="T88" fmla="*/ 2147483647 w 745"/>
              <a:gd name="T89" fmla="*/ 2147483647 h 987"/>
              <a:gd name="T90" fmla="*/ 2147483647 w 745"/>
              <a:gd name="T91" fmla="*/ 2147483647 h 987"/>
              <a:gd name="T92" fmla="*/ 2147483647 w 745"/>
              <a:gd name="T93" fmla="*/ 2147483647 h 987"/>
              <a:gd name="T94" fmla="*/ 2147483647 w 745"/>
              <a:gd name="T95" fmla="*/ 2147483647 h 987"/>
              <a:gd name="T96" fmla="*/ 2147483647 w 745"/>
              <a:gd name="T97" fmla="*/ 2147483647 h 987"/>
              <a:gd name="T98" fmla="*/ 2147483647 w 745"/>
              <a:gd name="T99" fmla="*/ 2147483647 h 987"/>
              <a:gd name="T100" fmla="*/ 2147483647 w 745"/>
              <a:gd name="T101" fmla="*/ 2147483647 h 987"/>
              <a:gd name="T102" fmla="*/ 2147483647 w 745"/>
              <a:gd name="T103" fmla="*/ 2147483647 h 987"/>
              <a:gd name="T104" fmla="*/ 2147483647 w 745"/>
              <a:gd name="T105" fmla="*/ 2147483647 h 987"/>
              <a:gd name="T106" fmla="*/ 2147483647 w 745"/>
              <a:gd name="T107" fmla="*/ 2147483647 h 987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0" t="0" r="r" b="b"/>
            <a:pathLst>
              <a:path w="745" h="987">
                <a:moveTo>
                  <a:pt x="122" y="939"/>
                </a:moveTo>
                <a:lnTo>
                  <a:pt x="120" y="911"/>
                </a:lnTo>
                <a:lnTo>
                  <a:pt x="130" y="893"/>
                </a:lnTo>
                <a:lnTo>
                  <a:pt x="124" y="879"/>
                </a:lnTo>
                <a:lnTo>
                  <a:pt x="140" y="847"/>
                </a:lnTo>
                <a:lnTo>
                  <a:pt x="146" y="813"/>
                </a:lnTo>
                <a:lnTo>
                  <a:pt x="184" y="769"/>
                </a:lnTo>
                <a:lnTo>
                  <a:pt x="160" y="757"/>
                </a:lnTo>
                <a:lnTo>
                  <a:pt x="132" y="757"/>
                </a:lnTo>
                <a:lnTo>
                  <a:pt x="120" y="745"/>
                </a:lnTo>
                <a:lnTo>
                  <a:pt x="100" y="749"/>
                </a:lnTo>
                <a:lnTo>
                  <a:pt x="82" y="745"/>
                </a:lnTo>
                <a:lnTo>
                  <a:pt x="82" y="737"/>
                </a:lnTo>
                <a:lnTo>
                  <a:pt x="68" y="733"/>
                </a:lnTo>
                <a:lnTo>
                  <a:pt x="64" y="739"/>
                </a:lnTo>
                <a:lnTo>
                  <a:pt x="46" y="719"/>
                </a:lnTo>
                <a:lnTo>
                  <a:pt x="44" y="703"/>
                </a:lnTo>
                <a:lnTo>
                  <a:pt x="28" y="695"/>
                </a:lnTo>
                <a:lnTo>
                  <a:pt x="28" y="683"/>
                </a:lnTo>
                <a:lnTo>
                  <a:pt x="34" y="675"/>
                </a:lnTo>
                <a:lnTo>
                  <a:pt x="44" y="665"/>
                </a:lnTo>
                <a:lnTo>
                  <a:pt x="42" y="657"/>
                </a:lnTo>
                <a:lnTo>
                  <a:pt x="32" y="653"/>
                </a:lnTo>
                <a:lnTo>
                  <a:pt x="22" y="645"/>
                </a:lnTo>
                <a:lnTo>
                  <a:pt x="12" y="633"/>
                </a:lnTo>
                <a:lnTo>
                  <a:pt x="14" y="609"/>
                </a:lnTo>
                <a:lnTo>
                  <a:pt x="34" y="591"/>
                </a:lnTo>
                <a:lnTo>
                  <a:pt x="36" y="569"/>
                </a:lnTo>
                <a:lnTo>
                  <a:pt x="20" y="563"/>
                </a:lnTo>
                <a:lnTo>
                  <a:pt x="24" y="549"/>
                </a:lnTo>
                <a:lnTo>
                  <a:pt x="8" y="529"/>
                </a:lnTo>
                <a:lnTo>
                  <a:pt x="12" y="513"/>
                </a:lnTo>
                <a:lnTo>
                  <a:pt x="4" y="503"/>
                </a:lnTo>
                <a:lnTo>
                  <a:pt x="0" y="495"/>
                </a:lnTo>
                <a:lnTo>
                  <a:pt x="20" y="483"/>
                </a:lnTo>
                <a:lnTo>
                  <a:pt x="16" y="471"/>
                </a:lnTo>
                <a:lnTo>
                  <a:pt x="28" y="457"/>
                </a:lnTo>
                <a:lnTo>
                  <a:pt x="28" y="431"/>
                </a:lnTo>
                <a:lnTo>
                  <a:pt x="18" y="419"/>
                </a:lnTo>
                <a:lnTo>
                  <a:pt x="14" y="391"/>
                </a:lnTo>
                <a:lnTo>
                  <a:pt x="26" y="387"/>
                </a:lnTo>
                <a:lnTo>
                  <a:pt x="58" y="389"/>
                </a:lnTo>
                <a:lnTo>
                  <a:pt x="76" y="387"/>
                </a:lnTo>
                <a:lnTo>
                  <a:pt x="82" y="379"/>
                </a:lnTo>
                <a:lnTo>
                  <a:pt x="72" y="365"/>
                </a:lnTo>
                <a:lnTo>
                  <a:pt x="84" y="361"/>
                </a:lnTo>
                <a:lnTo>
                  <a:pt x="96" y="343"/>
                </a:lnTo>
                <a:lnTo>
                  <a:pt x="100" y="323"/>
                </a:lnTo>
                <a:lnTo>
                  <a:pt x="74" y="313"/>
                </a:lnTo>
                <a:lnTo>
                  <a:pt x="80" y="291"/>
                </a:lnTo>
                <a:lnTo>
                  <a:pt x="102" y="291"/>
                </a:lnTo>
                <a:lnTo>
                  <a:pt x="104" y="269"/>
                </a:lnTo>
                <a:lnTo>
                  <a:pt x="116" y="253"/>
                </a:lnTo>
                <a:lnTo>
                  <a:pt x="116" y="217"/>
                </a:lnTo>
                <a:lnTo>
                  <a:pt x="124" y="211"/>
                </a:lnTo>
                <a:lnTo>
                  <a:pt x="120" y="205"/>
                </a:lnTo>
                <a:lnTo>
                  <a:pt x="114" y="205"/>
                </a:lnTo>
                <a:lnTo>
                  <a:pt x="106" y="201"/>
                </a:lnTo>
                <a:lnTo>
                  <a:pt x="106" y="189"/>
                </a:lnTo>
                <a:lnTo>
                  <a:pt x="110" y="177"/>
                </a:lnTo>
                <a:lnTo>
                  <a:pt x="116" y="167"/>
                </a:lnTo>
                <a:lnTo>
                  <a:pt x="124" y="159"/>
                </a:lnTo>
                <a:lnTo>
                  <a:pt x="132" y="159"/>
                </a:lnTo>
                <a:lnTo>
                  <a:pt x="150" y="159"/>
                </a:lnTo>
                <a:lnTo>
                  <a:pt x="162" y="157"/>
                </a:lnTo>
                <a:lnTo>
                  <a:pt x="182" y="159"/>
                </a:lnTo>
                <a:lnTo>
                  <a:pt x="186" y="167"/>
                </a:lnTo>
                <a:lnTo>
                  <a:pt x="190" y="179"/>
                </a:lnTo>
                <a:lnTo>
                  <a:pt x="184" y="191"/>
                </a:lnTo>
                <a:lnTo>
                  <a:pt x="194" y="197"/>
                </a:lnTo>
                <a:lnTo>
                  <a:pt x="202" y="193"/>
                </a:lnTo>
                <a:lnTo>
                  <a:pt x="202" y="183"/>
                </a:lnTo>
                <a:lnTo>
                  <a:pt x="198" y="177"/>
                </a:lnTo>
                <a:lnTo>
                  <a:pt x="202" y="171"/>
                </a:lnTo>
                <a:lnTo>
                  <a:pt x="208" y="173"/>
                </a:lnTo>
                <a:lnTo>
                  <a:pt x="214" y="181"/>
                </a:lnTo>
                <a:lnTo>
                  <a:pt x="224" y="183"/>
                </a:lnTo>
                <a:lnTo>
                  <a:pt x="220" y="163"/>
                </a:lnTo>
                <a:lnTo>
                  <a:pt x="220" y="153"/>
                </a:lnTo>
                <a:lnTo>
                  <a:pt x="226" y="138"/>
                </a:lnTo>
                <a:lnTo>
                  <a:pt x="232" y="134"/>
                </a:lnTo>
                <a:lnTo>
                  <a:pt x="240" y="140"/>
                </a:lnTo>
                <a:lnTo>
                  <a:pt x="246" y="145"/>
                </a:lnTo>
                <a:lnTo>
                  <a:pt x="256" y="147"/>
                </a:lnTo>
                <a:lnTo>
                  <a:pt x="260" y="142"/>
                </a:lnTo>
                <a:lnTo>
                  <a:pt x="262" y="140"/>
                </a:lnTo>
                <a:lnTo>
                  <a:pt x="262" y="138"/>
                </a:lnTo>
                <a:lnTo>
                  <a:pt x="258" y="134"/>
                </a:lnTo>
                <a:lnTo>
                  <a:pt x="254" y="130"/>
                </a:lnTo>
                <a:lnTo>
                  <a:pt x="248" y="124"/>
                </a:lnTo>
                <a:lnTo>
                  <a:pt x="248" y="118"/>
                </a:lnTo>
                <a:lnTo>
                  <a:pt x="254" y="116"/>
                </a:lnTo>
                <a:lnTo>
                  <a:pt x="258" y="114"/>
                </a:lnTo>
                <a:lnTo>
                  <a:pt x="258" y="104"/>
                </a:lnTo>
                <a:lnTo>
                  <a:pt x="246" y="100"/>
                </a:lnTo>
                <a:lnTo>
                  <a:pt x="246" y="86"/>
                </a:lnTo>
                <a:lnTo>
                  <a:pt x="228" y="82"/>
                </a:lnTo>
                <a:lnTo>
                  <a:pt x="230" y="72"/>
                </a:lnTo>
                <a:lnTo>
                  <a:pt x="236" y="66"/>
                </a:lnTo>
                <a:lnTo>
                  <a:pt x="252" y="68"/>
                </a:lnTo>
                <a:lnTo>
                  <a:pt x="256" y="54"/>
                </a:lnTo>
                <a:lnTo>
                  <a:pt x="250" y="40"/>
                </a:lnTo>
                <a:lnTo>
                  <a:pt x="240" y="28"/>
                </a:lnTo>
                <a:lnTo>
                  <a:pt x="232" y="18"/>
                </a:lnTo>
                <a:lnTo>
                  <a:pt x="230" y="8"/>
                </a:lnTo>
                <a:lnTo>
                  <a:pt x="232" y="0"/>
                </a:lnTo>
                <a:lnTo>
                  <a:pt x="254" y="2"/>
                </a:lnTo>
                <a:lnTo>
                  <a:pt x="268" y="8"/>
                </a:lnTo>
                <a:lnTo>
                  <a:pt x="278" y="16"/>
                </a:lnTo>
                <a:lnTo>
                  <a:pt x="293" y="16"/>
                </a:lnTo>
                <a:lnTo>
                  <a:pt x="301" y="2"/>
                </a:lnTo>
                <a:lnTo>
                  <a:pt x="313" y="14"/>
                </a:lnTo>
                <a:lnTo>
                  <a:pt x="327" y="16"/>
                </a:lnTo>
                <a:lnTo>
                  <a:pt x="333" y="20"/>
                </a:lnTo>
                <a:lnTo>
                  <a:pt x="335" y="32"/>
                </a:lnTo>
                <a:lnTo>
                  <a:pt x="337" y="52"/>
                </a:lnTo>
                <a:lnTo>
                  <a:pt x="335" y="58"/>
                </a:lnTo>
                <a:lnTo>
                  <a:pt x="347" y="60"/>
                </a:lnTo>
                <a:lnTo>
                  <a:pt x="353" y="68"/>
                </a:lnTo>
                <a:lnTo>
                  <a:pt x="367" y="66"/>
                </a:lnTo>
                <a:lnTo>
                  <a:pt x="385" y="80"/>
                </a:lnTo>
                <a:lnTo>
                  <a:pt x="403" y="74"/>
                </a:lnTo>
                <a:lnTo>
                  <a:pt x="417" y="66"/>
                </a:lnTo>
                <a:lnTo>
                  <a:pt x="413" y="62"/>
                </a:lnTo>
                <a:lnTo>
                  <a:pt x="413" y="56"/>
                </a:lnTo>
                <a:lnTo>
                  <a:pt x="419" y="52"/>
                </a:lnTo>
                <a:lnTo>
                  <a:pt x="425" y="54"/>
                </a:lnTo>
                <a:lnTo>
                  <a:pt x="431" y="58"/>
                </a:lnTo>
                <a:lnTo>
                  <a:pt x="431" y="66"/>
                </a:lnTo>
                <a:lnTo>
                  <a:pt x="429" y="70"/>
                </a:lnTo>
                <a:lnTo>
                  <a:pt x="419" y="68"/>
                </a:lnTo>
                <a:lnTo>
                  <a:pt x="415" y="94"/>
                </a:lnTo>
                <a:lnTo>
                  <a:pt x="405" y="106"/>
                </a:lnTo>
                <a:lnTo>
                  <a:pt x="393" y="110"/>
                </a:lnTo>
                <a:lnTo>
                  <a:pt x="397" y="120"/>
                </a:lnTo>
                <a:lnTo>
                  <a:pt x="405" y="126"/>
                </a:lnTo>
                <a:lnTo>
                  <a:pt x="423" y="122"/>
                </a:lnTo>
                <a:lnTo>
                  <a:pt x="433" y="128"/>
                </a:lnTo>
                <a:lnTo>
                  <a:pt x="447" y="128"/>
                </a:lnTo>
                <a:lnTo>
                  <a:pt x="455" y="108"/>
                </a:lnTo>
                <a:lnTo>
                  <a:pt x="465" y="98"/>
                </a:lnTo>
                <a:lnTo>
                  <a:pt x="491" y="96"/>
                </a:lnTo>
                <a:lnTo>
                  <a:pt x="511" y="82"/>
                </a:lnTo>
                <a:lnTo>
                  <a:pt x="519" y="68"/>
                </a:lnTo>
                <a:lnTo>
                  <a:pt x="525" y="58"/>
                </a:lnTo>
                <a:lnTo>
                  <a:pt x="543" y="60"/>
                </a:lnTo>
                <a:lnTo>
                  <a:pt x="559" y="66"/>
                </a:lnTo>
                <a:lnTo>
                  <a:pt x="569" y="70"/>
                </a:lnTo>
                <a:lnTo>
                  <a:pt x="573" y="80"/>
                </a:lnTo>
                <a:lnTo>
                  <a:pt x="587" y="86"/>
                </a:lnTo>
                <a:lnTo>
                  <a:pt x="589" y="94"/>
                </a:lnTo>
                <a:lnTo>
                  <a:pt x="599" y="102"/>
                </a:lnTo>
                <a:lnTo>
                  <a:pt x="619" y="90"/>
                </a:lnTo>
                <a:lnTo>
                  <a:pt x="625" y="96"/>
                </a:lnTo>
                <a:lnTo>
                  <a:pt x="629" y="110"/>
                </a:lnTo>
                <a:lnTo>
                  <a:pt x="629" y="118"/>
                </a:lnTo>
                <a:lnTo>
                  <a:pt x="643" y="118"/>
                </a:lnTo>
                <a:lnTo>
                  <a:pt x="651" y="116"/>
                </a:lnTo>
                <a:lnTo>
                  <a:pt x="657" y="128"/>
                </a:lnTo>
                <a:lnTo>
                  <a:pt x="661" y="145"/>
                </a:lnTo>
                <a:lnTo>
                  <a:pt x="667" y="163"/>
                </a:lnTo>
                <a:lnTo>
                  <a:pt x="679" y="201"/>
                </a:lnTo>
                <a:lnTo>
                  <a:pt x="675" y="225"/>
                </a:lnTo>
                <a:lnTo>
                  <a:pt x="675" y="235"/>
                </a:lnTo>
                <a:lnTo>
                  <a:pt x="657" y="249"/>
                </a:lnTo>
                <a:lnTo>
                  <a:pt x="663" y="263"/>
                </a:lnTo>
                <a:lnTo>
                  <a:pt x="681" y="281"/>
                </a:lnTo>
                <a:lnTo>
                  <a:pt x="703" y="297"/>
                </a:lnTo>
                <a:lnTo>
                  <a:pt x="703" y="309"/>
                </a:lnTo>
                <a:lnTo>
                  <a:pt x="697" y="317"/>
                </a:lnTo>
                <a:lnTo>
                  <a:pt x="699" y="331"/>
                </a:lnTo>
                <a:lnTo>
                  <a:pt x="709" y="337"/>
                </a:lnTo>
                <a:lnTo>
                  <a:pt x="711" y="359"/>
                </a:lnTo>
                <a:lnTo>
                  <a:pt x="715" y="379"/>
                </a:lnTo>
                <a:lnTo>
                  <a:pt x="705" y="393"/>
                </a:lnTo>
                <a:lnTo>
                  <a:pt x="717" y="409"/>
                </a:lnTo>
                <a:lnTo>
                  <a:pt x="719" y="431"/>
                </a:lnTo>
                <a:lnTo>
                  <a:pt x="733" y="437"/>
                </a:lnTo>
                <a:lnTo>
                  <a:pt x="745" y="459"/>
                </a:lnTo>
                <a:lnTo>
                  <a:pt x="741" y="475"/>
                </a:lnTo>
                <a:lnTo>
                  <a:pt x="737" y="489"/>
                </a:lnTo>
                <a:lnTo>
                  <a:pt x="735" y="503"/>
                </a:lnTo>
                <a:lnTo>
                  <a:pt x="727" y="517"/>
                </a:lnTo>
                <a:lnTo>
                  <a:pt x="719" y="519"/>
                </a:lnTo>
                <a:lnTo>
                  <a:pt x="713" y="511"/>
                </a:lnTo>
                <a:lnTo>
                  <a:pt x="707" y="497"/>
                </a:lnTo>
                <a:lnTo>
                  <a:pt x="701" y="491"/>
                </a:lnTo>
                <a:lnTo>
                  <a:pt x="683" y="495"/>
                </a:lnTo>
                <a:lnTo>
                  <a:pt x="693" y="507"/>
                </a:lnTo>
                <a:lnTo>
                  <a:pt x="687" y="513"/>
                </a:lnTo>
                <a:lnTo>
                  <a:pt x="673" y="523"/>
                </a:lnTo>
                <a:lnTo>
                  <a:pt x="657" y="525"/>
                </a:lnTo>
                <a:lnTo>
                  <a:pt x="651" y="535"/>
                </a:lnTo>
                <a:lnTo>
                  <a:pt x="633" y="535"/>
                </a:lnTo>
                <a:lnTo>
                  <a:pt x="621" y="551"/>
                </a:lnTo>
                <a:lnTo>
                  <a:pt x="605" y="551"/>
                </a:lnTo>
                <a:lnTo>
                  <a:pt x="593" y="565"/>
                </a:lnTo>
                <a:lnTo>
                  <a:pt x="581" y="577"/>
                </a:lnTo>
                <a:lnTo>
                  <a:pt x="563" y="575"/>
                </a:lnTo>
                <a:lnTo>
                  <a:pt x="547" y="581"/>
                </a:lnTo>
                <a:lnTo>
                  <a:pt x="537" y="591"/>
                </a:lnTo>
                <a:lnTo>
                  <a:pt x="529" y="609"/>
                </a:lnTo>
                <a:lnTo>
                  <a:pt x="521" y="595"/>
                </a:lnTo>
                <a:lnTo>
                  <a:pt x="511" y="595"/>
                </a:lnTo>
                <a:lnTo>
                  <a:pt x="515" y="605"/>
                </a:lnTo>
                <a:lnTo>
                  <a:pt x="517" y="619"/>
                </a:lnTo>
                <a:lnTo>
                  <a:pt x="521" y="625"/>
                </a:lnTo>
                <a:lnTo>
                  <a:pt x="529" y="633"/>
                </a:lnTo>
                <a:lnTo>
                  <a:pt x="543" y="639"/>
                </a:lnTo>
                <a:lnTo>
                  <a:pt x="545" y="655"/>
                </a:lnTo>
                <a:lnTo>
                  <a:pt x="539" y="667"/>
                </a:lnTo>
                <a:lnTo>
                  <a:pt x="549" y="677"/>
                </a:lnTo>
                <a:lnTo>
                  <a:pt x="553" y="693"/>
                </a:lnTo>
                <a:lnTo>
                  <a:pt x="573" y="719"/>
                </a:lnTo>
                <a:lnTo>
                  <a:pt x="587" y="719"/>
                </a:lnTo>
                <a:lnTo>
                  <a:pt x="603" y="735"/>
                </a:lnTo>
                <a:lnTo>
                  <a:pt x="609" y="745"/>
                </a:lnTo>
                <a:lnTo>
                  <a:pt x="615" y="747"/>
                </a:lnTo>
                <a:lnTo>
                  <a:pt x="625" y="753"/>
                </a:lnTo>
                <a:lnTo>
                  <a:pt x="625" y="757"/>
                </a:lnTo>
                <a:lnTo>
                  <a:pt x="625" y="761"/>
                </a:lnTo>
                <a:lnTo>
                  <a:pt x="643" y="763"/>
                </a:lnTo>
                <a:lnTo>
                  <a:pt x="657" y="773"/>
                </a:lnTo>
                <a:lnTo>
                  <a:pt x="663" y="785"/>
                </a:lnTo>
                <a:lnTo>
                  <a:pt x="661" y="811"/>
                </a:lnTo>
                <a:lnTo>
                  <a:pt x="631" y="811"/>
                </a:lnTo>
                <a:lnTo>
                  <a:pt x="633" y="835"/>
                </a:lnTo>
                <a:lnTo>
                  <a:pt x="625" y="847"/>
                </a:lnTo>
                <a:lnTo>
                  <a:pt x="605" y="849"/>
                </a:lnTo>
                <a:lnTo>
                  <a:pt x="575" y="873"/>
                </a:lnTo>
                <a:lnTo>
                  <a:pt x="599" y="907"/>
                </a:lnTo>
                <a:lnTo>
                  <a:pt x="595" y="919"/>
                </a:lnTo>
                <a:lnTo>
                  <a:pt x="595" y="925"/>
                </a:lnTo>
                <a:lnTo>
                  <a:pt x="603" y="925"/>
                </a:lnTo>
                <a:lnTo>
                  <a:pt x="609" y="933"/>
                </a:lnTo>
                <a:lnTo>
                  <a:pt x="607" y="943"/>
                </a:lnTo>
                <a:lnTo>
                  <a:pt x="597" y="957"/>
                </a:lnTo>
                <a:lnTo>
                  <a:pt x="583" y="947"/>
                </a:lnTo>
                <a:lnTo>
                  <a:pt x="583" y="937"/>
                </a:lnTo>
                <a:lnTo>
                  <a:pt x="573" y="929"/>
                </a:lnTo>
                <a:lnTo>
                  <a:pt x="555" y="939"/>
                </a:lnTo>
                <a:lnTo>
                  <a:pt x="551" y="929"/>
                </a:lnTo>
                <a:lnTo>
                  <a:pt x="529" y="929"/>
                </a:lnTo>
                <a:lnTo>
                  <a:pt x="527" y="943"/>
                </a:lnTo>
                <a:lnTo>
                  <a:pt x="481" y="945"/>
                </a:lnTo>
                <a:lnTo>
                  <a:pt x="461" y="959"/>
                </a:lnTo>
                <a:lnTo>
                  <a:pt x="433" y="973"/>
                </a:lnTo>
                <a:lnTo>
                  <a:pt x="413" y="953"/>
                </a:lnTo>
                <a:lnTo>
                  <a:pt x="377" y="951"/>
                </a:lnTo>
                <a:lnTo>
                  <a:pt x="375" y="973"/>
                </a:lnTo>
                <a:lnTo>
                  <a:pt x="357" y="987"/>
                </a:lnTo>
                <a:lnTo>
                  <a:pt x="353" y="979"/>
                </a:lnTo>
                <a:lnTo>
                  <a:pt x="345" y="975"/>
                </a:lnTo>
                <a:lnTo>
                  <a:pt x="343" y="963"/>
                </a:lnTo>
                <a:lnTo>
                  <a:pt x="319" y="949"/>
                </a:lnTo>
                <a:lnTo>
                  <a:pt x="309" y="963"/>
                </a:lnTo>
                <a:lnTo>
                  <a:pt x="289" y="957"/>
                </a:lnTo>
                <a:lnTo>
                  <a:pt x="274" y="943"/>
                </a:lnTo>
                <a:lnTo>
                  <a:pt x="258" y="933"/>
                </a:lnTo>
                <a:lnTo>
                  <a:pt x="240" y="939"/>
                </a:lnTo>
                <a:lnTo>
                  <a:pt x="228" y="927"/>
                </a:lnTo>
                <a:lnTo>
                  <a:pt x="212" y="919"/>
                </a:lnTo>
                <a:lnTo>
                  <a:pt x="198" y="929"/>
                </a:lnTo>
                <a:lnTo>
                  <a:pt x="212" y="943"/>
                </a:lnTo>
                <a:lnTo>
                  <a:pt x="198" y="949"/>
                </a:lnTo>
                <a:lnTo>
                  <a:pt x="182" y="939"/>
                </a:lnTo>
                <a:lnTo>
                  <a:pt x="164" y="953"/>
                </a:lnTo>
                <a:lnTo>
                  <a:pt x="146" y="939"/>
                </a:lnTo>
                <a:lnTo>
                  <a:pt x="136" y="951"/>
                </a:lnTo>
                <a:lnTo>
                  <a:pt x="122" y="939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04" name="Freeform 5"/>
          <p:cNvSpPr>
            <a:spLocks/>
          </p:cNvSpPr>
          <p:nvPr/>
        </p:nvSpPr>
        <p:spPr bwMode="auto">
          <a:xfrm>
            <a:off x="5613400" y="4559300"/>
            <a:ext cx="687388" cy="627063"/>
          </a:xfrm>
          <a:custGeom>
            <a:avLst/>
            <a:gdLst>
              <a:gd name="T0" fmla="*/ 2147483647 w 530"/>
              <a:gd name="T1" fmla="*/ 2147483647 h 484"/>
              <a:gd name="T2" fmla="*/ 2147483647 w 530"/>
              <a:gd name="T3" fmla="*/ 2147483647 h 484"/>
              <a:gd name="T4" fmla="*/ 2147483647 w 530"/>
              <a:gd name="T5" fmla="*/ 2147483647 h 484"/>
              <a:gd name="T6" fmla="*/ 2147483647 w 530"/>
              <a:gd name="T7" fmla="*/ 2147483647 h 484"/>
              <a:gd name="T8" fmla="*/ 2147483647 w 530"/>
              <a:gd name="T9" fmla="*/ 2147483647 h 484"/>
              <a:gd name="T10" fmla="*/ 2147483647 w 530"/>
              <a:gd name="T11" fmla="*/ 0 h 484"/>
              <a:gd name="T12" fmla="*/ 2147483647 w 530"/>
              <a:gd name="T13" fmla="*/ 2147483647 h 484"/>
              <a:gd name="T14" fmla="*/ 2147483647 w 530"/>
              <a:gd name="T15" fmla="*/ 2147483647 h 484"/>
              <a:gd name="T16" fmla="*/ 2147483647 w 530"/>
              <a:gd name="T17" fmla="*/ 2147483647 h 484"/>
              <a:gd name="T18" fmla="*/ 2147483647 w 530"/>
              <a:gd name="T19" fmla="*/ 2147483647 h 484"/>
              <a:gd name="T20" fmla="*/ 2147483647 w 530"/>
              <a:gd name="T21" fmla="*/ 2147483647 h 484"/>
              <a:gd name="T22" fmla="*/ 2147483647 w 530"/>
              <a:gd name="T23" fmla="*/ 2147483647 h 484"/>
              <a:gd name="T24" fmla="*/ 2147483647 w 530"/>
              <a:gd name="T25" fmla="*/ 2147483647 h 484"/>
              <a:gd name="T26" fmla="*/ 2147483647 w 530"/>
              <a:gd name="T27" fmla="*/ 2147483647 h 484"/>
              <a:gd name="T28" fmla="*/ 2147483647 w 530"/>
              <a:gd name="T29" fmla="*/ 2147483647 h 484"/>
              <a:gd name="T30" fmla="*/ 2147483647 w 530"/>
              <a:gd name="T31" fmla="*/ 2147483647 h 484"/>
              <a:gd name="T32" fmla="*/ 2147483647 w 530"/>
              <a:gd name="T33" fmla="*/ 2147483647 h 484"/>
              <a:gd name="T34" fmla="*/ 2147483647 w 530"/>
              <a:gd name="T35" fmla="*/ 2147483647 h 484"/>
              <a:gd name="T36" fmla="*/ 2147483647 w 530"/>
              <a:gd name="T37" fmla="*/ 2147483647 h 484"/>
              <a:gd name="T38" fmla="*/ 2147483647 w 530"/>
              <a:gd name="T39" fmla="*/ 2147483647 h 484"/>
              <a:gd name="T40" fmla="*/ 2147483647 w 530"/>
              <a:gd name="T41" fmla="*/ 2147483647 h 484"/>
              <a:gd name="T42" fmla="*/ 2147483647 w 530"/>
              <a:gd name="T43" fmla="*/ 2147483647 h 484"/>
              <a:gd name="T44" fmla="*/ 2147483647 w 530"/>
              <a:gd name="T45" fmla="*/ 2147483647 h 484"/>
              <a:gd name="T46" fmla="*/ 2147483647 w 530"/>
              <a:gd name="T47" fmla="*/ 2147483647 h 484"/>
              <a:gd name="T48" fmla="*/ 2147483647 w 530"/>
              <a:gd name="T49" fmla="*/ 2147483647 h 484"/>
              <a:gd name="T50" fmla="*/ 2147483647 w 530"/>
              <a:gd name="T51" fmla="*/ 2147483647 h 484"/>
              <a:gd name="T52" fmla="*/ 2147483647 w 530"/>
              <a:gd name="T53" fmla="*/ 2147483647 h 484"/>
              <a:gd name="T54" fmla="*/ 2147483647 w 530"/>
              <a:gd name="T55" fmla="*/ 2147483647 h 484"/>
              <a:gd name="T56" fmla="*/ 2147483647 w 530"/>
              <a:gd name="T57" fmla="*/ 2147483647 h 484"/>
              <a:gd name="T58" fmla="*/ 2147483647 w 530"/>
              <a:gd name="T59" fmla="*/ 2147483647 h 484"/>
              <a:gd name="T60" fmla="*/ 2147483647 w 530"/>
              <a:gd name="T61" fmla="*/ 2147483647 h 484"/>
              <a:gd name="T62" fmla="*/ 2147483647 w 530"/>
              <a:gd name="T63" fmla="*/ 2147483647 h 484"/>
              <a:gd name="T64" fmla="*/ 2147483647 w 530"/>
              <a:gd name="T65" fmla="*/ 2147483647 h 484"/>
              <a:gd name="T66" fmla="*/ 2147483647 w 530"/>
              <a:gd name="T67" fmla="*/ 2147483647 h 484"/>
              <a:gd name="T68" fmla="*/ 2147483647 w 530"/>
              <a:gd name="T69" fmla="*/ 2147483647 h 484"/>
              <a:gd name="T70" fmla="*/ 2147483647 w 530"/>
              <a:gd name="T71" fmla="*/ 2147483647 h 484"/>
              <a:gd name="T72" fmla="*/ 2147483647 w 530"/>
              <a:gd name="T73" fmla="*/ 2147483647 h 484"/>
              <a:gd name="T74" fmla="*/ 2147483647 w 530"/>
              <a:gd name="T75" fmla="*/ 2147483647 h 484"/>
              <a:gd name="T76" fmla="*/ 2147483647 w 530"/>
              <a:gd name="T77" fmla="*/ 2147483647 h 484"/>
              <a:gd name="T78" fmla="*/ 2147483647 w 530"/>
              <a:gd name="T79" fmla="*/ 2147483647 h 484"/>
              <a:gd name="T80" fmla="*/ 2147483647 w 530"/>
              <a:gd name="T81" fmla="*/ 2147483647 h 484"/>
              <a:gd name="T82" fmla="*/ 2147483647 w 530"/>
              <a:gd name="T83" fmla="*/ 2147483647 h 484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530" h="484">
                <a:moveTo>
                  <a:pt x="2" y="156"/>
                </a:moveTo>
                <a:lnTo>
                  <a:pt x="30" y="158"/>
                </a:lnTo>
                <a:lnTo>
                  <a:pt x="64" y="152"/>
                </a:lnTo>
                <a:lnTo>
                  <a:pt x="90" y="124"/>
                </a:lnTo>
                <a:lnTo>
                  <a:pt x="114" y="148"/>
                </a:lnTo>
                <a:lnTo>
                  <a:pt x="160" y="152"/>
                </a:lnTo>
                <a:lnTo>
                  <a:pt x="154" y="118"/>
                </a:lnTo>
                <a:lnTo>
                  <a:pt x="178" y="94"/>
                </a:lnTo>
                <a:lnTo>
                  <a:pt x="192" y="68"/>
                </a:lnTo>
                <a:lnTo>
                  <a:pt x="210" y="36"/>
                </a:lnTo>
                <a:lnTo>
                  <a:pt x="238" y="22"/>
                </a:lnTo>
                <a:lnTo>
                  <a:pt x="238" y="0"/>
                </a:lnTo>
                <a:lnTo>
                  <a:pt x="258" y="6"/>
                </a:lnTo>
                <a:lnTo>
                  <a:pt x="282" y="22"/>
                </a:lnTo>
                <a:lnTo>
                  <a:pt x="314" y="40"/>
                </a:lnTo>
                <a:lnTo>
                  <a:pt x="338" y="64"/>
                </a:lnTo>
                <a:lnTo>
                  <a:pt x="370" y="72"/>
                </a:lnTo>
                <a:lnTo>
                  <a:pt x="400" y="84"/>
                </a:lnTo>
                <a:lnTo>
                  <a:pt x="442" y="78"/>
                </a:lnTo>
                <a:lnTo>
                  <a:pt x="470" y="54"/>
                </a:lnTo>
                <a:lnTo>
                  <a:pt x="478" y="74"/>
                </a:lnTo>
                <a:lnTo>
                  <a:pt x="488" y="96"/>
                </a:lnTo>
                <a:lnTo>
                  <a:pt x="498" y="132"/>
                </a:lnTo>
                <a:lnTo>
                  <a:pt x="530" y="148"/>
                </a:lnTo>
                <a:lnTo>
                  <a:pt x="514" y="158"/>
                </a:lnTo>
                <a:lnTo>
                  <a:pt x="514" y="180"/>
                </a:lnTo>
                <a:lnTo>
                  <a:pt x="496" y="196"/>
                </a:lnTo>
                <a:lnTo>
                  <a:pt x="472" y="166"/>
                </a:lnTo>
                <a:lnTo>
                  <a:pt x="438" y="166"/>
                </a:lnTo>
                <a:lnTo>
                  <a:pt x="422" y="172"/>
                </a:lnTo>
                <a:lnTo>
                  <a:pt x="408" y="166"/>
                </a:lnTo>
                <a:lnTo>
                  <a:pt x="392" y="176"/>
                </a:lnTo>
                <a:lnTo>
                  <a:pt x="346" y="168"/>
                </a:lnTo>
                <a:lnTo>
                  <a:pt x="326" y="172"/>
                </a:lnTo>
                <a:lnTo>
                  <a:pt x="306" y="160"/>
                </a:lnTo>
                <a:lnTo>
                  <a:pt x="296" y="180"/>
                </a:lnTo>
                <a:lnTo>
                  <a:pt x="272" y="174"/>
                </a:lnTo>
                <a:lnTo>
                  <a:pt x="258" y="198"/>
                </a:lnTo>
                <a:lnTo>
                  <a:pt x="230" y="176"/>
                </a:lnTo>
                <a:lnTo>
                  <a:pt x="210" y="176"/>
                </a:lnTo>
                <a:lnTo>
                  <a:pt x="208" y="232"/>
                </a:lnTo>
                <a:lnTo>
                  <a:pt x="240" y="252"/>
                </a:lnTo>
                <a:lnTo>
                  <a:pt x="270" y="304"/>
                </a:lnTo>
                <a:lnTo>
                  <a:pt x="288" y="322"/>
                </a:lnTo>
                <a:lnTo>
                  <a:pt x="314" y="344"/>
                </a:lnTo>
                <a:lnTo>
                  <a:pt x="338" y="364"/>
                </a:lnTo>
                <a:lnTo>
                  <a:pt x="362" y="388"/>
                </a:lnTo>
                <a:lnTo>
                  <a:pt x="376" y="416"/>
                </a:lnTo>
                <a:lnTo>
                  <a:pt x="400" y="440"/>
                </a:lnTo>
                <a:lnTo>
                  <a:pt x="416" y="454"/>
                </a:lnTo>
                <a:lnTo>
                  <a:pt x="432" y="470"/>
                </a:lnTo>
                <a:lnTo>
                  <a:pt x="458" y="484"/>
                </a:lnTo>
                <a:lnTo>
                  <a:pt x="424" y="478"/>
                </a:lnTo>
                <a:lnTo>
                  <a:pt x="400" y="454"/>
                </a:lnTo>
                <a:lnTo>
                  <a:pt x="370" y="436"/>
                </a:lnTo>
                <a:lnTo>
                  <a:pt x="344" y="420"/>
                </a:lnTo>
                <a:lnTo>
                  <a:pt x="322" y="406"/>
                </a:lnTo>
                <a:lnTo>
                  <a:pt x="302" y="398"/>
                </a:lnTo>
                <a:lnTo>
                  <a:pt x="280" y="392"/>
                </a:lnTo>
                <a:lnTo>
                  <a:pt x="258" y="400"/>
                </a:lnTo>
                <a:lnTo>
                  <a:pt x="240" y="392"/>
                </a:lnTo>
                <a:lnTo>
                  <a:pt x="238" y="376"/>
                </a:lnTo>
                <a:lnTo>
                  <a:pt x="222" y="368"/>
                </a:lnTo>
                <a:lnTo>
                  <a:pt x="202" y="358"/>
                </a:lnTo>
                <a:lnTo>
                  <a:pt x="184" y="350"/>
                </a:lnTo>
                <a:lnTo>
                  <a:pt x="162" y="328"/>
                </a:lnTo>
                <a:lnTo>
                  <a:pt x="160" y="302"/>
                </a:lnTo>
                <a:lnTo>
                  <a:pt x="182" y="296"/>
                </a:lnTo>
                <a:lnTo>
                  <a:pt x="162" y="280"/>
                </a:lnTo>
                <a:lnTo>
                  <a:pt x="142" y="264"/>
                </a:lnTo>
                <a:lnTo>
                  <a:pt x="128" y="240"/>
                </a:lnTo>
                <a:lnTo>
                  <a:pt x="126" y="204"/>
                </a:lnTo>
                <a:lnTo>
                  <a:pt x="104" y="190"/>
                </a:lnTo>
                <a:lnTo>
                  <a:pt x="86" y="174"/>
                </a:lnTo>
                <a:lnTo>
                  <a:pt x="66" y="174"/>
                </a:lnTo>
                <a:lnTo>
                  <a:pt x="64" y="192"/>
                </a:lnTo>
                <a:lnTo>
                  <a:pt x="62" y="208"/>
                </a:lnTo>
                <a:lnTo>
                  <a:pt x="50" y="214"/>
                </a:lnTo>
                <a:lnTo>
                  <a:pt x="48" y="232"/>
                </a:lnTo>
                <a:lnTo>
                  <a:pt x="38" y="240"/>
                </a:lnTo>
                <a:lnTo>
                  <a:pt x="22" y="216"/>
                </a:lnTo>
                <a:lnTo>
                  <a:pt x="8" y="198"/>
                </a:lnTo>
                <a:lnTo>
                  <a:pt x="0" y="174"/>
                </a:lnTo>
                <a:lnTo>
                  <a:pt x="2" y="15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05" name="Freeform 6"/>
          <p:cNvSpPr>
            <a:spLocks/>
          </p:cNvSpPr>
          <p:nvPr/>
        </p:nvSpPr>
        <p:spPr bwMode="auto">
          <a:xfrm>
            <a:off x="5883275" y="4767263"/>
            <a:ext cx="476250" cy="436562"/>
          </a:xfrm>
          <a:custGeom>
            <a:avLst/>
            <a:gdLst>
              <a:gd name="T0" fmla="*/ 2147483647 w 368"/>
              <a:gd name="T1" fmla="*/ 2147483647 h 338"/>
              <a:gd name="T2" fmla="*/ 2147483647 w 368"/>
              <a:gd name="T3" fmla="*/ 2147483647 h 338"/>
              <a:gd name="T4" fmla="*/ 2147483647 w 368"/>
              <a:gd name="T5" fmla="*/ 2147483647 h 338"/>
              <a:gd name="T6" fmla="*/ 2147483647 w 368"/>
              <a:gd name="T7" fmla="*/ 2147483647 h 338"/>
              <a:gd name="T8" fmla="*/ 2147483647 w 368"/>
              <a:gd name="T9" fmla="*/ 2147483647 h 338"/>
              <a:gd name="T10" fmla="*/ 2147483647 w 368"/>
              <a:gd name="T11" fmla="*/ 2147483647 h 338"/>
              <a:gd name="T12" fmla="*/ 2147483647 w 368"/>
              <a:gd name="T13" fmla="*/ 2147483647 h 338"/>
              <a:gd name="T14" fmla="*/ 2147483647 w 368"/>
              <a:gd name="T15" fmla="*/ 2147483647 h 338"/>
              <a:gd name="T16" fmla="*/ 2147483647 w 368"/>
              <a:gd name="T17" fmla="*/ 2147483647 h 338"/>
              <a:gd name="T18" fmla="*/ 2147483647 w 368"/>
              <a:gd name="T19" fmla="*/ 2147483647 h 338"/>
              <a:gd name="T20" fmla="*/ 2147483647 w 368"/>
              <a:gd name="T21" fmla="*/ 2147483647 h 338"/>
              <a:gd name="T22" fmla="*/ 2147483647 w 368"/>
              <a:gd name="T23" fmla="*/ 2147483647 h 338"/>
              <a:gd name="T24" fmla="*/ 2147483647 w 368"/>
              <a:gd name="T25" fmla="*/ 2147483647 h 338"/>
              <a:gd name="T26" fmla="*/ 2147483647 w 368"/>
              <a:gd name="T27" fmla="*/ 2147483647 h 338"/>
              <a:gd name="T28" fmla="*/ 2147483647 w 368"/>
              <a:gd name="T29" fmla="*/ 2147483647 h 338"/>
              <a:gd name="T30" fmla="*/ 2147483647 w 368"/>
              <a:gd name="T31" fmla="*/ 2147483647 h 338"/>
              <a:gd name="T32" fmla="*/ 2147483647 w 368"/>
              <a:gd name="T33" fmla="*/ 2147483647 h 338"/>
              <a:gd name="T34" fmla="*/ 2147483647 w 368"/>
              <a:gd name="T35" fmla="*/ 2147483647 h 338"/>
              <a:gd name="T36" fmla="*/ 2147483647 w 368"/>
              <a:gd name="T37" fmla="*/ 2147483647 h 338"/>
              <a:gd name="T38" fmla="*/ 2147483647 w 368"/>
              <a:gd name="T39" fmla="*/ 2147483647 h 338"/>
              <a:gd name="T40" fmla="*/ 2147483647 w 368"/>
              <a:gd name="T41" fmla="*/ 2147483647 h 338"/>
              <a:gd name="T42" fmla="*/ 2147483647 w 368"/>
              <a:gd name="T43" fmla="*/ 2147483647 h 338"/>
              <a:gd name="T44" fmla="*/ 2147483647 w 368"/>
              <a:gd name="T45" fmla="*/ 2147483647 h 338"/>
              <a:gd name="T46" fmla="*/ 2147483647 w 368"/>
              <a:gd name="T47" fmla="*/ 2147483647 h 338"/>
              <a:gd name="T48" fmla="*/ 2147483647 w 368"/>
              <a:gd name="T49" fmla="*/ 2147483647 h 338"/>
              <a:gd name="T50" fmla="*/ 2147483647 w 368"/>
              <a:gd name="T51" fmla="*/ 2147483647 h 338"/>
              <a:gd name="T52" fmla="*/ 2147483647 w 368"/>
              <a:gd name="T53" fmla="*/ 2147483647 h 338"/>
              <a:gd name="T54" fmla="*/ 2147483647 w 368"/>
              <a:gd name="T55" fmla="*/ 2147483647 h 338"/>
              <a:gd name="T56" fmla="*/ 2147483647 w 368"/>
              <a:gd name="T57" fmla="*/ 2147483647 h 338"/>
              <a:gd name="T58" fmla="*/ 2147483647 w 368"/>
              <a:gd name="T59" fmla="*/ 2147483647 h 338"/>
              <a:gd name="T60" fmla="*/ 2147483647 w 368"/>
              <a:gd name="T61" fmla="*/ 2147483647 h 338"/>
              <a:gd name="T62" fmla="*/ 2147483647 w 368"/>
              <a:gd name="T63" fmla="*/ 2147483647 h 338"/>
              <a:gd name="T64" fmla="*/ 2147483647 w 368"/>
              <a:gd name="T65" fmla="*/ 2147483647 h 338"/>
              <a:gd name="T66" fmla="*/ 2147483647 w 368"/>
              <a:gd name="T67" fmla="*/ 2147483647 h 338"/>
              <a:gd name="T68" fmla="*/ 2147483647 w 368"/>
              <a:gd name="T69" fmla="*/ 2147483647 h 338"/>
              <a:gd name="T70" fmla="*/ 2147483647 w 368"/>
              <a:gd name="T71" fmla="*/ 2147483647 h 338"/>
              <a:gd name="T72" fmla="*/ 2147483647 w 368"/>
              <a:gd name="T73" fmla="*/ 2147483647 h 338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0" t="0" r="r" b="b"/>
            <a:pathLst>
              <a:path w="368" h="338">
                <a:moveTo>
                  <a:pt x="306" y="20"/>
                </a:moveTo>
                <a:lnTo>
                  <a:pt x="334" y="24"/>
                </a:lnTo>
                <a:lnTo>
                  <a:pt x="330" y="44"/>
                </a:lnTo>
                <a:lnTo>
                  <a:pt x="318" y="66"/>
                </a:lnTo>
                <a:lnTo>
                  <a:pt x="314" y="74"/>
                </a:lnTo>
                <a:lnTo>
                  <a:pt x="322" y="104"/>
                </a:lnTo>
                <a:lnTo>
                  <a:pt x="338" y="108"/>
                </a:lnTo>
                <a:lnTo>
                  <a:pt x="352" y="120"/>
                </a:lnTo>
                <a:lnTo>
                  <a:pt x="366" y="132"/>
                </a:lnTo>
                <a:lnTo>
                  <a:pt x="362" y="142"/>
                </a:lnTo>
                <a:lnTo>
                  <a:pt x="338" y="142"/>
                </a:lnTo>
                <a:lnTo>
                  <a:pt x="348" y="156"/>
                </a:lnTo>
                <a:lnTo>
                  <a:pt x="358" y="168"/>
                </a:lnTo>
                <a:lnTo>
                  <a:pt x="368" y="180"/>
                </a:lnTo>
                <a:lnTo>
                  <a:pt x="362" y="192"/>
                </a:lnTo>
                <a:lnTo>
                  <a:pt x="350" y="188"/>
                </a:lnTo>
                <a:lnTo>
                  <a:pt x="340" y="196"/>
                </a:lnTo>
                <a:lnTo>
                  <a:pt x="324" y="198"/>
                </a:lnTo>
                <a:lnTo>
                  <a:pt x="314" y="208"/>
                </a:lnTo>
                <a:lnTo>
                  <a:pt x="324" y="220"/>
                </a:lnTo>
                <a:lnTo>
                  <a:pt x="326" y="234"/>
                </a:lnTo>
                <a:lnTo>
                  <a:pt x="318" y="226"/>
                </a:lnTo>
                <a:lnTo>
                  <a:pt x="306" y="230"/>
                </a:lnTo>
                <a:lnTo>
                  <a:pt x="298" y="240"/>
                </a:lnTo>
                <a:lnTo>
                  <a:pt x="294" y="254"/>
                </a:lnTo>
                <a:lnTo>
                  <a:pt x="294" y="272"/>
                </a:lnTo>
                <a:lnTo>
                  <a:pt x="282" y="274"/>
                </a:lnTo>
                <a:lnTo>
                  <a:pt x="278" y="290"/>
                </a:lnTo>
                <a:lnTo>
                  <a:pt x="280" y="294"/>
                </a:lnTo>
                <a:lnTo>
                  <a:pt x="284" y="300"/>
                </a:lnTo>
                <a:lnTo>
                  <a:pt x="294" y="318"/>
                </a:lnTo>
                <a:lnTo>
                  <a:pt x="288" y="338"/>
                </a:lnTo>
                <a:lnTo>
                  <a:pt x="274" y="334"/>
                </a:lnTo>
                <a:lnTo>
                  <a:pt x="256" y="332"/>
                </a:lnTo>
                <a:lnTo>
                  <a:pt x="250" y="324"/>
                </a:lnTo>
                <a:lnTo>
                  <a:pt x="242" y="318"/>
                </a:lnTo>
                <a:lnTo>
                  <a:pt x="224" y="310"/>
                </a:lnTo>
                <a:lnTo>
                  <a:pt x="208" y="294"/>
                </a:lnTo>
                <a:lnTo>
                  <a:pt x="202" y="288"/>
                </a:lnTo>
                <a:lnTo>
                  <a:pt x="192" y="280"/>
                </a:lnTo>
                <a:lnTo>
                  <a:pt x="182" y="270"/>
                </a:lnTo>
                <a:lnTo>
                  <a:pt x="172" y="260"/>
                </a:lnTo>
                <a:lnTo>
                  <a:pt x="168" y="256"/>
                </a:lnTo>
                <a:lnTo>
                  <a:pt x="160" y="240"/>
                </a:lnTo>
                <a:lnTo>
                  <a:pt x="154" y="228"/>
                </a:lnTo>
                <a:lnTo>
                  <a:pt x="132" y="204"/>
                </a:lnTo>
                <a:lnTo>
                  <a:pt x="126" y="198"/>
                </a:lnTo>
                <a:lnTo>
                  <a:pt x="110" y="186"/>
                </a:lnTo>
                <a:lnTo>
                  <a:pt x="92" y="172"/>
                </a:lnTo>
                <a:lnTo>
                  <a:pt x="76" y="158"/>
                </a:lnTo>
                <a:lnTo>
                  <a:pt x="62" y="144"/>
                </a:lnTo>
                <a:lnTo>
                  <a:pt x="46" y="118"/>
                </a:lnTo>
                <a:lnTo>
                  <a:pt x="32" y="92"/>
                </a:lnTo>
                <a:lnTo>
                  <a:pt x="14" y="82"/>
                </a:lnTo>
                <a:lnTo>
                  <a:pt x="0" y="72"/>
                </a:lnTo>
                <a:lnTo>
                  <a:pt x="2" y="54"/>
                </a:lnTo>
                <a:lnTo>
                  <a:pt x="2" y="32"/>
                </a:lnTo>
                <a:lnTo>
                  <a:pt x="2" y="16"/>
                </a:lnTo>
                <a:lnTo>
                  <a:pt x="22" y="16"/>
                </a:lnTo>
                <a:lnTo>
                  <a:pt x="50" y="38"/>
                </a:lnTo>
                <a:lnTo>
                  <a:pt x="64" y="14"/>
                </a:lnTo>
                <a:lnTo>
                  <a:pt x="88" y="20"/>
                </a:lnTo>
                <a:lnTo>
                  <a:pt x="98" y="0"/>
                </a:lnTo>
                <a:lnTo>
                  <a:pt x="118" y="12"/>
                </a:lnTo>
                <a:lnTo>
                  <a:pt x="138" y="8"/>
                </a:lnTo>
                <a:lnTo>
                  <a:pt x="160" y="12"/>
                </a:lnTo>
                <a:lnTo>
                  <a:pt x="184" y="16"/>
                </a:lnTo>
                <a:lnTo>
                  <a:pt x="200" y="6"/>
                </a:lnTo>
                <a:lnTo>
                  <a:pt x="214" y="12"/>
                </a:lnTo>
                <a:lnTo>
                  <a:pt x="228" y="6"/>
                </a:lnTo>
                <a:lnTo>
                  <a:pt x="264" y="6"/>
                </a:lnTo>
                <a:lnTo>
                  <a:pt x="282" y="26"/>
                </a:lnTo>
                <a:lnTo>
                  <a:pt x="288" y="36"/>
                </a:lnTo>
                <a:lnTo>
                  <a:pt x="298" y="26"/>
                </a:lnTo>
                <a:lnTo>
                  <a:pt x="306" y="2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06" name="Freeform 7"/>
          <p:cNvSpPr>
            <a:spLocks/>
          </p:cNvSpPr>
          <p:nvPr/>
        </p:nvSpPr>
        <p:spPr bwMode="auto">
          <a:xfrm>
            <a:off x="6223000" y="4575175"/>
            <a:ext cx="569913" cy="727075"/>
          </a:xfrm>
          <a:custGeom>
            <a:avLst/>
            <a:gdLst>
              <a:gd name="T0" fmla="*/ 2147483647 w 440"/>
              <a:gd name="T1" fmla="*/ 2147483647 h 562"/>
              <a:gd name="T2" fmla="*/ 2147483647 w 440"/>
              <a:gd name="T3" fmla="*/ 2147483647 h 562"/>
              <a:gd name="T4" fmla="*/ 2147483647 w 440"/>
              <a:gd name="T5" fmla="*/ 2147483647 h 562"/>
              <a:gd name="T6" fmla="*/ 2147483647 w 440"/>
              <a:gd name="T7" fmla="*/ 2147483647 h 562"/>
              <a:gd name="T8" fmla="*/ 2147483647 w 440"/>
              <a:gd name="T9" fmla="*/ 2147483647 h 562"/>
              <a:gd name="T10" fmla="*/ 2147483647 w 440"/>
              <a:gd name="T11" fmla="*/ 2147483647 h 562"/>
              <a:gd name="T12" fmla="*/ 2147483647 w 440"/>
              <a:gd name="T13" fmla="*/ 2147483647 h 562"/>
              <a:gd name="T14" fmla="*/ 2147483647 w 440"/>
              <a:gd name="T15" fmla="*/ 2147483647 h 562"/>
              <a:gd name="T16" fmla="*/ 2147483647 w 440"/>
              <a:gd name="T17" fmla="*/ 2147483647 h 562"/>
              <a:gd name="T18" fmla="*/ 2147483647 w 440"/>
              <a:gd name="T19" fmla="*/ 2147483647 h 562"/>
              <a:gd name="T20" fmla="*/ 2147483647 w 440"/>
              <a:gd name="T21" fmla="*/ 2147483647 h 562"/>
              <a:gd name="T22" fmla="*/ 2147483647 w 440"/>
              <a:gd name="T23" fmla="*/ 2147483647 h 562"/>
              <a:gd name="T24" fmla="*/ 2147483647 w 440"/>
              <a:gd name="T25" fmla="*/ 2147483647 h 562"/>
              <a:gd name="T26" fmla="*/ 2147483647 w 440"/>
              <a:gd name="T27" fmla="*/ 2147483647 h 562"/>
              <a:gd name="T28" fmla="*/ 2147483647 w 440"/>
              <a:gd name="T29" fmla="*/ 2147483647 h 562"/>
              <a:gd name="T30" fmla="*/ 2147483647 w 440"/>
              <a:gd name="T31" fmla="*/ 2147483647 h 562"/>
              <a:gd name="T32" fmla="*/ 2147483647 w 440"/>
              <a:gd name="T33" fmla="*/ 2147483647 h 562"/>
              <a:gd name="T34" fmla="*/ 2147483647 w 440"/>
              <a:gd name="T35" fmla="*/ 2147483647 h 562"/>
              <a:gd name="T36" fmla="*/ 2147483647 w 440"/>
              <a:gd name="T37" fmla="*/ 2147483647 h 562"/>
              <a:gd name="T38" fmla="*/ 2147483647 w 440"/>
              <a:gd name="T39" fmla="*/ 2147483647 h 562"/>
              <a:gd name="T40" fmla="*/ 2147483647 w 440"/>
              <a:gd name="T41" fmla="*/ 2147483647 h 562"/>
              <a:gd name="T42" fmla="*/ 2147483647 w 440"/>
              <a:gd name="T43" fmla="*/ 2147483647 h 562"/>
              <a:gd name="T44" fmla="*/ 2147483647 w 440"/>
              <a:gd name="T45" fmla="*/ 2147483647 h 562"/>
              <a:gd name="T46" fmla="*/ 2147483647 w 440"/>
              <a:gd name="T47" fmla="*/ 2147483647 h 562"/>
              <a:gd name="T48" fmla="*/ 2147483647 w 440"/>
              <a:gd name="T49" fmla="*/ 2147483647 h 562"/>
              <a:gd name="T50" fmla="*/ 2147483647 w 440"/>
              <a:gd name="T51" fmla="*/ 2147483647 h 562"/>
              <a:gd name="T52" fmla="*/ 2147483647 w 440"/>
              <a:gd name="T53" fmla="*/ 2147483647 h 562"/>
              <a:gd name="T54" fmla="*/ 2147483647 w 440"/>
              <a:gd name="T55" fmla="*/ 2147483647 h 562"/>
              <a:gd name="T56" fmla="*/ 2147483647 w 440"/>
              <a:gd name="T57" fmla="*/ 2147483647 h 562"/>
              <a:gd name="T58" fmla="*/ 2147483647 w 440"/>
              <a:gd name="T59" fmla="*/ 2147483647 h 562"/>
              <a:gd name="T60" fmla="*/ 2147483647 w 440"/>
              <a:gd name="T61" fmla="*/ 2147483647 h 562"/>
              <a:gd name="T62" fmla="*/ 2147483647 w 440"/>
              <a:gd name="T63" fmla="*/ 2147483647 h 562"/>
              <a:gd name="T64" fmla="*/ 2147483647 w 440"/>
              <a:gd name="T65" fmla="*/ 2147483647 h 562"/>
              <a:gd name="T66" fmla="*/ 2147483647 w 440"/>
              <a:gd name="T67" fmla="*/ 2147483647 h 562"/>
              <a:gd name="T68" fmla="*/ 2147483647 w 440"/>
              <a:gd name="T69" fmla="*/ 2147483647 h 562"/>
              <a:gd name="T70" fmla="*/ 2147483647 w 440"/>
              <a:gd name="T71" fmla="*/ 2147483647 h 562"/>
              <a:gd name="T72" fmla="*/ 2147483647 w 440"/>
              <a:gd name="T73" fmla="*/ 2147483647 h 562"/>
              <a:gd name="T74" fmla="*/ 2147483647 w 440"/>
              <a:gd name="T75" fmla="*/ 2147483647 h 562"/>
              <a:gd name="T76" fmla="*/ 2147483647 w 440"/>
              <a:gd name="T77" fmla="*/ 2147483647 h 562"/>
              <a:gd name="T78" fmla="*/ 2147483647 w 440"/>
              <a:gd name="T79" fmla="*/ 2147483647 h 562"/>
              <a:gd name="T80" fmla="*/ 2147483647 w 440"/>
              <a:gd name="T81" fmla="*/ 2147483647 h 562"/>
              <a:gd name="T82" fmla="*/ 2147483647 w 440"/>
              <a:gd name="T83" fmla="*/ 2147483647 h 562"/>
              <a:gd name="T84" fmla="*/ 2147483647 w 440"/>
              <a:gd name="T85" fmla="*/ 2147483647 h 562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440" h="562">
                <a:moveTo>
                  <a:pt x="0" y="42"/>
                </a:moveTo>
                <a:lnTo>
                  <a:pt x="16" y="40"/>
                </a:lnTo>
                <a:lnTo>
                  <a:pt x="28" y="30"/>
                </a:lnTo>
                <a:lnTo>
                  <a:pt x="46" y="30"/>
                </a:lnTo>
                <a:lnTo>
                  <a:pt x="68" y="2"/>
                </a:lnTo>
                <a:lnTo>
                  <a:pt x="88" y="2"/>
                </a:lnTo>
                <a:lnTo>
                  <a:pt x="128" y="0"/>
                </a:lnTo>
                <a:lnTo>
                  <a:pt x="142" y="14"/>
                </a:lnTo>
                <a:lnTo>
                  <a:pt x="158" y="26"/>
                </a:lnTo>
                <a:lnTo>
                  <a:pt x="172" y="42"/>
                </a:lnTo>
                <a:lnTo>
                  <a:pt x="184" y="46"/>
                </a:lnTo>
                <a:lnTo>
                  <a:pt x="186" y="66"/>
                </a:lnTo>
                <a:lnTo>
                  <a:pt x="194" y="80"/>
                </a:lnTo>
                <a:lnTo>
                  <a:pt x="210" y="94"/>
                </a:lnTo>
                <a:lnTo>
                  <a:pt x="228" y="94"/>
                </a:lnTo>
                <a:lnTo>
                  <a:pt x="236" y="102"/>
                </a:lnTo>
                <a:lnTo>
                  <a:pt x="250" y="100"/>
                </a:lnTo>
                <a:lnTo>
                  <a:pt x="260" y="112"/>
                </a:lnTo>
                <a:lnTo>
                  <a:pt x="258" y="124"/>
                </a:lnTo>
                <a:lnTo>
                  <a:pt x="256" y="130"/>
                </a:lnTo>
                <a:lnTo>
                  <a:pt x="268" y="138"/>
                </a:lnTo>
                <a:lnTo>
                  <a:pt x="262" y="146"/>
                </a:lnTo>
                <a:lnTo>
                  <a:pt x="248" y="156"/>
                </a:lnTo>
                <a:lnTo>
                  <a:pt x="260" y="160"/>
                </a:lnTo>
                <a:lnTo>
                  <a:pt x="276" y="158"/>
                </a:lnTo>
                <a:lnTo>
                  <a:pt x="284" y="166"/>
                </a:lnTo>
                <a:lnTo>
                  <a:pt x="316" y="168"/>
                </a:lnTo>
                <a:lnTo>
                  <a:pt x="326" y="184"/>
                </a:lnTo>
                <a:lnTo>
                  <a:pt x="336" y="182"/>
                </a:lnTo>
                <a:lnTo>
                  <a:pt x="338" y="170"/>
                </a:lnTo>
                <a:lnTo>
                  <a:pt x="346" y="156"/>
                </a:lnTo>
                <a:lnTo>
                  <a:pt x="356" y="152"/>
                </a:lnTo>
                <a:lnTo>
                  <a:pt x="368" y="156"/>
                </a:lnTo>
                <a:lnTo>
                  <a:pt x="390" y="164"/>
                </a:lnTo>
                <a:lnTo>
                  <a:pt x="386" y="172"/>
                </a:lnTo>
                <a:lnTo>
                  <a:pt x="370" y="172"/>
                </a:lnTo>
                <a:lnTo>
                  <a:pt x="362" y="184"/>
                </a:lnTo>
                <a:lnTo>
                  <a:pt x="370" y="198"/>
                </a:lnTo>
                <a:lnTo>
                  <a:pt x="388" y="204"/>
                </a:lnTo>
                <a:lnTo>
                  <a:pt x="386" y="214"/>
                </a:lnTo>
                <a:lnTo>
                  <a:pt x="382" y="230"/>
                </a:lnTo>
                <a:lnTo>
                  <a:pt x="370" y="242"/>
                </a:lnTo>
                <a:lnTo>
                  <a:pt x="370" y="270"/>
                </a:lnTo>
                <a:lnTo>
                  <a:pt x="382" y="288"/>
                </a:lnTo>
                <a:lnTo>
                  <a:pt x="390" y="302"/>
                </a:lnTo>
                <a:lnTo>
                  <a:pt x="408" y="316"/>
                </a:lnTo>
                <a:lnTo>
                  <a:pt x="428" y="328"/>
                </a:lnTo>
                <a:lnTo>
                  <a:pt x="440" y="338"/>
                </a:lnTo>
                <a:lnTo>
                  <a:pt x="434" y="356"/>
                </a:lnTo>
                <a:lnTo>
                  <a:pt x="422" y="366"/>
                </a:lnTo>
                <a:lnTo>
                  <a:pt x="420" y="380"/>
                </a:lnTo>
                <a:lnTo>
                  <a:pt x="408" y="384"/>
                </a:lnTo>
                <a:lnTo>
                  <a:pt x="398" y="396"/>
                </a:lnTo>
                <a:lnTo>
                  <a:pt x="404" y="428"/>
                </a:lnTo>
                <a:lnTo>
                  <a:pt x="412" y="434"/>
                </a:lnTo>
                <a:lnTo>
                  <a:pt x="408" y="452"/>
                </a:lnTo>
                <a:lnTo>
                  <a:pt x="400" y="462"/>
                </a:lnTo>
                <a:lnTo>
                  <a:pt x="392" y="456"/>
                </a:lnTo>
                <a:lnTo>
                  <a:pt x="378" y="464"/>
                </a:lnTo>
                <a:lnTo>
                  <a:pt x="358" y="466"/>
                </a:lnTo>
                <a:lnTo>
                  <a:pt x="340" y="480"/>
                </a:lnTo>
                <a:lnTo>
                  <a:pt x="314" y="486"/>
                </a:lnTo>
                <a:lnTo>
                  <a:pt x="306" y="490"/>
                </a:lnTo>
                <a:lnTo>
                  <a:pt x="304" y="506"/>
                </a:lnTo>
                <a:lnTo>
                  <a:pt x="286" y="494"/>
                </a:lnTo>
                <a:lnTo>
                  <a:pt x="272" y="504"/>
                </a:lnTo>
                <a:lnTo>
                  <a:pt x="254" y="518"/>
                </a:lnTo>
                <a:lnTo>
                  <a:pt x="256" y="540"/>
                </a:lnTo>
                <a:lnTo>
                  <a:pt x="240" y="544"/>
                </a:lnTo>
                <a:lnTo>
                  <a:pt x="238" y="526"/>
                </a:lnTo>
                <a:lnTo>
                  <a:pt x="228" y="504"/>
                </a:lnTo>
                <a:lnTo>
                  <a:pt x="224" y="496"/>
                </a:lnTo>
                <a:lnTo>
                  <a:pt x="204" y="488"/>
                </a:lnTo>
                <a:lnTo>
                  <a:pt x="194" y="484"/>
                </a:lnTo>
                <a:lnTo>
                  <a:pt x="190" y="470"/>
                </a:lnTo>
                <a:lnTo>
                  <a:pt x="176" y="464"/>
                </a:lnTo>
                <a:lnTo>
                  <a:pt x="154" y="480"/>
                </a:lnTo>
                <a:lnTo>
                  <a:pt x="146" y="470"/>
                </a:lnTo>
                <a:lnTo>
                  <a:pt x="150" y="460"/>
                </a:lnTo>
                <a:lnTo>
                  <a:pt x="138" y="460"/>
                </a:lnTo>
                <a:lnTo>
                  <a:pt x="114" y="510"/>
                </a:lnTo>
                <a:lnTo>
                  <a:pt x="108" y="520"/>
                </a:lnTo>
                <a:lnTo>
                  <a:pt x="118" y="530"/>
                </a:lnTo>
                <a:lnTo>
                  <a:pt x="116" y="562"/>
                </a:lnTo>
                <a:lnTo>
                  <a:pt x="100" y="554"/>
                </a:lnTo>
                <a:lnTo>
                  <a:pt x="100" y="544"/>
                </a:lnTo>
                <a:lnTo>
                  <a:pt x="72" y="514"/>
                </a:lnTo>
                <a:lnTo>
                  <a:pt x="58" y="514"/>
                </a:lnTo>
                <a:lnTo>
                  <a:pt x="46" y="506"/>
                </a:lnTo>
                <a:lnTo>
                  <a:pt x="48" y="494"/>
                </a:lnTo>
                <a:lnTo>
                  <a:pt x="32" y="498"/>
                </a:lnTo>
                <a:lnTo>
                  <a:pt x="22" y="492"/>
                </a:lnTo>
                <a:lnTo>
                  <a:pt x="26" y="486"/>
                </a:lnTo>
                <a:lnTo>
                  <a:pt x="30" y="474"/>
                </a:lnTo>
                <a:lnTo>
                  <a:pt x="32" y="466"/>
                </a:lnTo>
                <a:lnTo>
                  <a:pt x="22" y="448"/>
                </a:lnTo>
                <a:lnTo>
                  <a:pt x="16" y="438"/>
                </a:lnTo>
                <a:lnTo>
                  <a:pt x="20" y="422"/>
                </a:lnTo>
                <a:lnTo>
                  <a:pt x="32" y="420"/>
                </a:lnTo>
                <a:lnTo>
                  <a:pt x="32" y="402"/>
                </a:lnTo>
                <a:lnTo>
                  <a:pt x="36" y="388"/>
                </a:lnTo>
                <a:lnTo>
                  <a:pt x="44" y="378"/>
                </a:lnTo>
                <a:lnTo>
                  <a:pt x="56" y="374"/>
                </a:lnTo>
                <a:lnTo>
                  <a:pt x="64" y="382"/>
                </a:lnTo>
                <a:lnTo>
                  <a:pt x="62" y="368"/>
                </a:lnTo>
                <a:lnTo>
                  <a:pt x="52" y="356"/>
                </a:lnTo>
                <a:lnTo>
                  <a:pt x="62" y="346"/>
                </a:lnTo>
                <a:lnTo>
                  <a:pt x="78" y="344"/>
                </a:lnTo>
                <a:lnTo>
                  <a:pt x="88" y="336"/>
                </a:lnTo>
                <a:lnTo>
                  <a:pt x="100" y="340"/>
                </a:lnTo>
                <a:lnTo>
                  <a:pt x="106" y="326"/>
                </a:lnTo>
                <a:lnTo>
                  <a:pt x="86" y="304"/>
                </a:lnTo>
                <a:lnTo>
                  <a:pt x="76" y="290"/>
                </a:lnTo>
                <a:lnTo>
                  <a:pt x="100" y="290"/>
                </a:lnTo>
                <a:lnTo>
                  <a:pt x="104" y="280"/>
                </a:lnTo>
                <a:lnTo>
                  <a:pt x="90" y="268"/>
                </a:lnTo>
                <a:lnTo>
                  <a:pt x="82" y="262"/>
                </a:lnTo>
                <a:lnTo>
                  <a:pt x="76" y="256"/>
                </a:lnTo>
                <a:lnTo>
                  <a:pt x="60" y="252"/>
                </a:lnTo>
                <a:lnTo>
                  <a:pt x="54" y="232"/>
                </a:lnTo>
                <a:lnTo>
                  <a:pt x="52" y="222"/>
                </a:lnTo>
                <a:lnTo>
                  <a:pt x="56" y="214"/>
                </a:lnTo>
                <a:lnTo>
                  <a:pt x="68" y="192"/>
                </a:lnTo>
                <a:lnTo>
                  <a:pt x="72" y="172"/>
                </a:lnTo>
                <a:lnTo>
                  <a:pt x="44" y="168"/>
                </a:lnTo>
                <a:lnTo>
                  <a:pt x="44" y="146"/>
                </a:lnTo>
                <a:lnTo>
                  <a:pt x="60" y="136"/>
                </a:lnTo>
                <a:lnTo>
                  <a:pt x="28" y="120"/>
                </a:lnTo>
                <a:lnTo>
                  <a:pt x="18" y="84"/>
                </a:lnTo>
                <a:lnTo>
                  <a:pt x="0" y="4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07" name="Freeform 8"/>
          <p:cNvSpPr>
            <a:spLocks/>
          </p:cNvSpPr>
          <p:nvPr/>
        </p:nvSpPr>
        <p:spPr bwMode="auto">
          <a:xfrm>
            <a:off x="6523038" y="5165725"/>
            <a:ext cx="319087" cy="279400"/>
          </a:xfrm>
          <a:custGeom>
            <a:avLst/>
            <a:gdLst>
              <a:gd name="T0" fmla="*/ 2147483647 w 246"/>
              <a:gd name="T1" fmla="*/ 2147483647 h 216"/>
              <a:gd name="T2" fmla="*/ 2147483647 w 246"/>
              <a:gd name="T3" fmla="*/ 2147483647 h 216"/>
              <a:gd name="T4" fmla="*/ 2147483647 w 246"/>
              <a:gd name="T5" fmla="*/ 2147483647 h 216"/>
              <a:gd name="T6" fmla="*/ 2147483647 w 246"/>
              <a:gd name="T7" fmla="*/ 2147483647 h 216"/>
              <a:gd name="T8" fmla="*/ 2147483647 w 246"/>
              <a:gd name="T9" fmla="*/ 2147483647 h 216"/>
              <a:gd name="T10" fmla="*/ 2147483647 w 246"/>
              <a:gd name="T11" fmla="*/ 2147483647 h 216"/>
              <a:gd name="T12" fmla="*/ 2147483647 w 246"/>
              <a:gd name="T13" fmla="*/ 2147483647 h 216"/>
              <a:gd name="T14" fmla="*/ 2147483647 w 246"/>
              <a:gd name="T15" fmla="*/ 2147483647 h 216"/>
              <a:gd name="T16" fmla="*/ 2147483647 w 246"/>
              <a:gd name="T17" fmla="*/ 2147483647 h 216"/>
              <a:gd name="T18" fmla="*/ 2147483647 w 246"/>
              <a:gd name="T19" fmla="*/ 2147483647 h 216"/>
              <a:gd name="T20" fmla="*/ 2147483647 w 246"/>
              <a:gd name="T21" fmla="*/ 2147483647 h 216"/>
              <a:gd name="T22" fmla="*/ 2147483647 w 246"/>
              <a:gd name="T23" fmla="*/ 2147483647 h 216"/>
              <a:gd name="T24" fmla="*/ 2147483647 w 246"/>
              <a:gd name="T25" fmla="*/ 2147483647 h 216"/>
              <a:gd name="T26" fmla="*/ 2147483647 w 246"/>
              <a:gd name="T27" fmla="*/ 2147483647 h 216"/>
              <a:gd name="T28" fmla="*/ 2147483647 w 246"/>
              <a:gd name="T29" fmla="*/ 2147483647 h 216"/>
              <a:gd name="T30" fmla="*/ 2147483647 w 246"/>
              <a:gd name="T31" fmla="*/ 2147483647 h 216"/>
              <a:gd name="T32" fmla="*/ 2147483647 w 246"/>
              <a:gd name="T33" fmla="*/ 2147483647 h 216"/>
              <a:gd name="T34" fmla="*/ 2147483647 w 246"/>
              <a:gd name="T35" fmla="*/ 2147483647 h 216"/>
              <a:gd name="T36" fmla="*/ 2147483647 w 246"/>
              <a:gd name="T37" fmla="*/ 2147483647 h 216"/>
              <a:gd name="T38" fmla="*/ 2147483647 w 246"/>
              <a:gd name="T39" fmla="*/ 2147483647 h 216"/>
              <a:gd name="T40" fmla="*/ 2147483647 w 246"/>
              <a:gd name="T41" fmla="*/ 2147483647 h 216"/>
              <a:gd name="T42" fmla="*/ 2147483647 w 246"/>
              <a:gd name="T43" fmla="*/ 2147483647 h 216"/>
              <a:gd name="T44" fmla="*/ 2147483647 w 246"/>
              <a:gd name="T45" fmla="*/ 2147483647 h 216"/>
              <a:gd name="T46" fmla="*/ 2147483647 w 246"/>
              <a:gd name="T47" fmla="*/ 2147483647 h 216"/>
              <a:gd name="T48" fmla="*/ 2147483647 w 246"/>
              <a:gd name="T49" fmla="*/ 2147483647 h 216"/>
              <a:gd name="T50" fmla="*/ 2147483647 w 246"/>
              <a:gd name="T51" fmla="*/ 2147483647 h 216"/>
              <a:gd name="T52" fmla="*/ 0 w 246"/>
              <a:gd name="T53" fmla="*/ 2147483647 h 216"/>
              <a:gd name="T54" fmla="*/ 2147483647 w 246"/>
              <a:gd name="T55" fmla="*/ 2147483647 h 216"/>
              <a:gd name="T56" fmla="*/ 2147483647 w 246"/>
              <a:gd name="T57" fmla="*/ 2147483647 h 216"/>
              <a:gd name="T58" fmla="*/ 2147483647 w 246"/>
              <a:gd name="T59" fmla="*/ 2147483647 h 216"/>
              <a:gd name="T60" fmla="*/ 2147483647 w 246"/>
              <a:gd name="T61" fmla="*/ 2147483647 h 216"/>
              <a:gd name="T62" fmla="*/ 2147483647 w 246"/>
              <a:gd name="T63" fmla="*/ 2147483647 h 216"/>
              <a:gd name="T64" fmla="*/ 2147483647 w 246"/>
              <a:gd name="T65" fmla="*/ 2147483647 h 216"/>
              <a:gd name="T66" fmla="*/ 2147483647 w 246"/>
              <a:gd name="T67" fmla="*/ 2147483647 h 216"/>
              <a:gd name="T68" fmla="*/ 2147483647 w 246"/>
              <a:gd name="T69" fmla="*/ 2147483647 h 216"/>
              <a:gd name="T70" fmla="*/ 2147483647 w 246"/>
              <a:gd name="T71" fmla="*/ 2147483647 h 216"/>
              <a:gd name="T72" fmla="*/ 2147483647 w 246"/>
              <a:gd name="T73" fmla="*/ 2147483647 h 216"/>
              <a:gd name="T74" fmla="*/ 2147483647 w 246"/>
              <a:gd name="T75" fmla="*/ 2147483647 h 216"/>
              <a:gd name="T76" fmla="*/ 2147483647 w 246"/>
              <a:gd name="T77" fmla="*/ 2147483647 h 216"/>
              <a:gd name="T78" fmla="*/ 2147483647 w 246"/>
              <a:gd name="T79" fmla="*/ 0 h 216"/>
              <a:gd name="T80" fmla="*/ 2147483647 w 246"/>
              <a:gd name="T81" fmla="*/ 2147483647 h 21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0" t="0" r="r" b="b"/>
            <a:pathLst>
              <a:path w="246" h="216">
                <a:moveTo>
                  <a:pt x="168" y="6"/>
                </a:moveTo>
                <a:lnTo>
                  <a:pt x="186" y="24"/>
                </a:lnTo>
                <a:lnTo>
                  <a:pt x="208" y="30"/>
                </a:lnTo>
                <a:lnTo>
                  <a:pt x="218" y="36"/>
                </a:lnTo>
                <a:lnTo>
                  <a:pt x="236" y="54"/>
                </a:lnTo>
                <a:lnTo>
                  <a:pt x="244" y="74"/>
                </a:lnTo>
                <a:lnTo>
                  <a:pt x="242" y="94"/>
                </a:lnTo>
                <a:lnTo>
                  <a:pt x="246" y="120"/>
                </a:lnTo>
                <a:lnTo>
                  <a:pt x="230" y="122"/>
                </a:lnTo>
                <a:lnTo>
                  <a:pt x="230" y="144"/>
                </a:lnTo>
                <a:lnTo>
                  <a:pt x="208" y="154"/>
                </a:lnTo>
                <a:lnTo>
                  <a:pt x="188" y="154"/>
                </a:lnTo>
                <a:lnTo>
                  <a:pt x="172" y="160"/>
                </a:lnTo>
                <a:lnTo>
                  <a:pt x="160" y="160"/>
                </a:lnTo>
                <a:lnTo>
                  <a:pt x="138" y="190"/>
                </a:lnTo>
                <a:lnTo>
                  <a:pt x="126" y="204"/>
                </a:lnTo>
                <a:lnTo>
                  <a:pt x="108" y="200"/>
                </a:lnTo>
                <a:lnTo>
                  <a:pt x="94" y="208"/>
                </a:lnTo>
                <a:lnTo>
                  <a:pt x="66" y="216"/>
                </a:lnTo>
                <a:lnTo>
                  <a:pt x="64" y="206"/>
                </a:lnTo>
                <a:lnTo>
                  <a:pt x="54" y="206"/>
                </a:lnTo>
                <a:lnTo>
                  <a:pt x="50" y="212"/>
                </a:lnTo>
                <a:lnTo>
                  <a:pt x="38" y="210"/>
                </a:lnTo>
                <a:lnTo>
                  <a:pt x="34" y="196"/>
                </a:lnTo>
                <a:lnTo>
                  <a:pt x="12" y="170"/>
                </a:lnTo>
                <a:lnTo>
                  <a:pt x="14" y="152"/>
                </a:lnTo>
                <a:lnTo>
                  <a:pt x="0" y="132"/>
                </a:lnTo>
                <a:lnTo>
                  <a:pt x="8" y="128"/>
                </a:lnTo>
                <a:lnTo>
                  <a:pt x="8" y="118"/>
                </a:lnTo>
                <a:lnTo>
                  <a:pt x="8" y="88"/>
                </a:lnTo>
                <a:lnTo>
                  <a:pt x="24" y="84"/>
                </a:lnTo>
                <a:lnTo>
                  <a:pt x="22" y="62"/>
                </a:lnTo>
                <a:lnTo>
                  <a:pt x="54" y="40"/>
                </a:lnTo>
                <a:lnTo>
                  <a:pt x="72" y="50"/>
                </a:lnTo>
                <a:lnTo>
                  <a:pt x="74" y="34"/>
                </a:lnTo>
                <a:lnTo>
                  <a:pt x="84" y="30"/>
                </a:lnTo>
                <a:lnTo>
                  <a:pt x="108" y="24"/>
                </a:lnTo>
                <a:lnTo>
                  <a:pt x="126" y="10"/>
                </a:lnTo>
                <a:lnTo>
                  <a:pt x="146" y="8"/>
                </a:lnTo>
                <a:lnTo>
                  <a:pt x="160" y="0"/>
                </a:lnTo>
                <a:lnTo>
                  <a:pt x="168" y="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08" name="Freeform 9"/>
          <p:cNvSpPr>
            <a:spLocks/>
          </p:cNvSpPr>
          <p:nvPr/>
        </p:nvSpPr>
        <p:spPr bwMode="auto">
          <a:xfrm>
            <a:off x="6362700" y="5170488"/>
            <a:ext cx="261938" cy="487362"/>
          </a:xfrm>
          <a:custGeom>
            <a:avLst/>
            <a:gdLst>
              <a:gd name="T0" fmla="*/ 2147483647 w 202"/>
              <a:gd name="T1" fmla="*/ 2147483647 h 376"/>
              <a:gd name="T2" fmla="*/ 2147483647 w 202"/>
              <a:gd name="T3" fmla="*/ 2147483647 h 376"/>
              <a:gd name="T4" fmla="*/ 0 w 202"/>
              <a:gd name="T5" fmla="*/ 2147483647 h 376"/>
              <a:gd name="T6" fmla="*/ 2147483647 w 202"/>
              <a:gd name="T7" fmla="*/ 2147483647 h 376"/>
              <a:gd name="T8" fmla="*/ 2147483647 w 202"/>
              <a:gd name="T9" fmla="*/ 0 h 376"/>
              <a:gd name="T10" fmla="*/ 2147483647 w 202"/>
              <a:gd name="T11" fmla="*/ 0 h 376"/>
              <a:gd name="T12" fmla="*/ 2147483647 w 202"/>
              <a:gd name="T13" fmla="*/ 2147483647 h 376"/>
              <a:gd name="T14" fmla="*/ 2147483647 w 202"/>
              <a:gd name="T15" fmla="*/ 2147483647 h 376"/>
              <a:gd name="T16" fmla="*/ 2147483647 w 202"/>
              <a:gd name="T17" fmla="*/ 2147483647 h 376"/>
              <a:gd name="T18" fmla="*/ 2147483647 w 202"/>
              <a:gd name="T19" fmla="*/ 2147483647 h 376"/>
              <a:gd name="T20" fmla="*/ 2147483647 w 202"/>
              <a:gd name="T21" fmla="*/ 2147483647 h 376"/>
              <a:gd name="T22" fmla="*/ 2147483647 w 202"/>
              <a:gd name="T23" fmla="*/ 2147483647 h 376"/>
              <a:gd name="T24" fmla="*/ 2147483647 w 202"/>
              <a:gd name="T25" fmla="*/ 2147483647 h 376"/>
              <a:gd name="T26" fmla="*/ 2147483647 w 202"/>
              <a:gd name="T27" fmla="*/ 2147483647 h 376"/>
              <a:gd name="T28" fmla="*/ 2147483647 w 202"/>
              <a:gd name="T29" fmla="*/ 2147483647 h 376"/>
              <a:gd name="T30" fmla="*/ 2147483647 w 202"/>
              <a:gd name="T31" fmla="*/ 2147483647 h 376"/>
              <a:gd name="T32" fmla="*/ 2147483647 w 202"/>
              <a:gd name="T33" fmla="*/ 2147483647 h 376"/>
              <a:gd name="T34" fmla="*/ 2147483647 w 202"/>
              <a:gd name="T35" fmla="*/ 2147483647 h 376"/>
              <a:gd name="T36" fmla="*/ 2147483647 w 202"/>
              <a:gd name="T37" fmla="*/ 2147483647 h 376"/>
              <a:gd name="T38" fmla="*/ 2147483647 w 202"/>
              <a:gd name="T39" fmla="*/ 2147483647 h 376"/>
              <a:gd name="T40" fmla="*/ 2147483647 w 202"/>
              <a:gd name="T41" fmla="*/ 2147483647 h 376"/>
              <a:gd name="T42" fmla="*/ 2147483647 w 202"/>
              <a:gd name="T43" fmla="*/ 2147483647 h 376"/>
              <a:gd name="T44" fmla="*/ 2147483647 w 202"/>
              <a:gd name="T45" fmla="*/ 2147483647 h 376"/>
              <a:gd name="T46" fmla="*/ 2147483647 w 202"/>
              <a:gd name="T47" fmla="*/ 2147483647 h 376"/>
              <a:gd name="T48" fmla="*/ 2147483647 w 202"/>
              <a:gd name="T49" fmla="*/ 2147483647 h 376"/>
              <a:gd name="T50" fmla="*/ 2147483647 w 202"/>
              <a:gd name="T51" fmla="*/ 2147483647 h 376"/>
              <a:gd name="T52" fmla="*/ 2147483647 w 202"/>
              <a:gd name="T53" fmla="*/ 2147483647 h 376"/>
              <a:gd name="T54" fmla="*/ 2147483647 w 202"/>
              <a:gd name="T55" fmla="*/ 2147483647 h 376"/>
              <a:gd name="T56" fmla="*/ 2147483647 w 202"/>
              <a:gd name="T57" fmla="*/ 2147483647 h 376"/>
              <a:gd name="T58" fmla="*/ 2147483647 w 202"/>
              <a:gd name="T59" fmla="*/ 2147483647 h 376"/>
              <a:gd name="T60" fmla="*/ 2147483647 w 202"/>
              <a:gd name="T61" fmla="*/ 2147483647 h 376"/>
              <a:gd name="T62" fmla="*/ 2147483647 w 202"/>
              <a:gd name="T63" fmla="*/ 2147483647 h 376"/>
              <a:gd name="T64" fmla="*/ 2147483647 w 202"/>
              <a:gd name="T65" fmla="*/ 2147483647 h 376"/>
              <a:gd name="T66" fmla="*/ 2147483647 w 202"/>
              <a:gd name="T67" fmla="*/ 2147483647 h 376"/>
              <a:gd name="T68" fmla="*/ 2147483647 w 202"/>
              <a:gd name="T69" fmla="*/ 2147483647 h 376"/>
              <a:gd name="T70" fmla="*/ 2147483647 w 202"/>
              <a:gd name="T71" fmla="*/ 2147483647 h 376"/>
              <a:gd name="T72" fmla="*/ 2147483647 w 202"/>
              <a:gd name="T73" fmla="*/ 2147483647 h 376"/>
              <a:gd name="T74" fmla="*/ 2147483647 w 202"/>
              <a:gd name="T75" fmla="*/ 2147483647 h 376"/>
              <a:gd name="T76" fmla="*/ 2147483647 w 202"/>
              <a:gd name="T77" fmla="*/ 2147483647 h 376"/>
              <a:gd name="T78" fmla="*/ 2147483647 w 202"/>
              <a:gd name="T79" fmla="*/ 2147483647 h 376"/>
              <a:gd name="T80" fmla="*/ 2147483647 w 202"/>
              <a:gd name="T81" fmla="*/ 2147483647 h 376"/>
              <a:gd name="T82" fmla="*/ 2147483647 w 202"/>
              <a:gd name="T83" fmla="*/ 2147483647 h 376"/>
              <a:gd name="T84" fmla="*/ 2147483647 w 202"/>
              <a:gd name="T85" fmla="*/ 2147483647 h 376"/>
              <a:gd name="T86" fmla="*/ 2147483647 w 202"/>
              <a:gd name="T87" fmla="*/ 2147483647 h 376"/>
              <a:gd name="T88" fmla="*/ 2147483647 w 202"/>
              <a:gd name="T89" fmla="*/ 2147483647 h 376"/>
              <a:gd name="T90" fmla="*/ 2147483647 w 202"/>
              <a:gd name="T91" fmla="*/ 2147483647 h 376"/>
              <a:gd name="T92" fmla="*/ 2147483647 w 202"/>
              <a:gd name="T93" fmla="*/ 2147483647 h 376"/>
              <a:gd name="T94" fmla="*/ 2147483647 w 202"/>
              <a:gd name="T95" fmla="*/ 2147483647 h 376"/>
              <a:gd name="T96" fmla="*/ 2147483647 w 202"/>
              <a:gd name="T97" fmla="*/ 2147483647 h 376"/>
              <a:gd name="T98" fmla="*/ 2147483647 w 202"/>
              <a:gd name="T99" fmla="*/ 2147483647 h 376"/>
              <a:gd name="T100" fmla="*/ 2147483647 w 202"/>
              <a:gd name="T101" fmla="*/ 2147483647 h 376"/>
              <a:gd name="T102" fmla="*/ 2147483647 w 202"/>
              <a:gd name="T103" fmla="*/ 2147483647 h 376"/>
              <a:gd name="T104" fmla="*/ 2147483647 w 202"/>
              <a:gd name="T105" fmla="*/ 2147483647 h 376"/>
              <a:gd name="T106" fmla="*/ 2147483647 w 202"/>
              <a:gd name="T107" fmla="*/ 2147483647 h 376"/>
              <a:gd name="T108" fmla="*/ 2147483647 w 202"/>
              <a:gd name="T109" fmla="*/ 2147483647 h 376"/>
              <a:gd name="T110" fmla="*/ 2147483647 w 202"/>
              <a:gd name="T111" fmla="*/ 2147483647 h 376"/>
              <a:gd name="T112" fmla="*/ 2147483647 w 202"/>
              <a:gd name="T113" fmla="*/ 2147483647 h 376"/>
              <a:gd name="T114" fmla="*/ 2147483647 w 202"/>
              <a:gd name="T115" fmla="*/ 2147483647 h 376"/>
              <a:gd name="T116" fmla="*/ 2147483647 w 202"/>
              <a:gd name="T117" fmla="*/ 2147483647 h 376"/>
              <a:gd name="T118" fmla="*/ 2147483647 w 202"/>
              <a:gd name="T119" fmla="*/ 2147483647 h 376"/>
              <a:gd name="T120" fmla="*/ 2147483647 w 202"/>
              <a:gd name="T121" fmla="*/ 2147483647 h 37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202" h="376">
                <a:moveTo>
                  <a:pt x="8" y="102"/>
                </a:moveTo>
                <a:lnTo>
                  <a:pt x="10" y="70"/>
                </a:lnTo>
                <a:lnTo>
                  <a:pt x="0" y="60"/>
                </a:lnTo>
                <a:lnTo>
                  <a:pt x="6" y="50"/>
                </a:lnTo>
                <a:lnTo>
                  <a:pt x="30" y="0"/>
                </a:lnTo>
                <a:lnTo>
                  <a:pt x="42" y="0"/>
                </a:lnTo>
                <a:lnTo>
                  <a:pt x="38" y="10"/>
                </a:lnTo>
                <a:lnTo>
                  <a:pt x="46" y="20"/>
                </a:lnTo>
                <a:lnTo>
                  <a:pt x="68" y="4"/>
                </a:lnTo>
                <a:lnTo>
                  <a:pt x="82" y="10"/>
                </a:lnTo>
                <a:lnTo>
                  <a:pt x="86" y="24"/>
                </a:lnTo>
                <a:lnTo>
                  <a:pt x="116" y="36"/>
                </a:lnTo>
                <a:lnTo>
                  <a:pt x="130" y="66"/>
                </a:lnTo>
                <a:lnTo>
                  <a:pt x="132" y="84"/>
                </a:lnTo>
                <a:lnTo>
                  <a:pt x="132" y="106"/>
                </a:lnTo>
                <a:lnTo>
                  <a:pt x="132" y="124"/>
                </a:lnTo>
                <a:lnTo>
                  <a:pt x="124" y="128"/>
                </a:lnTo>
                <a:lnTo>
                  <a:pt x="138" y="148"/>
                </a:lnTo>
                <a:lnTo>
                  <a:pt x="136" y="166"/>
                </a:lnTo>
                <a:lnTo>
                  <a:pt x="158" y="192"/>
                </a:lnTo>
                <a:lnTo>
                  <a:pt x="162" y="206"/>
                </a:lnTo>
                <a:lnTo>
                  <a:pt x="174" y="208"/>
                </a:lnTo>
                <a:lnTo>
                  <a:pt x="178" y="202"/>
                </a:lnTo>
                <a:lnTo>
                  <a:pt x="188" y="202"/>
                </a:lnTo>
                <a:lnTo>
                  <a:pt x="190" y="212"/>
                </a:lnTo>
                <a:lnTo>
                  <a:pt x="192" y="226"/>
                </a:lnTo>
                <a:lnTo>
                  <a:pt x="202" y="234"/>
                </a:lnTo>
                <a:lnTo>
                  <a:pt x="194" y="260"/>
                </a:lnTo>
                <a:lnTo>
                  <a:pt x="182" y="262"/>
                </a:lnTo>
                <a:lnTo>
                  <a:pt x="174" y="288"/>
                </a:lnTo>
                <a:lnTo>
                  <a:pt x="174" y="308"/>
                </a:lnTo>
                <a:lnTo>
                  <a:pt x="168" y="316"/>
                </a:lnTo>
                <a:lnTo>
                  <a:pt x="154" y="316"/>
                </a:lnTo>
                <a:lnTo>
                  <a:pt x="142" y="334"/>
                </a:lnTo>
                <a:lnTo>
                  <a:pt x="152" y="348"/>
                </a:lnTo>
                <a:lnTo>
                  <a:pt x="152" y="358"/>
                </a:lnTo>
                <a:lnTo>
                  <a:pt x="144" y="358"/>
                </a:lnTo>
                <a:lnTo>
                  <a:pt x="144" y="368"/>
                </a:lnTo>
                <a:lnTo>
                  <a:pt x="130" y="376"/>
                </a:lnTo>
                <a:lnTo>
                  <a:pt x="114" y="374"/>
                </a:lnTo>
                <a:lnTo>
                  <a:pt x="114" y="356"/>
                </a:lnTo>
                <a:lnTo>
                  <a:pt x="90" y="330"/>
                </a:lnTo>
                <a:lnTo>
                  <a:pt x="54" y="318"/>
                </a:lnTo>
                <a:lnTo>
                  <a:pt x="32" y="292"/>
                </a:lnTo>
                <a:lnTo>
                  <a:pt x="48" y="294"/>
                </a:lnTo>
                <a:lnTo>
                  <a:pt x="48" y="282"/>
                </a:lnTo>
                <a:lnTo>
                  <a:pt x="44" y="272"/>
                </a:lnTo>
                <a:lnTo>
                  <a:pt x="28" y="262"/>
                </a:lnTo>
                <a:lnTo>
                  <a:pt x="34" y="230"/>
                </a:lnTo>
                <a:lnTo>
                  <a:pt x="42" y="226"/>
                </a:lnTo>
                <a:lnTo>
                  <a:pt x="44" y="220"/>
                </a:lnTo>
                <a:lnTo>
                  <a:pt x="34" y="204"/>
                </a:lnTo>
                <a:lnTo>
                  <a:pt x="38" y="186"/>
                </a:lnTo>
                <a:lnTo>
                  <a:pt x="24" y="160"/>
                </a:lnTo>
                <a:lnTo>
                  <a:pt x="34" y="150"/>
                </a:lnTo>
                <a:lnTo>
                  <a:pt x="32" y="140"/>
                </a:lnTo>
                <a:lnTo>
                  <a:pt x="40" y="136"/>
                </a:lnTo>
                <a:lnTo>
                  <a:pt x="36" y="126"/>
                </a:lnTo>
                <a:lnTo>
                  <a:pt x="34" y="106"/>
                </a:lnTo>
                <a:lnTo>
                  <a:pt x="24" y="102"/>
                </a:lnTo>
                <a:lnTo>
                  <a:pt x="8" y="10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09" name="Freeform 10"/>
          <p:cNvSpPr>
            <a:spLocks/>
          </p:cNvSpPr>
          <p:nvPr/>
        </p:nvSpPr>
        <p:spPr bwMode="auto">
          <a:xfrm>
            <a:off x="6700838" y="4751388"/>
            <a:ext cx="752475" cy="569912"/>
          </a:xfrm>
          <a:custGeom>
            <a:avLst/>
            <a:gdLst>
              <a:gd name="T0" fmla="*/ 2147483647 w 580"/>
              <a:gd name="T1" fmla="*/ 2147483647 h 440"/>
              <a:gd name="T2" fmla="*/ 2147483647 w 580"/>
              <a:gd name="T3" fmla="*/ 2147483647 h 440"/>
              <a:gd name="T4" fmla="*/ 2147483647 w 580"/>
              <a:gd name="T5" fmla="*/ 2147483647 h 440"/>
              <a:gd name="T6" fmla="*/ 2147483647 w 580"/>
              <a:gd name="T7" fmla="*/ 2147483647 h 440"/>
              <a:gd name="T8" fmla="*/ 2147483647 w 580"/>
              <a:gd name="T9" fmla="*/ 2147483647 h 440"/>
              <a:gd name="T10" fmla="*/ 2147483647 w 580"/>
              <a:gd name="T11" fmla="*/ 2147483647 h 440"/>
              <a:gd name="T12" fmla="*/ 2147483647 w 580"/>
              <a:gd name="T13" fmla="*/ 2147483647 h 440"/>
              <a:gd name="T14" fmla="*/ 2147483647 w 580"/>
              <a:gd name="T15" fmla="*/ 2147483647 h 440"/>
              <a:gd name="T16" fmla="*/ 2147483647 w 580"/>
              <a:gd name="T17" fmla="*/ 2147483647 h 440"/>
              <a:gd name="T18" fmla="*/ 2147483647 w 580"/>
              <a:gd name="T19" fmla="*/ 0 h 440"/>
              <a:gd name="T20" fmla="*/ 2147483647 w 580"/>
              <a:gd name="T21" fmla="*/ 0 h 440"/>
              <a:gd name="T22" fmla="*/ 2147483647 w 580"/>
              <a:gd name="T23" fmla="*/ 0 h 440"/>
              <a:gd name="T24" fmla="*/ 2147483647 w 580"/>
              <a:gd name="T25" fmla="*/ 2147483647 h 440"/>
              <a:gd name="T26" fmla="*/ 2147483647 w 580"/>
              <a:gd name="T27" fmla="*/ 2147483647 h 440"/>
              <a:gd name="T28" fmla="*/ 2147483647 w 580"/>
              <a:gd name="T29" fmla="*/ 2147483647 h 440"/>
              <a:gd name="T30" fmla="*/ 2147483647 w 580"/>
              <a:gd name="T31" fmla="*/ 2147483647 h 440"/>
              <a:gd name="T32" fmla="*/ 2147483647 w 580"/>
              <a:gd name="T33" fmla="*/ 2147483647 h 440"/>
              <a:gd name="T34" fmla="*/ 2147483647 w 580"/>
              <a:gd name="T35" fmla="*/ 2147483647 h 440"/>
              <a:gd name="T36" fmla="*/ 2147483647 w 580"/>
              <a:gd name="T37" fmla="*/ 2147483647 h 440"/>
              <a:gd name="T38" fmla="*/ 2147483647 w 580"/>
              <a:gd name="T39" fmla="*/ 2147483647 h 440"/>
              <a:gd name="T40" fmla="*/ 2147483647 w 580"/>
              <a:gd name="T41" fmla="*/ 2147483647 h 440"/>
              <a:gd name="T42" fmla="*/ 2147483647 w 580"/>
              <a:gd name="T43" fmla="*/ 2147483647 h 440"/>
              <a:gd name="T44" fmla="*/ 2147483647 w 580"/>
              <a:gd name="T45" fmla="*/ 2147483647 h 440"/>
              <a:gd name="T46" fmla="*/ 2147483647 w 580"/>
              <a:gd name="T47" fmla="*/ 2147483647 h 440"/>
              <a:gd name="T48" fmla="*/ 2147483647 w 580"/>
              <a:gd name="T49" fmla="*/ 2147483647 h 440"/>
              <a:gd name="T50" fmla="*/ 2147483647 w 580"/>
              <a:gd name="T51" fmla="*/ 2147483647 h 440"/>
              <a:gd name="T52" fmla="*/ 2147483647 w 580"/>
              <a:gd name="T53" fmla="*/ 2147483647 h 440"/>
              <a:gd name="T54" fmla="*/ 2147483647 w 580"/>
              <a:gd name="T55" fmla="*/ 2147483647 h 440"/>
              <a:gd name="T56" fmla="*/ 2147483647 w 580"/>
              <a:gd name="T57" fmla="*/ 2147483647 h 440"/>
              <a:gd name="T58" fmla="*/ 2147483647 w 580"/>
              <a:gd name="T59" fmla="*/ 2147483647 h 440"/>
              <a:gd name="T60" fmla="*/ 2147483647 w 580"/>
              <a:gd name="T61" fmla="*/ 2147483647 h 440"/>
              <a:gd name="T62" fmla="*/ 2147483647 w 580"/>
              <a:gd name="T63" fmla="*/ 2147483647 h 440"/>
              <a:gd name="T64" fmla="*/ 2147483647 w 580"/>
              <a:gd name="T65" fmla="*/ 2147483647 h 440"/>
              <a:gd name="T66" fmla="*/ 2147483647 w 580"/>
              <a:gd name="T67" fmla="*/ 2147483647 h 440"/>
              <a:gd name="T68" fmla="*/ 2147483647 w 580"/>
              <a:gd name="T69" fmla="*/ 2147483647 h 440"/>
              <a:gd name="T70" fmla="*/ 2147483647 w 580"/>
              <a:gd name="T71" fmla="*/ 2147483647 h 440"/>
              <a:gd name="T72" fmla="*/ 2147483647 w 580"/>
              <a:gd name="T73" fmla="*/ 2147483647 h 440"/>
              <a:gd name="T74" fmla="*/ 2147483647 w 580"/>
              <a:gd name="T75" fmla="*/ 2147483647 h 440"/>
              <a:gd name="T76" fmla="*/ 2147483647 w 580"/>
              <a:gd name="T77" fmla="*/ 2147483647 h 440"/>
              <a:gd name="T78" fmla="*/ 2147483647 w 580"/>
              <a:gd name="T79" fmla="*/ 2147483647 h 440"/>
              <a:gd name="T80" fmla="*/ 2147483647 w 580"/>
              <a:gd name="T81" fmla="*/ 2147483647 h 440"/>
              <a:gd name="T82" fmla="*/ 2147483647 w 580"/>
              <a:gd name="T83" fmla="*/ 2147483647 h 440"/>
              <a:gd name="T84" fmla="*/ 2147483647 w 580"/>
              <a:gd name="T85" fmla="*/ 2147483647 h 440"/>
              <a:gd name="T86" fmla="*/ 2147483647 w 580"/>
              <a:gd name="T87" fmla="*/ 2147483647 h 440"/>
              <a:gd name="T88" fmla="*/ 2147483647 w 580"/>
              <a:gd name="T89" fmla="*/ 2147483647 h 440"/>
              <a:gd name="T90" fmla="*/ 2147483647 w 580"/>
              <a:gd name="T91" fmla="*/ 2147483647 h 440"/>
              <a:gd name="T92" fmla="*/ 2147483647 w 580"/>
              <a:gd name="T93" fmla="*/ 2147483647 h 440"/>
              <a:gd name="T94" fmla="*/ 2147483647 w 580"/>
              <a:gd name="T95" fmla="*/ 2147483647 h 440"/>
              <a:gd name="T96" fmla="*/ 2147483647 w 580"/>
              <a:gd name="T97" fmla="*/ 2147483647 h 440"/>
              <a:gd name="T98" fmla="*/ 2147483647 w 580"/>
              <a:gd name="T99" fmla="*/ 2147483647 h 440"/>
              <a:gd name="T100" fmla="*/ 2147483647 w 580"/>
              <a:gd name="T101" fmla="*/ 2147483647 h 440"/>
              <a:gd name="T102" fmla="*/ 2147483647 w 580"/>
              <a:gd name="T103" fmla="*/ 2147483647 h 440"/>
              <a:gd name="T104" fmla="*/ 2147483647 w 580"/>
              <a:gd name="T105" fmla="*/ 2147483647 h 440"/>
              <a:gd name="T106" fmla="*/ 2147483647 w 580"/>
              <a:gd name="T107" fmla="*/ 2147483647 h 440"/>
              <a:gd name="T108" fmla="*/ 0 w 580"/>
              <a:gd name="T109" fmla="*/ 2147483647 h 440"/>
              <a:gd name="T110" fmla="*/ 2147483647 w 580"/>
              <a:gd name="T111" fmla="*/ 2147483647 h 440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580" h="440">
                <a:moveTo>
                  <a:pt x="18" y="68"/>
                </a:moveTo>
                <a:lnTo>
                  <a:pt x="36" y="84"/>
                </a:lnTo>
                <a:lnTo>
                  <a:pt x="50" y="84"/>
                </a:lnTo>
                <a:lnTo>
                  <a:pt x="54" y="94"/>
                </a:lnTo>
                <a:lnTo>
                  <a:pt x="38" y="108"/>
                </a:lnTo>
                <a:lnTo>
                  <a:pt x="42" y="118"/>
                </a:lnTo>
                <a:lnTo>
                  <a:pt x="58" y="122"/>
                </a:lnTo>
                <a:lnTo>
                  <a:pt x="86" y="110"/>
                </a:lnTo>
                <a:lnTo>
                  <a:pt x="140" y="110"/>
                </a:lnTo>
                <a:lnTo>
                  <a:pt x="168" y="120"/>
                </a:lnTo>
                <a:lnTo>
                  <a:pt x="200" y="100"/>
                </a:lnTo>
                <a:lnTo>
                  <a:pt x="234" y="102"/>
                </a:lnTo>
                <a:lnTo>
                  <a:pt x="266" y="96"/>
                </a:lnTo>
                <a:lnTo>
                  <a:pt x="280" y="102"/>
                </a:lnTo>
                <a:lnTo>
                  <a:pt x="310" y="88"/>
                </a:lnTo>
                <a:lnTo>
                  <a:pt x="334" y="54"/>
                </a:lnTo>
                <a:lnTo>
                  <a:pt x="352" y="32"/>
                </a:lnTo>
                <a:lnTo>
                  <a:pt x="382" y="24"/>
                </a:lnTo>
                <a:lnTo>
                  <a:pt x="414" y="2"/>
                </a:lnTo>
                <a:lnTo>
                  <a:pt x="444" y="0"/>
                </a:lnTo>
                <a:lnTo>
                  <a:pt x="458" y="8"/>
                </a:lnTo>
                <a:lnTo>
                  <a:pt x="478" y="0"/>
                </a:lnTo>
                <a:lnTo>
                  <a:pt x="488" y="8"/>
                </a:lnTo>
                <a:lnTo>
                  <a:pt x="506" y="0"/>
                </a:lnTo>
                <a:lnTo>
                  <a:pt x="522" y="20"/>
                </a:lnTo>
                <a:lnTo>
                  <a:pt x="570" y="20"/>
                </a:lnTo>
                <a:lnTo>
                  <a:pt x="574" y="30"/>
                </a:lnTo>
                <a:lnTo>
                  <a:pt x="580" y="38"/>
                </a:lnTo>
                <a:lnTo>
                  <a:pt x="580" y="50"/>
                </a:lnTo>
                <a:lnTo>
                  <a:pt x="576" y="60"/>
                </a:lnTo>
                <a:lnTo>
                  <a:pt x="564" y="66"/>
                </a:lnTo>
                <a:lnTo>
                  <a:pt x="554" y="68"/>
                </a:lnTo>
                <a:lnTo>
                  <a:pt x="546" y="70"/>
                </a:lnTo>
                <a:lnTo>
                  <a:pt x="538" y="80"/>
                </a:lnTo>
                <a:lnTo>
                  <a:pt x="534" y="90"/>
                </a:lnTo>
                <a:lnTo>
                  <a:pt x="530" y="108"/>
                </a:lnTo>
                <a:lnTo>
                  <a:pt x="534" y="120"/>
                </a:lnTo>
                <a:lnTo>
                  <a:pt x="534" y="136"/>
                </a:lnTo>
                <a:lnTo>
                  <a:pt x="538" y="154"/>
                </a:lnTo>
                <a:lnTo>
                  <a:pt x="540" y="160"/>
                </a:lnTo>
                <a:lnTo>
                  <a:pt x="540" y="164"/>
                </a:lnTo>
                <a:lnTo>
                  <a:pt x="528" y="170"/>
                </a:lnTo>
                <a:lnTo>
                  <a:pt x="520" y="180"/>
                </a:lnTo>
                <a:lnTo>
                  <a:pt x="522" y="188"/>
                </a:lnTo>
                <a:lnTo>
                  <a:pt x="510" y="194"/>
                </a:lnTo>
                <a:lnTo>
                  <a:pt x="510" y="200"/>
                </a:lnTo>
                <a:lnTo>
                  <a:pt x="514" y="206"/>
                </a:lnTo>
                <a:lnTo>
                  <a:pt x="524" y="206"/>
                </a:lnTo>
                <a:lnTo>
                  <a:pt x="540" y="216"/>
                </a:lnTo>
                <a:lnTo>
                  <a:pt x="548" y="230"/>
                </a:lnTo>
                <a:lnTo>
                  <a:pt x="564" y="238"/>
                </a:lnTo>
                <a:lnTo>
                  <a:pt x="574" y="250"/>
                </a:lnTo>
                <a:lnTo>
                  <a:pt x="560" y="254"/>
                </a:lnTo>
                <a:lnTo>
                  <a:pt x="560" y="262"/>
                </a:lnTo>
                <a:lnTo>
                  <a:pt x="540" y="264"/>
                </a:lnTo>
                <a:lnTo>
                  <a:pt x="538" y="268"/>
                </a:lnTo>
                <a:lnTo>
                  <a:pt x="524" y="268"/>
                </a:lnTo>
                <a:lnTo>
                  <a:pt x="504" y="254"/>
                </a:lnTo>
                <a:lnTo>
                  <a:pt x="500" y="262"/>
                </a:lnTo>
                <a:lnTo>
                  <a:pt x="482" y="262"/>
                </a:lnTo>
                <a:lnTo>
                  <a:pt x="476" y="274"/>
                </a:lnTo>
                <a:lnTo>
                  <a:pt x="456" y="284"/>
                </a:lnTo>
                <a:lnTo>
                  <a:pt x="448" y="286"/>
                </a:lnTo>
                <a:lnTo>
                  <a:pt x="442" y="292"/>
                </a:lnTo>
                <a:lnTo>
                  <a:pt x="442" y="302"/>
                </a:lnTo>
                <a:lnTo>
                  <a:pt x="438" y="306"/>
                </a:lnTo>
                <a:lnTo>
                  <a:pt x="430" y="310"/>
                </a:lnTo>
                <a:lnTo>
                  <a:pt x="422" y="316"/>
                </a:lnTo>
                <a:lnTo>
                  <a:pt x="424" y="328"/>
                </a:lnTo>
                <a:lnTo>
                  <a:pt x="408" y="324"/>
                </a:lnTo>
                <a:lnTo>
                  <a:pt x="398" y="334"/>
                </a:lnTo>
                <a:lnTo>
                  <a:pt x="416" y="350"/>
                </a:lnTo>
                <a:lnTo>
                  <a:pt x="420" y="370"/>
                </a:lnTo>
                <a:lnTo>
                  <a:pt x="398" y="384"/>
                </a:lnTo>
                <a:lnTo>
                  <a:pt x="368" y="390"/>
                </a:lnTo>
                <a:lnTo>
                  <a:pt x="336" y="410"/>
                </a:lnTo>
                <a:lnTo>
                  <a:pt x="316" y="396"/>
                </a:lnTo>
                <a:lnTo>
                  <a:pt x="290" y="396"/>
                </a:lnTo>
                <a:lnTo>
                  <a:pt x="288" y="406"/>
                </a:lnTo>
                <a:lnTo>
                  <a:pt x="252" y="382"/>
                </a:lnTo>
                <a:lnTo>
                  <a:pt x="244" y="390"/>
                </a:lnTo>
                <a:lnTo>
                  <a:pt x="224" y="388"/>
                </a:lnTo>
                <a:lnTo>
                  <a:pt x="210" y="404"/>
                </a:lnTo>
                <a:lnTo>
                  <a:pt x="174" y="424"/>
                </a:lnTo>
                <a:lnTo>
                  <a:pt x="142" y="428"/>
                </a:lnTo>
                <a:lnTo>
                  <a:pt x="132" y="438"/>
                </a:lnTo>
                <a:lnTo>
                  <a:pt x="108" y="440"/>
                </a:lnTo>
                <a:lnTo>
                  <a:pt x="104" y="414"/>
                </a:lnTo>
                <a:lnTo>
                  <a:pt x="104" y="400"/>
                </a:lnTo>
                <a:lnTo>
                  <a:pt x="106" y="394"/>
                </a:lnTo>
                <a:lnTo>
                  <a:pt x="98" y="374"/>
                </a:lnTo>
                <a:lnTo>
                  <a:pt x="80" y="356"/>
                </a:lnTo>
                <a:lnTo>
                  <a:pt x="70" y="350"/>
                </a:lnTo>
                <a:lnTo>
                  <a:pt x="48" y="344"/>
                </a:lnTo>
                <a:lnTo>
                  <a:pt x="30" y="326"/>
                </a:lnTo>
                <a:lnTo>
                  <a:pt x="38" y="316"/>
                </a:lnTo>
                <a:lnTo>
                  <a:pt x="42" y="298"/>
                </a:lnTo>
                <a:lnTo>
                  <a:pt x="34" y="292"/>
                </a:lnTo>
                <a:lnTo>
                  <a:pt x="28" y="260"/>
                </a:lnTo>
                <a:lnTo>
                  <a:pt x="38" y="248"/>
                </a:lnTo>
                <a:lnTo>
                  <a:pt x="50" y="244"/>
                </a:lnTo>
                <a:lnTo>
                  <a:pt x="52" y="230"/>
                </a:lnTo>
                <a:lnTo>
                  <a:pt x="64" y="220"/>
                </a:lnTo>
                <a:lnTo>
                  <a:pt x="70" y="202"/>
                </a:lnTo>
                <a:lnTo>
                  <a:pt x="56" y="192"/>
                </a:lnTo>
                <a:lnTo>
                  <a:pt x="38" y="180"/>
                </a:lnTo>
                <a:lnTo>
                  <a:pt x="20" y="166"/>
                </a:lnTo>
                <a:lnTo>
                  <a:pt x="10" y="150"/>
                </a:lnTo>
                <a:lnTo>
                  <a:pt x="0" y="134"/>
                </a:lnTo>
                <a:lnTo>
                  <a:pt x="0" y="106"/>
                </a:lnTo>
                <a:lnTo>
                  <a:pt x="12" y="94"/>
                </a:lnTo>
                <a:lnTo>
                  <a:pt x="18" y="6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10" name="Freeform 11"/>
          <p:cNvSpPr>
            <a:spLocks/>
          </p:cNvSpPr>
          <p:nvPr/>
        </p:nvSpPr>
        <p:spPr bwMode="auto">
          <a:xfrm>
            <a:off x="7038975" y="4033838"/>
            <a:ext cx="463550" cy="466725"/>
          </a:xfrm>
          <a:custGeom>
            <a:avLst/>
            <a:gdLst>
              <a:gd name="T0" fmla="*/ 2147483647 w 358"/>
              <a:gd name="T1" fmla="*/ 2147483647 h 360"/>
              <a:gd name="T2" fmla="*/ 2147483647 w 358"/>
              <a:gd name="T3" fmla="*/ 2147483647 h 360"/>
              <a:gd name="T4" fmla="*/ 2147483647 w 358"/>
              <a:gd name="T5" fmla="*/ 2147483647 h 360"/>
              <a:gd name="T6" fmla="*/ 2147483647 w 358"/>
              <a:gd name="T7" fmla="*/ 2147483647 h 360"/>
              <a:gd name="T8" fmla="*/ 2147483647 w 358"/>
              <a:gd name="T9" fmla="*/ 2147483647 h 360"/>
              <a:gd name="T10" fmla="*/ 2147483647 w 358"/>
              <a:gd name="T11" fmla="*/ 2147483647 h 360"/>
              <a:gd name="T12" fmla="*/ 2147483647 w 358"/>
              <a:gd name="T13" fmla="*/ 2147483647 h 360"/>
              <a:gd name="T14" fmla="*/ 2147483647 w 358"/>
              <a:gd name="T15" fmla="*/ 2147483647 h 360"/>
              <a:gd name="T16" fmla="*/ 2147483647 w 358"/>
              <a:gd name="T17" fmla="*/ 2147483647 h 360"/>
              <a:gd name="T18" fmla="*/ 2147483647 w 358"/>
              <a:gd name="T19" fmla="*/ 2147483647 h 360"/>
              <a:gd name="T20" fmla="*/ 2147483647 w 358"/>
              <a:gd name="T21" fmla="*/ 2147483647 h 360"/>
              <a:gd name="T22" fmla="*/ 2147483647 w 358"/>
              <a:gd name="T23" fmla="*/ 2147483647 h 360"/>
              <a:gd name="T24" fmla="*/ 2147483647 w 358"/>
              <a:gd name="T25" fmla="*/ 2147483647 h 360"/>
              <a:gd name="T26" fmla="*/ 2147483647 w 358"/>
              <a:gd name="T27" fmla="*/ 2147483647 h 360"/>
              <a:gd name="T28" fmla="*/ 2147483647 w 358"/>
              <a:gd name="T29" fmla="*/ 2147483647 h 360"/>
              <a:gd name="T30" fmla="*/ 0 w 358"/>
              <a:gd name="T31" fmla="*/ 2147483647 h 360"/>
              <a:gd name="T32" fmla="*/ 2147483647 w 358"/>
              <a:gd name="T33" fmla="*/ 2147483647 h 360"/>
              <a:gd name="T34" fmla="*/ 2147483647 w 358"/>
              <a:gd name="T35" fmla="*/ 2147483647 h 360"/>
              <a:gd name="T36" fmla="*/ 2147483647 w 358"/>
              <a:gd name="T37" fmla="*/ 2147483647 h 360"/>
              <a:gd name="T38" fmla="*/ 2147483647 w 358"/>
              <a:gd name="T39" fmla="*/ 2147483647 h 360"/>
              <a:gd name="T40" fmla="*/ 2147483647 w 358"/>
              <a:gd name="T41" fmla="*/ 0 h 360"/>
              <a:gd name="T42" fmla="*/ 2147483647 w 358"/>
              <a:gd name="T43" fmla="*/ 0 h 360"/>
              <a:gd name="T44" fmla="*/ 2147483647 w 358"/>
              <a:gd name="T45" fmla="*/ 2147483647 h 360"/>
              <a:gd name="T46" fmla="*/ 2147483647 w 358"/>
              <a:gd name="T47" fmla="*/ 2147483647 h 360"/>
              <a:gd name="T48" fmla="*/ 2147483647 w 358"/>
              <a:gd name="T49" fmla="*/ 2147483647 h 360"/>
              <a:gd name="T50" fmla="*/ 2147483647 w 358"/>
              <a:gd name="T51" fmla="*/ 2147483647 h 360"/>
              <a:gd name="T52" fmla="*/ 2147483647 w 358"/>
              <a:gd name="T53" fmla="*/ 2147483647 h 360"/>
              <a:gd name="T54" fmla="*/ 2147483647 w 358"/>
              <a:gd name="T55" fmla="*/ 2147483647 h 360"/>
              <a:gd name="T56" fmla="*/ 2147483647 w 358"/>
              <a:gd name="T57" fmla="*/ 2147483647 h 360"/>
              <a:gd name="T58" fmla="*/ 2147483647 w 358"/>
              <a:gd name="T59" fmla="*/ 2147483647 h 360"/>
              <a:gd name="T60" fmla="*/ 2147483647 w 358"/>
              <a:gd name="T61" fmla="*/ 2147483647 h 360"/>
              <a:gd name="T62" fmla="*/ 2147483647 w 358"/>
              <a:gd name="T63" fmla="*/ 2147483647 h 360"/>
              <a:gd name="T64" fmla="*/ 2147483647 w 358"/>
              <a:gd name="T65" fmla="*/ 2147483647 h 360"/>
              <a:gd name="T66" fmla="*/ 2147483647 w 358"/>
              <a:gd name="T67" fmla="*/ 2147483647 h 360"/>
              <a:gd name="T68" fmla="*/ 2147483647 w 358"/>
              <a:gd name="T69" fmla="*/ 2147483647 h 360"/>
              <a:gd name="T70" fmla="*/ 2147483647 w 358"/>
              <a:gd name="T71" fmla="*/ 2147483647 h 360"/>
              <a:gd name="T72" fmla="*/ 2147483647 w 358"/>
              <a:gd name="T73" fmla="*/ 2147483647 h 360"/>
              <a:gd name="T74" fmla="*/ 2147483647 w 358"/>
              <a:gd name="T75" fmla="*/ 2147483647 h 360"/>
              <a:gd name="T76" fmla="*/ 2147483647 w 358"/>
              <a:gd name="T77" fmla="*/ 2147483647 h 360"/>
              <a:gd name="T78" fmla="*/ 2147483647 w 358"/>
              <a:gd name="T79" fmla="*/ 2147483647 h 360"/>
              <a:gd name="T80" fmla="*/ 2147483647 w 358"/>
              <a:gd name="T81" fmla="*/ 2147483647 h 360"/>
              <a:gd name="T82" fmla="*/ 2147483647 w 358"/>
              <a:gd name="T83" fmla="*/ 2147483647 h 360"/>
              <a:gd name="T84" fmla="*/ 2147483647 w 358"/>
              <a:gd name="T85" fmla="*/ 2147483647 h 360"/>
              <a:gd name="T86" fmla="*/ 2147483647 w 358"/>
              <a:gd name="T87" fmla="*/ 2147483647 h 360"/>
              <a:gd name="T88" fmla="*/ 2147483647 w 358"/>
              <a:gd name="T89" fmla="*/ 2147483647 h 360"/>
              <a:gd name="T90" fmla="*/ 2147483647 w 358"/>
              <a:gd name="T91" fmla="*/ 2147483647 h 360"/>
              <a:gd name="T92" fmla="*/ 2147483647 w 358"/>
              <a:gd name="T93" fmla="*/ 2147483647 h 360"/>
              <a:gd name="T94" fmla="*/ 2147483647 w 358"/>
              <a:gd name="T95" fmla="*/ 2147483647 h 360"/>
              <a:gd name="T96" fmla="*/ 2147483647 w 358"/>
              <a:gd name="T97" fmla="*/ 2147483647 h 360"/>
              <a:gd name="T98" fmla="*/ 2147483647 w 358"/>
              <a:gd name="T99" fmla="*/ 2147483647 h 360"/>
              <a:gd name="T100" fmla="*/ 2147483647 w 358"/>
              <a:gd name="T101" fmla="*/ 2147483647 h 360"/>
              <a:gd name="T102" fmla="*/ 2147483647 w 358"/>
              <a:gd name="T103" fmla="*/ 2147483647 h 360"/>
              <a:gd name="T104" fmla="*/ 2147483647 w 358"/>
              <a:gd name="T105" fmla="*/ 2147483647 h 360"/>
              <a:gd name="T106" fmla="*/ 2147483647 w 358"/>
              <a:gd name="T107" fmla="*/ 2147483647 h 360"/>
              <a:gd name="T108" fmla="*/ 2147483647 w 358"/>
              <a:gd name="T109" fmla="*/ 2147483647 h 360"/>
              <a:gd name="T110" fmla="*/ 2147483647 w 358"/>
              <a:gd name="T111" fmla="*/ 2147483647 h 360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358" h="360">
                <a:moveTo>
                  <a:pt x="224" y="360"/>
                </a:moveTo>
                <a:lnTo>
                  <a:pt x="212" y="354"/>
                </a:lnTo>
                <a:lnTo>
                  <a:pt x="210" y="338"/>
                </a:lnTo>
                <a:lnTo>
                  <a:pt x="202" y="318"/>
                </a:lnTo>
                <a:lnTo>
                  <a:pt x="192" y="296"/>
                </a:lnTo>
                <a:lnTo>
                  <a:pt x="192" y="258"/>
                </a:lnTo>
                <a:lnTo>
                  <a:pt x="200" y="240"/>
                </a:lnTo>
                <a:lnTo>
                  <a:pt x="166" y="178"/>
                </a:lnTo>
                <a:lnTo>
                  <a:pt x="136" y="164"/>
                </a:lnTo>
                <a:lnTo>
                  <a:pt x="134" y="150"/>
                </a:lnTo>
                <a:lnTo>
                  <a:pt x="108" y="142"/>
                </a:lnTo>
                <a:lnTo>
                  <a:pt x="104" y="126"/>
                </a:lnTo>
                <a:lnTo>
                  <a:pt x="74" y="104"/>
                </a:lnTo>
                <a:lnTo>
                  <a:pt x="64" y="84"/>
                </a:lnTo>
                <a:lnTo>
                  <a:pt x="34" y="48"/>
                </a:lnTo>
                <a:lnTo>
                  <a:pt x="0" y="46"/>
                </a:lnTo>
                <a:lnTo>
                  <a:pt x="2" y="36"/>
                </a:lnTo>
                <a:lnTo>
                  <a:pt x="18" y="36"/>
                </a:lnTo>
                <a:lnTo>
                  <a:pt x="16" y="24"/>
                </a:lnTo>
                <a:lnTo>
                  <a:pt x="46" y="20"/>
                </a:lnTo>
                <a:lnTo>
                  <a:pt x="72" y="0"/>
                </a:lnTo>
                <a:lnTo>
                  <a:pt x="96" y="0"/>
                </a:lnTo>
                <a:lnTo>
                  <a:pt x="132" y="20"/>
                </a:lnTo>
                <a:lnTo>
                  <a:pt x="148" y="12"/>
                </a:lnTo>
                <a:lnTo>
                  <a:pt x="158" y="28"/>
                </a:lnTo>
                <a:lnTo>
                  <a:pt x="166" y="18"/>
                </a:lnTo>
                <a:lnTo>
                  <a:pt x="190" y="18"/>
                </a:lnTo>
                <a:lnTo>
                  <a:pt x="206" y="38"/>
                </a:lnTo>
                <a:lnTo>
                  <a:pt x="220" y="26"/>
                </a:lnTo>
                <a:lnTo>
                  <a:pt x="232" y="44"/>
                </a:lnTo>
                <a:lnTo>
                  <a:pt x="238" y="94"/>
                </a:lnTo>
                <a:lnTo>
                  <a:pt x="256" y="124"/>
                </a:lnTo>
                <a:lnTo>
                  <a:pt x="282" y="140"/>
                </a:lnTo>
                <a:lnTo>
                  <a:pt x="308" y="152"/>
                </a:lnTo>
                <a:lnTo>
                  <a:pt x="328" y="154"/>
                </a:lnTo>
                <a:lnTo>
                  <a:pt x="338" y="178"/>
                </a:lnTo>
                <a:lnTo>
                  <a:pt x="336" y="188"/>
                </a:lnTo>
                <a:lnTo>
                  <a:pt x="358" y="200"/>
                </a:lnTo>
                <a:lnTo>
                  <a:pt x="356" y="204"/>
                </a:lnTo>
                <a:lnTo>
                  <a:pt x="344" y="204"/>
                </a:lnTo>
                <a:lnTo>
                  <a:pt x="334" y="214"/>
                </a:lnTo>
                <a:lnTo>
                  <a:pt x="324" y="202"/>
                </a:lnTo>
                <a:lnTo>
                  <a:pt x="318" y="212"/>
                </a:lnTo>
                <a:lnTo>
                  <a:pt x="304" y="206"/>
                </a:lnTo>
                <a:lnTo>
                  <a:pt x="282" y="220"/>
                </a:lnTo>
                <a:lnTo>
                  <a:pt x="272" y="204"/>
                </a:lnTo>
                <a:lnTo>
                  <a:pt x="250" y="224"/>
                </a:lnTo>
                <a:lnTo>
                  <a:pt x="270" y="250"/>
                </a:lnTo>
                <a:lnTo>
                  <a:pt x="268" y="262"/>
                </a:lnTo>
                <a:lnTo>
                  <a:pt x="270" y="276"/>
                </a:lnTo>
                <a:lnTo>
                  <a:pt x="256" y="286"/>
                </a:lnTo>
                <a:lnTo>
                  <a:pt x="260" y="304"/>
                </a:lnTo>
                <a:lnTo>
                  <a:pt x="244" y="324"/>
                </a:lnTo>
                <a:lnTo>
                  <a:pt x="248" y="350"/>
                </a:lnTo>
                <a:lnTo>
                  <a:pt x="228" y="350"/>
                </a:lnTo>
                <a:lnTo>
                  <a:pt x="224" y="36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11" name="Freeform 12"/>
          <p:cNvSpPr>
            <a:spLocks/>
          </p:cNvSpPr>
          <p:nvPr/>
        </p:nvSpPr>
        <p:spPr bwMode="auto">
          <a:xfrm>
            <a:off x="6388100" y="4094163"/>
            <a:ext cx="1127125" cy="814387"/>
          </a:xfrm>
          <a:custGeom>
            <a:avLst/>
            <a:gdLst>
              <a:gd name="T0" fmla="*/ 2147483647 w 870"/>
              <a:gd name="T1" fmla="*/ 2147483647 h 630"/>
              <a:gd name="T2" fmla="*/ 2147483647 w 870"/>
              <a:gd name="T3" fmla="*/ 2147483647 h 630"/>
              <a:gd name="T4" fmla="*/ 2147483647 w 870"/>
              <a:gd name="T5" fmla="*/ 2147483647 h 630"/>
              <a:gd name="T6" fmla="*/ 2147483647 w 870"/>
              <a:gd name="T7" fmla="*/ 2147483647 h 630"/>
              <a:gd name="T8" fmla="*/ 2147483647 w 870"/>
              <a:gd name="T9" fmla="*/ 2147483647 h 630"/>
              <a:gd name="T10" fmla="*/ 2147483647 w 870"/>
              <a:gd name="T11" fmla="*/ 2147483647 h 630"/>
              <a:gd name="T12" fmla="*/ 2147483647 w 870"/>
              <a:gd name="T13" fmla="*/ 2147483647 h 630"/>
              <a:gd name="T14" fmla="*/ 2147483647 w 870"/>
              <a:gd name="T15" fmla="*/ 2147483647 h 630"/>
              <a:gd name="T16" fmla="*/ 2147483647 w 870"/>
              <a:gd name="T17" fmla="*/ 2147483647 h 630"/>
              <a:gd name="T18" fmla="*/ 2147483647 w 870"/>
              <a:gd name="T19" fmla="*/ 2147483647 h 630"/>
              <a:gd name="T20" fmla="*/ 2147483647 w 870"/>
              <a:gd name="T21" fmla="*/ 2147483647 h 630"/>
              <a:gd name="T22" fmla="*/ 2147483647 w 870"/>
              <a:gd name="T23" fmla="*/ 2147483647 h 630"/>
              <a:gd name="T24" fmla="*/ 2147483647 w 870"/>
              <a:gd name="T25" fmla="*/ 2147483647 h 630"/>
              <a:gd name="T26" fmla="*/ 2147483647 w 870"/>
              <a:gd name="T27" fmla="*/ 2147483647 h 630"/>
              <a:gd name="T28" fmla="*/ 2147483647 w 870"/>
              <a:gd name="T29" fmla="*/ 2147483647 h 630"/>
              <a:gd name="T30" fmla="*/ 2147483647 w 870"/>
              <a:gd name="T31" fmla="*/ 2147483647 h 630"/>
              <a:gd name="T32" fmla="*/ 2147483647 w 870"/>
              <a:gd name="T33" fmla="*/ 2147483647 h 630"/>
              <a:gd name="T34" fmla="*/ 2147483647 w 870"/>
              <a:gd name="T35" fmla="*/ 2147483647 h 630"/>
              <a:gd name="T36" fmla="*/ 2147483647 w 870"/>
              <a:gd name="T37" fmla="*/ 2147483647 h 630"/>
              <a:gd name="T38" fmla="*/ 2147483647 w 870"/>
              <a:gd name="T39" fmla="*/ 2147483647 h 630"/>
              <a:gd name="T40" fmla="*/ 2147483647 w 870"/>
              <a:gd name="T41" fmla="*/ 2147483647 h 630"/>
              <a:gd name="T42" fmla="*/ 2147483647 w 870"/>
              <a:gd name="T43" fmla="*/ 2147483647 h 630"/>
              <a:gd name="T44" fmla="*/ 2147483647 w 870"/>
              <a:gd name="T45" fmla="*/ 2147483647 h 630"/>
              <a:gd name="T46" fmla="*/ 2147483647 w 870"/>
              <a:gd name="T47" fmla="*/ 2147483647 h 630"/>
              <a:gd name="T48" fmla="*/ 2147483647 w 870"/>
              <a:gd name="T49" fmla="*/ 2147483647 h 630"/>
              <a:gd name="T50" fmla="*/ 2147483647 w 870"/>
              <a:gd name="T51" fmla="*/ 2147483647 h 630"/>
              <a:gd name="T52" fmla="*/ 2147483647 w 870"/>
              <a:gd name="T53" fmla="*/ 2147483647 h 630"/>
              <a:gd name="T54" fmla="*/ 2147483647 w 870"/>
              <a:gd name="T55" fmla="*/ 2147483647 h 630"/>
              <a:gd name="T56" fmla="*/ 2147483647 w 870"/>
              <a:gd name="T57" fmla="*/ 2147483647 h 630"/>
              <a:gd name="T58" fmla="*/ 2147483647 w 870"/>
              <a:gd name="T59" fmla="*/ 2147483647 h 630"/>
              <a:gd name="T60" fmla="*/ 2147483647 w 870"/>
              <a:gd name="T61" fmla="*/ 2147483647 h 630"/>
              <a:gd name="T62" fmla="*/ 2147483647 w 870"/>
              <a:gd name="T63" fmla="*/ 2147483647 h 630"/>
              <a:gd name="T64" fmla="*/ 2147483647 w 870"/>
              <a:gd name="T65" fmla="*/ 2147483647 h 630"/>
              <a:gd name="T66" fmla="*/ 2147483647 w 870"/>
              <a:gd name="T67" fmla="*/ 2147483647 h 630"/>
              <a:gd name="T68" fmla="*/ 2147483647 w 870"/>
              <a:gd name="T69" fmla="*/ 2147483647 h 630"/>
              <a:gd name="T70" fmla="*/ 2147483647 w 870"/>
              <a:gd name="T71" fmla="*/ 2147483647 h 630"/>
              <a:gd name="T72" fmla="*/ 2147483647 w 870"/>
              <a:gd name="T73" fmla="*/ 2147483647 h 630"/>
              <a:gd name="T74" fmla="*/ 2147483647 w 870"/>
              <a:gd name="T75" fmla="*/ 2147483647 h 630"/>
              <a:gd name="T76" fmla="*/ 2147483647 w 870"/>
              <a:gd name="T77" fmla="*/ 2147483647 h 630"/>
              <a:gd name="T78" fmla="*/ 2147483647 w 870"/>
              <a:gd name="T79" fmla="*/ 2147483647 h 630"/>
              <a:gd name="T80" fmla="*/ 2147483647 w 870"/>
              <a:gd name="T81" fmla="*/ 2147483647 h 630"/>
              <a:gd name="T82" fmla="*/ 2147483647 w 870"/>
              <a:gd name="T83" fmla="*/ 2147483647 h 630"/>
              <a:gd name="T84" fmla="*/ 2147483647 w 870"/>
              <a:gd name="T85" fmla="*/ 2147483647 h 630"/>
              <a:gd name="T86" fmla="*/ 2147483647 w 870"/>
              <a:gd name="T87" fmla="*/ 2147483647 h 630"/>
              <a:gd name="T88" fmla="*/ 2147483647 w 870"/>
              <a:gd name="T89" fmla="*/ 2147483647 h 630"/>
              <a:gd name="T90" fmla="*/ 2147483647 w 870"/>
              <a:gd name="T91" fmla="*/ 2147483647 h 630"/>
              <a:gd name="T92" fmla="*/ 2147483647 w 870"/>
              <a:gd name="T93" fmla="*/ 2147483647 h 630"/>
              <a:gd name="T94" fmla="*/ 2147483647 w 870"/>
              <a:gd name="T95" fmla="*/ 2147483647 h 630"/>
              <a:gd name="T96" fmla="*/ 2147483647 w 870"/>
              <a:gd name="T97" fmla="*/ 2147483647 h 630"/>
              <a:gd name="T98" fmla="*/ 2147483647 w 870"/>
              <a:gd name="T99" fmla="*/ 2147483647 h 630"/>
              <a:gd name="T100" fmla="*/ 2147483647 w 870"/>
              <a:gd name="T101" fmla="*/ 2147483647 h 630"/>
              <a:gd name="T102" fmla="*/ 2147483647 w 870"/>
              <a:gd name="T103" fmla="*/ 2147483647 h 630"/>
              <a:gd name="T104" fmla="*/ 2147483647 w 870"/>
              <a:gd name="T105" fmla="*/ 2147483647 h 630"/>
              <a:gd name="T106" fmla="*/ 2147483647 w 870"/>
              <a:gd name="T107" fmla="*/ 2147483647 h 630"/>
              <a:gd name="T108" fmla="*/ 2147483647 w 870"/>
              <a:gd name="T109" fmla="*/ 2147483647 h 630"/>
              <a:gd name="T110" fmla="*/ 2147483647 w 870"/>
              <a:gd name="T111" fmla="*/ 2147483647 h 630"/>
              <a:gd name="T112" fmla="*/ 2147483647 w 870"/>
              <a:gd name="T113" fmla="*/ 2147483647 h 630"/>
              <a:gd name="T114" fmla="*/ 2147483647 w 870"/>
              <a:gd name="T115" fmla="*/ 2147483647 h 630"/>
              <a:gd name="T116" fmla="*/ 2147483647 w 870"/>
              <a:gd name="T117" fmla="*/ 2147483647 h 630"/>
              <a:gd name="T118" fmla="*/ 2147483647 w 870"/>
              <a:gd name="T119" fmla="*/ 2147483647 h 630"/>
              <a:gd name="T120" fmla="*/ 2147483647 w 870"/>
              <a:gd name="T121" fmla="*/ 2147483647 h 630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870" h="630">
                <a:moveTo>
                  <a:pt x="0" y="372"/>
                </a:moveTo>
                <a:lnTo>
                  <a:pt x="38" y="366"/>
                </a:lnTo>
                <a:lnTo>
                  <a:pt x="46" y="350"/>
                </a:lnTo>
                <a:lnTo>
                  <a:pt x="72" y="346"/>
                </a:lnTo>
                <a:lnTo>
                  <a:pt x="88" y="318"/>
                </a:lnTo>
                <a:lnTo>
                  <a:pt x="86" y="294"/>
                </a:lnTo>
                <a:lnTo>
                  <a:pt x="100" y="288"/>
                </a:lnTo>
                <a:lnTo>
                  <a:pt x="102" y="266"/>
                </a:lnTo>
                <a:lnTo>
                  <a:pt x="124" y="200"/>
                </a:lnTo>
                <a:lnTo>
                  <a:pt x="134" y="188"/>
                </a:lnTo>
                <a:lnTo>
                  <a:pt x="126" y="170"/>
                </a:lnTo>
                <a:lnTo>
                  <a:pt x="142" y="156"/>
                </a:lnTo>
                <a:lnTo>
                  <a:pt x="144" y="142"/>
                </a:lnTo>
                <a:lnTo>
                  <a:pt x="162" y="130"/>
                </a:lnTo>
                <a:lnTo>
                  <a:pt x="174" y="130"/>
                </a:lnTo>
                <a:lnTo>
                  <a:pt x="196" y="100"/>
                </a:lnTo>
                <a:lnTo>
                  <a:pt x="210" y="94"/>
                </a:lnTo>
                <a:lnTo>
                  <a:pt x="212" y="80"/>
                </a:lnTo>
                <a:lnTo>
                  <a:pt x="222" y="78"/>
                </a:lnTo>
                <a:lnTo>
                  <a:pt x="234" y="88"/>
                </a:lnTo>
                <a:lnTo>
                  <a:pt x="314" y="88"/>
                </a:lnTo>
                <a:lnTo>
                  <a:pt x="318" y="76"/>
                </a:lnTo>
                <a:lnTo>
                  <a:pt x="342" y="76"/>
                </a:lnTo>
                <a:lnTo>
                  <a:pt x="372" y="102"/>
                </a:lnTo>
                <a:lnTo>
                  <a:pt x="386" y="98"/>
                </a:lnTo>
                <a:lnTo>
                  <a:pt x="396" y="68"/>
                </a:lnTo>
                <a:lnTo>
                  <a:pt x="470" y="42"/>
                </a:lnTo>
                <a:lnTo>
                  <a:pt x="480" y="14"/>
                </a:lnTo>
                <a:lnTo>
                  <a:pt x="502" y="0"/>
                </a:lnTo>
                <a:lnTo>
                  <a:pt x="536" y="2"/>
                </a:lnTo>
                <a:lnTo>
                  <a:pt x="566" y="38"/>
                </a:lnTo>
                <a:lnTo>
                  <a:pt x="576" y="58"/>
                </a:lnTo>
                <a:lnTo>
                  <a:pt x="606" y="80"/>
                </a:lnTo>
                <a:lnTo>
                  <a:pt x="610" y="96"/>
                </a:lnTo>
                <a:lnTo>
                  <a:pt x="636" y="104"/>
                </a:lnTo>
                <a:lnTo>
                  <a:pt x="638" y="118"/>
                </a:lnTo>
                <a:lnTo>
                  <a:pt x="668" y="132"/>
                </a:lnTo>
                <a:lnTo>
                  <a:pt x="704" y="194"/>
                </a:lnTo>
                <a:lnTo>
                  <a:pt x="694" y="212"/>
                </a:lnTo>
                <a:lnTo>
                  <a:pt x="694" y="232"/>
                </a:lnTo>
                <a:lnTo>
                  <a:pt x="694" y="250"/>
                </a:lnTo>
                <a:lnTo>
                  <a:pt x="712" y="292"/>
                </a:lnTo>
                <a:lnTo>
                  <a:pt x="714" y="308"/>
                </a:lnTo>
                <a:lnTo>
                  <a:pt x="726" y="314"/>
                </a:lnTo>
                <a:lnTo>
                  <a:pt x="752" y="332"/>
                </a:lnTo>
                <a:lnTo>
                  <a:pt x="776" y="334"/>
                </a:lnTo>
                <a:lnTo>
                  <a:pt x="806" y="310"/>
                </a:lnTo>
                <a:lnTo>
                  <a:pt x="822" y="294"/>
                </a:lnTo>
                <a:lnTo>
                  <a:pt x="844" y="294"/>
                </a:lnTo>
                <a:lnTo>
                  <a:pt x="860" y="312"/>
                </a:lnTo>
                <a:lnTo>
                  <a:pt x="870" y="364"/>
                </a:lnTo>
                <a:lnTo>
                  <a:pt x="834" y="382"/>
                </a:lnTo>
                <a:lnTo>
                  <a:pt x="820" y="374"/>
                </a:lnTo>
                <a:lnTo>
                  <a:pt x="816" y="358"/>
                </a:lnTo>
                <a:lnTo>
                  <a:pt x="800" y="366"/>
                </a:lnTo>
                <a:lnTo>
                  <a:pt x="812" y="384"/>
                </a:lnTo>
                <a:lnTo>
                  <a:pt x="802" y="396"/>
                </a:lnTo>
                <a:lnTo>
                  <a:pt x="808" y="406"/>
                </a:lnTo>
                <a:lnTo>
                  <a:pt x="800" y="420"/>
                </a:lnTo>
                <a:lnTo>
                  <a:pt x="814" y="416"/>
                </a:lnTo>
                <a:lnTo>
                  <a:pt x="814" y="424"/>
                </a:lnTo>
                <a:lnTo>
                  <a:pt x="800" y="452"/>
                </a:lnTo>
                <a:lnTo>
                  <a:pt x="806" y="480"/>
                </a:lnTo>
                <a:lnTo>
                  <a:pt x="814" y="502"/>
                </a:lnTo>
                <a:lnTo>
                  <a:pt x="812" y="528"/>
                </a:lnTo>
                <a:lnTo>
                  <a:pt x="764" y="528"/>
                </a:lnTo>
                <a:lnTo>
                  <a:pt x="748" y="508"/>
                </a:lnTo>
                <a:lnTo>
                  <a:pt x="730" y="516"/>
                </a:lnTo>
                <a:lnTo>
                  <a:pt x="720" y="508"/>
                </a:lnTo>
                <a:lnTo>
                  <a:pt x="700" y="516"/>
                </a:lnTo>
                <a:lnTo>
                  <a:pt x="686" y="508"/>
                </a:lnTo>
                <a:lnTo>
                  <a:pt x="656" y="510"/>
                </a:lnTo>
                <a:lnTo>
                  <a:pt x="624" y="532"/>
                </a:lnTo>
                <a:lnTo>
                  <a:pt x="594" y="540"/>
                </a:lnTo>
                <a:lnTo>
                  <a:pt x="576" y="562"/>
                </a:lnTo>
                <a:lnTo>
                  <a:pt x="552" y="596"/>
                </a:lnTo>
                <a:lnTo>
                  <a:pt x="522" y="610"/>
                </a:lnTo>
                <a:lnTo>
                  <a:pt x="508" y="604"/>
                </a:lnTo>
                <a:lnTo>
                  <a:pt x="476" y="610"/>
                </a:lnTo>
                <a:lnTo>
                  <a:pt x="442" y="608"/>
                </a:lnTo>
                <a:lnTo>
                  <a:pt x="410" y="628"/>
                </a:lnTo>
                <a:lnTo>
                  <a:pt x="382" y="618"/>
                </a:lnTo>
                <a:lnTo>
                  <a:pt x="328" y="618"/>
                </a:lnTo>
                <a:lnTo>
                  <a:pt x="300" y="630"/>
                </a:lnTo>
                <a:lnTo>
                  <a:pt x="284" y="626"/>
                </a:lnTo>
                <a:lnTo>
                  <a:pt x="280" y="616"/>
                </a:lnTo>
                <a:lnTo>
                  <a:pt x="296" y="602"/>
                </a:lnTo>
                <a:lnTo>
                  <a:pt x="292" y="592"/>
                </a:lnTo>
                <a:lnTo>
                  <a:pt x="278" y="592"/>
                </a:lnTo>
                <a:lnTo>
                  <a:pt x="262" y="580"/>
                </a:lnTo>
                <a:lnTo>
                  <a:pt x="260" y="576"/>
                </a:lnTo>
                <a:lnTo>
                  <a:pt x="242" y="570"/>
                </a:lnTo>
                <a:lnTo>
                  <a:pt x="234" y="556"/>
                </a:lnTo>
                <a:lnTo>
                  <a:pt x="242" y="544"/>
                </a:lnTo>
                <a:lnTo>
                  <a:pt x="258" y="544"/>
                </a:lnTo>
                <a:lnTo>
                  <a:pt x="262" y="536"/>
                </a:lnTo>
                <a:lnTo>
                  <a:pt x="240" y="528"/>
                </a:lnTo>
                <a:lnTo>
                  <a:pt x="228" y="524"/>
                </a:lnTo>
                <a:lnTo>
                  <a:pt x="218" y="528"/>
                </a:lnTo>
                <a:lnTo>
                  <a:pt x="210" y="542"/>
                </a:lnTo>
                <a:lnTo>
                  <a:pt x="208" y="554"/>
                </a:lnTo>
                <a:lnTo>
                  <a:pt x="198" y="556"/>
                </a:lnTo>
                <a:lnTo>
                  <a:pt x="188" y="540"/>
                </a:lnTo>
                <a:lnTo>
                  <a:pt x="156" y="538"/>
                </a:lnTo>
                <a:lnTo>
                  <a:pt x="148" y="530"/>
                </a:lnTo>
                <a:lnTo>
                  <a:pt x="132" y="532"/>
                </a:lnTo>
                <a:lnTo>
                  <a:pt x="120" y="528"/>
                </a:lnTo>
                <a:lnTo>
                  <a:pt x="134" y="518"/>
                </a:lnTo>
                <a:lnTo>
                  <a:pt x="140" y="510"/>
                </a:lnTo>
                <a:lnTo>
                  <a:pt x="128" y="504"/>
                </a:lnTo>
                <a:lnTo>
                  <a:pt x="130" y="496"/>
                </a:lnTo>
                <a:lnTo>
                  <a:pt x="132" y="484"/>
                </a:lnTo>
                <a:lnTo>
                  <a:pt x="122" y="472"/>
                </a:lnTo>
                <a:lnTo>
                  <a:pt x="108" y="474"/>
                </a:lnTo>
                <a:lnTo>
                  <a:pt x="100" y="466"/>
                </a:lnTo>
                <a:lnTo>
                  <a:pt x="82" y="466"/>
                </a:lnTo>
                <a:lnTo>
                  <a:pt x="66" y="452"/>
                </a:lnTo>
                <a:lnTo>
                  <a:pt x="58" y="438"/>
                </a:lnTo>
                <a:lnTo>
                  <a:pt x="56" y="418"/>
                </a:lnTo>
                <a:lnTo>
                  <a:pt x="44" y="414"/>
                </a:lnTo>
                <a:lnTo>
                  <a:pt x="30" y="398"/>
                </a:lnTo>
                <a:lnTo>
                  <a:pt x="14" y="386"/>
                </a:lnTo>
                <a:lnTo>
                  <a:pt x="0" y="37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12" name="Freeform 13"/>
          <p:cNvSpPr>
            <a:spLocks/>
          </p:cNvSpPr>
          <p:nvPr/>
        </p:nvSpPr>
        <p:spPr bwMode="auto">
          <a:xfrm>
            <a:off x="5592763" y="4500563"/>
            <a:ext cx="355600" cy="263525"/>
          </a:xfrm>
          <a:custGeom>
            <a:avLst/>
            <a:gdLst>
              <a:gd name="T0" fmla="*/ 2147483647 w 274"/>
              <a:gd name="T1" fmla="*/ 2147483647 h 204"/>
              <a:gd name="T2" fmla="*/ 2147483647 w 274"/>
              <a:gd name="T3" fmla="*/ 2147483647 h 204"/>
              <a:gd name="T4" fmla="*/ 2147483647 w 274"/>
              <a:gd name="T5" fmla="*/ 2147483647 h 204"/>
              <a:gd name="T6" fmla="*/ 2147483647 w 274"/>
              <a:gd name="T7" fmla="*/ 2147483647 h 204"/>
              <a:gd name="T8" fmla="*/ 2147483647 w 274"/>
              <a:gd name="T9" fmla="*/ 2147483647 h 204"/>
              <a:gd name="T10" fmla="*/ 2147483647 w 274"/>
              <a:gd name="T11" fmla="*/ 2147483647 h 204"/>
              <a:gd name="T12" fmla="*/ 2147483647 w 274"/>
              <a:gd name="T13" fmla="*/ 2147483647 h 204"/>
              <a:gd name="T14" fmla="*/ 2147483647 w 274"/>
              <a:gd name="T15" fmla="*/ 2147483647 h 204"/>
              <a:gd name="T16" fmla="*/ 2147483647 w 274"/>
              <a:gd name="T17" fmla="*/ 2147483647 h 204"/>
              <a:gd name="T18" fmla="*/ 0 w 274"/>
              <a:gd name="T19" fmla="*/ 2147483647 h 204"/>
              <a:gd name="T20" fmla="*/ 2147483647 w 274"/>
              <a:gd name="T21" fmla="*/ 2147483647 h 204"/>
              <a:gd name="T22" fmla="*/ 2147483647 w 274"/>
              <a:gd name="T23" fmla="*/ 2147483647 h 204"/>
              <a:gd name="T24" fmla="*/ 2147483647 w 274"/>
              <a:gd name="T25" fmla="*/ 2147483647 h 204"/>
              <a:gd name="T26" fmla="*/ 2147483647 w 274"/>
              <a:gd name="T27" fmla="*/ 2147483647 h 204"/>
              <a:gd name="T28" fmla="*/ 2147483647 w 274"/>
              <a:gd name="T29" fmla="*/ 2147483647 h 204"/>
              <a:gd name="T30" fmla="*/ 2147483647 w 274"/>
              <a:gd name="T31" fmla="*/ 2147483647 h 204"/>
              <a:gd name="T32" fmla="*/ 2147483647 w 274"/>
              <a:gd name="T33" fmla="*/ 2147483647 h 204"/>
              <a:gd name="T34" fmla="*/ 2147483647 w 274"/>
              <a:gd name="T35" fmla="*/ 2147483647 h 204"/>
              <a:gd name="T36" fmla="*/ 2147483647 w 274"/>
              <a:gd name="T37" fmla="*/ 2147483647 h 204"/>
              <a:gd name="T38" fmla="*/ 2147483647 w 274"/>
              <a:gd name="T39" fmla="*/ 2147483647 h 204"/>
              <a:gd name="T40" fmla="*/ 2147483647 w 274"/>
              <a:gd name="T41" fmla="*/ 2147483647 h 204"/>
              <a:gd name="T42" fmla="*/ 2147483647 w 274"/>
              <a:gd name="T43" fmla="*/ 0 h 204"/>
              <a:gd name="T44" fmla="*/ 2147483647 w 274"/>
              <a:gd name="T45" fmla="*/ 2147483647 h 204"/>
              <a:gd name="T46" fmla="*/ 2147483647 w 274"/>
              <a:gd name="T47" fmla="*/ 2147483647 h 204"/>
              <a:gd name="T48" fmla="*/ 2147483647 w 274"/>
              <a:gd name="T49" fmla="*/ 2147483647 h 204"/>
              <a:gd name="T50" fmla="*/ 2147483647 w 274"/>
              <a:gd name="T51" fmla="*/ 2147483647 h 204"/>
              <a:gd name="T52" fmla="*/ 2147483647 w 274"/>
              <a:gd name="T53" fmla="*/ 2147483647 h 204"/>
              <a:gd name="T54" fmla="*/ 2147483647 w 274"/>
              <a:gd name="T55" fmla="*/ 2147483647 h 204"/>
              <a:gd name="T56" fmla="*/ 2147483647 w 274"/>
              <a:gd name="T57" fmla="*/ 2147483647 h 204"/>
              <a:gd name="T58" fmla="*/ 2147483647 w 274"/>
              <a:gd name="T59" fmla="*/ 2147483647 h 204"/>
              <a:gd name="T60" fmla="*/ 2147483647 w 274"/>
              <a:gd name="T61" fmla="*/ 2147483647 h 204"/>
              <a:gd name="T62" fmla="*/ 2147483647 w 274"/>
              <a:gd name="T63" fmla="*/ 2147483647 h 204"/>
              <a:gd name="T64" fmla="*/ 2147483647 w 274"/>
              <a:gd name="T65" fmla="*/ 2147483647 h 204"/>
              <a:gd name="T66" fmla="*/ 2147483647 w 274"/>
              <a:gd name="T67" fmla="*/ 2147483647 h 204"/>
              <a:gd name="T68" fmla="*/ 2147483647 w 274"/>
              <a:gd name="T69" fmla="*/ 2147483647 h 204"/>
              <a:gd name="T70" fmla="*/ 2147483647 w 274"/>
              <a:gd name="T71" fmla="*/ 2147483647 h 204"/>
              <a:gd name="T72" fmla="*/ 2147483647 w 274"/>
              <a:gd name="T73" fmla="*/ 2147483647 h 204"/>
              <a:gd name="T74" fmla="*/ 2147483647 w 274"/>
              <a:gd name="T75" fmla="*/ 2147483647 h 204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0" t="0" r="r" b="b"/>
            <a:pathLst>
              <a:path w="274" h="204">
                <a:moveTo>
                  <a:pt x="18" y="202"/>
                </a:moveTo>
                <a:lnTo>
                  <a:pt x="18" y="196"/>
                </a:lnTo>
                <a:lnTo>
                  <a:pt x="38" y="184"/>
                </a:lnTo>
                <a:lnTo>
                  <a:pt x="34" y="170"/>
                </a:lnTo>
                <a:lnTo>
                  <a:pt x="20" y="154"/>
                </a:lnTo>
                <a:lnTo>
                  <a:pt x="26" y="140"/>
                </a:lnTo>
                <a:lnTo>
                  <a:pt x="10" y="138"/>
                </a:lnTo>
                <a:lnTo>
                  <a:pt x="8" y="128"/>
                </a:lnTo>
                <a:lnTo>
                  <a:pt x="22" y="112"/>
                </a:lnTo>
                <a:lnTo>
                  <a:pt x="0" y="104"/>
                </a:lnTo>
                <a:lnTo>
                  <a:pt x="2" y="88"/>
                </a:lnTo>
                <a:lnTo>
                  <a:pt x="28" y="66"/>
                </a:lnTo>
                <a:lnTo>
                  <a:pt x="60" y="70"/>
                </a:lnTo>
                <a:lnTo>
                  <a:pt x="68" y="74"/>
                </a:lnTo>
                <a:lnTo>
                  <a:pt x="102" y="78"/>
                </a:lnTo>
                <a:lnTo>
                  <a:pt x="132" y="48"/>
                </a:lnTo>
                <a:lnTo>
                  <a:pt x="188" y="40"/>
                </a:lnTo>
                <a:lnTo>
                  <a:pt x="196" y="30"/>
                </a:lnTo>
                <a:lnTo>
                  <a:pt x="212" y="26"/>
                </a:lnTo>
                <a:lnTo>
                  <a:pt x="226" y="30"/>
                </a:lnTo>
                <a:lnTo>
                  <a:pt x="228" y="10"/>
                </a:lnTo>
                <a:lnTo>
                  <a:pt x="238" y="0"/>
                </a:lnTo>
                <a:lnTo>
                  <a:pt x="254" y="6"/>
                </a:lnTo>
                <a:lnTo>
                  <a:pt x="258" y="22"/>
                </a:lnTo>
                <a:lnTo>
                  <a:pt x="274" y="44"/>
                </a:lnTo>
                <a:lnTo>
                  <a:pt x="274" y="52"/>
                </a:lnTo>
                <a:lnTo>
                  <a:pt x="254" y="46"/>
                </a:lnTo>
                <a:lnTo>
                  <a:pt x="254" y="68"/>
                </a:lnTo>
                <a:lnTo>
                  <a:pt x="226" y="82"/>
                </a:lnTo>
                <a:lnTo>
                  <a:pt x="210" y="110"/>
                </a:lnTo>
                <a:lnTo>
                  <a:pt x="194" y="140"/>
                </a:lnTo>
                <a:lnTo>
                  <a:pt x="170" y="164"/>
                </a:lnTo>
                <a:lnTo>
                  <a:pt x="176" y="198"/>
                </a:lnTo>
                <a:lnTo>
                  <a:pt x="130" y="194"/>
                </a:lnTo>
                <a:lnTo>
                  <a:pt x="106" y="170"/>
                </a:lnTo>
                <a:lnTo>
                  <a:pt x="80" y="198"/>
                </a:lnTo>
                <a:lnTo>
                  <a:pt x="44" y="204"/>
                </a:lnTo>
                <a:lnTo>
                  <a:pt x="18" y="20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13" name="Freeform 14"/>
          <p:cNvSpPr>
            <a:spLocks/>
          </p:cNvSpPr>
          <p:nvPr/>
        </p:nvSpPr>
        <p:spPr bwMode="auto">
          <a:xfrm>
            <a:off x="5900738" y="4149725"/>
            <a:ext cx="741362" cy="519113"/>
          </a:xfrm>
          <a:custGeom>
            <a:avLst/>
            <a:gdLst>
              <a:gd name="T0" fmla="*/ 2147483647 w 572"/>
              <a:gd name="T1" fmla="*/ 2147483647 h 400"/>
              <a:gd name="T2" fmla="*/ 2147483647 w 572"/>
              <a:gd name="T3" fmla="*/ 2147483647 h 400"/>
              <a:gd name="T4" fmla="*/ 2147483647 w 572"/>
              <a:gd name="T5" fmla="*/ 2147483647 h 400"/>
              <a:gd name="T6" fmla="*/ 2147483647 w 572"/>
              <a:gd name="T7" fmla="*/ 2147483647 h 400"/>
              <a:gd name="T8" fmla="*/ 2147483647 w 572"/>
              <a:gd name="T9" fmla="*/ 2147483647 h 400"/>
              <a:gd name="T10" fmla="*/ 2147483647 w 572"/>
              <a:gd name="T11" fmla="*/ 2147483647 h 400"/>
              <a:gd name="T12" fmla="*/ 2147483647 w 572"/>
              <a:gd name="T13" fmla="*/ 2147483647 h 400"/>
              <a:gd name="T14" fmla="*/ 2147483647 w 572"/>
              <a:gd name="T15" fmla="*/ 2147483647 h 400"/>
              <a:gd name="T16" fmla="*/ 2147483647 w 572"/>
              <a:gd name="T17" fmla="*/ 2147483647 h 400"/>
              <a:gd name="T18" fmla="*/ 2147483647 w 572"/>
              <a:gd name="T19" fmla="*/ 2147483647 h 400"/>
              <a:gd name="T20" fmla="*/ 2147483647 w 572"/>
              <a:gd name="T21" fmla="*/ 2147483647 h 400"/>
              <a:gd name="T22" fmla="*/ 2147483647 w 572"/>
              <a:gd name="T23" fmla="*/ 2147483647 h 400"/>
              <a:gd name="T24" fmla="*/ 2147483647 w 572"/>
              <a:gd name="T25" fmla="*/ 2147483647 h 400"/>
              <a:gd name="T26" fmla="*/ 2147483647 w 572"/>
              <a:gd name="T27" fmla="*/ 2147483647 h 400"/>
              <a:gd name="T28" fmla="*/ 2147483647 w 572"/>
              <a:gd name="T29" fmla="*/ 2147483647 h 400"/>
              <a:gd name="T30" fmla="*/ 2147483647 w 572"/>
              <a:gd name="T31" fmla="*/ 2147483647 h 400"/>
              <a:gd name="T32" fmla="*/ 2147483647 w 572"/>
              <a:gd name="T33" fmla="*/ 0 h 400"/>
              <a:gd name="T34" fmla="*/ 2147483647 w 572"/>
              <a:gd name="T35" fmla="*/ 2147483647 h 400"/>
              <a:gd name="T36" fmla="*/ 2147483647 w 572"/>
              <a:gd name="T37" fmla="*/ 2147483647 h 400"/>
              <a:gd name="T38" fmla="*/ 2147483647 w 572"/>
              <a:gd name="T39" fmla="*/ 2147483647 h 400"/>
              <a:gd name="T40" fmla="*/ 2147483647 w 572"/>
              <a:gd name="T41" fmla="*/ 2147483647 h 400"/>
              <a:gd name="T42" fmla="*/ 2147483647 w 572"/>
              <a:gd name="T43" fmla="*/ 2147483647 h 400"/>
              <a:gd name="T44" fmla="*/ 2147483647 w 572"/>
              <a:gd name="T45" fmla="*/ 2147483647 h 400"/>
              <a:gd name="T46" fmla="*/ 2147483647 w 572"/>
              <a:gd name="T47" fmla="*/ 2147483647 h 400"/>
              <a:gd name="T48" fmla="*/ 2147483647 w 572"/>
              <a:gd name="T49" fmla="*/ 2147483647 h 400"/>
              <a:gd name="T50" fmla="*/ 2147483647 w 572"/>
              <a:gd name="T51" fmla="*/ 2147483647 h 400"/>
              <a:gd name="T52" fmla="*/ 2147483647 w 572"/>
              <a:gd name="T53" fmla="*/ 2147483647 h 400"/>
              <a:gd name="T54" fmla="*/ 2147483647 w 572"/>
              <a:gd name="T55" fmla="*/ 2147483647 h 400"/>
              <a:gd name="T56" fmla="*/ 2147483647 w 572"/>
              <a:gd name="T57" fmla="*/ 2147483647 h 400"/>
              <a:gd name="T58" fmla="*/ 2147483647 w 572"/>
              <a:gd name="T59" fmla="*/ 2147483647 h 400"/>
              <a:gd name="T60" fmla="*/ 2147483647 w 572"/>
              <a:gd name="T61" fmla="*/ 2147483647 h 400"/>
              <a:gd name="T62" fmla="*/ 2147483647 w 572"/>
              <a:gd name="T63" fmla="*/ 2147483647 h 400"/>
              <a:gd name="T64" fmla="*/ 2147483647 w 572"/>
              <a:gd name="T65" fmla="*/ 2147483647 h 400"/>
              <a:gd name="T66" fmla="*/ 2147483647 w 572"/>
              <a:gd name="T67" fmla="*/ 2147483647 h 400"/>
              <a:gd name="T68" fmla="*/ 2147483647 w 572"/>
              <a:gd name="T69" fmla="*/ 2147483647 h 400"/>
              <a:gd name="T70" fmla="*/ 2147483647 w 572"/>
              <a:gd name="T71" fmla="*/ 2147483647 h 400"/>
              <a:gd name="T72" fmla="*/ 2147483647 w 572"/>
              <a:gd name="T73" fmla="*/ 2147483647 h 400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0" t="0" r="r" b="b"/>
            <a:pathLst>
              <a:path w="572" h="400">
                <a:moveTo>
                  <a:pt x="0" y="270"/>
                </a:moveTo>
                <a:lnTo>
                  <a:pt x="14" y="256"/>
                </a:lnTo>
                <a:lnTo>
                  <a:pt x="26" y="254"/>
                </a:lnTo>
                <a:lnTo>
                  <a:pt x="32" y="238"/>
                </a:lnTo>
                <a:lnTo>
                  <a:pt x="24" y="232"/>
                </a:lnTo>
                <a:lnTo>
                  <a:pt x="24" y="202"/>
                </a:lnTo>
                <a:lnTo>
                  <a:pt x="36" y="198"/>
                </a:lnTo>
                <a:lnTo>
                  <a:pt x="40" y="184"/>
                </a:lnTo>
                <a:lnTo>
                  <a:pt x="34" y="174"/>
                </a:lnTo>
                <a:lnTo>
                  <a:pt x="16" y="170"/>
                </a:lnTo>
                <a:lnTo>
                  <a:pt x="26" y="158"/>
                </a:lnTo>
                <a:lnTo>
                  <a:pt x="40" y="158"/>
                </a:lnTo>
                <a:lnTo>
                  <a:pt x="48" y="164"/>
                </a:lnTo>
                <a:lnTo>
                  <a:pt x="68" y="158"/>
                </a:lnTo>
                <a:lnTo>
                  <a:pt x="70" y="108"/>
                </a:lnTo>
                <a:lnTo>
                  <a:pt x="98" y="124"/>
                </a:lnTo>
                <a:lnTo>
                  <a:pt x="130" y="148"/>
                </a:lnTo>
                <a:lnTo>
                  <a:pt x="184" y="142"/>
                </a:lnTo>
                <a:lnTo>
                  <a:pt x="210" y="138"/>
                </a:lnTo>
                <a:lnTo>
                  <a:pt x="224" y="126"/>
                </a:lnTo>
                <a:lnTo>
                  <a:pt x="214" y="118"/>
                </a:lnTo>
                <a:lnTo>
                  <a:pt x="216" y="104"/>
                </a:lnTo>
                <a:lnTo>
                  <a:pt x="224" y="98"/>
                </a:lnTo>
                <a:lnTo>
                  <a:pt x="270" y="88"/>
                </a:lnTo>
                <a:lnTo>
                  <a:pt x="278" y="70"/>
                </a:lnTo>
                <a:lnTo>
                  <a:pt x="294" y="70"/>
                </a:lnTo>
                <a:lnTo>
                  <a:pt x="314" y="78"/>
                </a:lnTo>
                <a:lnTo>
                  <a:pt x="336" y="54"/>
                </a:lnTo>
                <a:lnTo>
                  <a:pt x="346" y="54"/>
                </a:lnTo>
                <a:lnTo>
                  <a:pt x="348" y="34"/>
                </a:lnTo>
                <a:lnTo>
                  <a:pt x="360" y="14"/>
                </a:lnTo>
                <a:lnTo>
                  <a:pt x="382" y="8"/>
                </a:lnTo>
                <a:lnTo>
                  <a:pt x="406" y="14"/>
                </a:lnTo>
                <a:lnTo>
                  <a:pt x="434" y="0"/>
                </a:lnTo>
                <a:lnTo>
                  <a:pt x="450" y="14"/>
                </a:lnTo>
                <a:lnTo>
                  <a:pt x="462" y="28"/>
                </a:lnTo>
                <a:lnTo>
                  <a:pt x="498" y="12"/>
                </a:lnTo>
                <a:lnTo>
                  <a:pt x="516" y="24"/>
                </a:lnTo>
                <a:lnTo>
                  <a:pt x="518" y="32"/>
                </a:lnTo>
                <a:lnTo>
                  <a:pt x="534" y="30"/>
                </a:lnTo>
                <a:lnTo>
                  <a:pt x="544" y="46"/>
                </a:lnTo>
                <a:lnTo>
                  <a:pt x="562" y="42"/>
                </a:lnTo>
                <a:lnTo>
                  <a:pt x="572" y="56"/>
                </a:lnTo>
                <a:lnTo>
                  <a:pt x="550" y="86"/>
                </a:lnTo>
                <a:lnTo>
                  <a:pt x="536" y="88"/>
                </a:lnTo>
                <a:lnTo>
                  <a:pt x="518" y="100"/>
                </a:lnTo>
                <a:lnTo>
                  <a:pt x="518" y="112"/>
                </a:lnTo>
                <a:lnTo>
                  <a:pt x="502" y="126"/>
                </a:lnTo>
                <a:lnTo>
                  <a:pt x="510" y="144"/>
                </a:lnTo>
                <a:lnTo>
                  <a:pt x="500" y="156"/>
                </a:lnTo>
                <a:lnTo>
                  <a:pt x="478" y="222"/>
                </a:lnTo>
                <a:lnTo>
                  <a:pt x="476" y="244"/>
                </a:lnTo>
                <a:lnTo>
                  <a:pt x="462" y="250"/>
                </a:lnTo>
                <a:lnTo>
                  <a:pt x="464" y="274"/>
                </a:lnTo>
                <a:lnTo>
                  <a:pt x="448" y="302"/>
                </a:lnTo>
                <a:lnTo>
                  <a:pt x="422" y="306"/>
                </a:lnTo>
                <a:lnTo>
                  <a:pt x="414" y="322"/>
                </a:lnTo>
                <a:lnTo>
                  <a:pt x="376" y="328"/>
                </a:lnTo>
                <a:lnTo>
                  <a:pt x="348" y="330"/>
                </a:lnTo>
                <a:lnTo>
                  <a:pt x="316" y="330"/>
                </a:lnTo>
                <a:lnTo>
                  <a:pt x="294" y="358"/>
                </a:lnTo>
                <a:lnTo>
                  <a:pt x="276" y="358"/>
                </a:lnTo>
                <a:lnTo>
                  <a:pt x="264" y="368"/>
                </a:lnTo>
                <a:lnTo>
                  <a:pt x="248" y="370"/>
                </a:lnTo>
                <a:lnTo>
                  <a:pt x="220" y="394"/>
                </a:lnTo>
                <a:lnTo>
                  <a:pt x="178" y="400"/>
                </a:lnTo>
                <a:lnTo>
                  <a:pt x="148" y="388"/>
                </a:lnTo>
                <a:lnTo>
                  <a:pt x="116" y="380"/>
                </a:lnTo>
                <a:lnTo>
                  <a:pt x="92" y="356"/>
                </a:lnTo>
                <a:lnTo>
                  <a:pt x="64" y="340"/>
                </a:lnTo>
                <a:lnTo>
                  <a:pt x="36" y="322"/>
                </a:lnTo>
                <a:lnTo>
                  <a:pt x="36" y="314"/>
                </a:lnTo>
                <a:lnTo>
                  <a:pt x="20" y="292"/>
                </a:lnTo>
                <a:lnTo>
                  <a:pt x="16" y="276"/>
                </a:lnTo>
                <a:lnTo>
                  <a:pt x="0" y="27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14" name="Freeform 15"/>
          <p:cNvSpPr>
            <a:spLocks/>
          </p:cNvSpPr>
          <p:nvPr/>
        </p:nvSpPr>
        <p:spPr bwMode="auto">
          <a:xfrm>
            <a:off x="5957888" y="4005263"/>
            <a:ext cx="609600" cy="336550"/>
          </a:xfrm>
          <a:custGeom>
            <a:avLst/>
            <a:gdLst>
              <a:gd name="T0" fmla="*/ 2147483647 w 470"/>
              <a:gd name="T1" fmla="*/ 2147483647 h 260"/>
              <a:gd name="T2" fmla="*/ 2147483647 w 470"/>
              <a:gd name="T3" fmla="*/ 2147483647 h 260"/>
              <a:gd name="T4" fmla="*/ 0 w 470"/>
              <a:gd name="T5" fmla="*/ 2147483647 h 260"/>
              <a:gd name="T6" fmla="*/ 0 w 470"/>
              <a:gd name="T7" fmla="*/ 2147483647 h 260"/>
              <a:gd name="T8" fmla="*/ 2147483647 w 470"/>
              <a:gd name="T9" fmla="*/ 2147483647 h 260"/>
              <a:gd name="T10" fmla="*/ 2147483647 w 470"/>
              <a:gd name="T11" fmla="*/ 2147483647 h 260"/>
              <a:gd name="T12" fmla="*/ 2147483647 w 470"/>
              <a:gd name="T13" fmla="*/ 2147483647 h 260"/>
              <a:gd name="T14" fmla="*/ 2147483647 w 470"/>
              <a:gd name="T15" fmla="*/ 2147483647 h 260"/>
              <a:gd name="T16" fmla="*/ 2147483647 w 470"/>
              <a:gd name="T17" fmla="*/ 2147483647 h 260"/>
              <a:gd name="T18" fmla="*/ 2147483647 w 470"/>
              <a:gd name="T19" fmla="*/ 2147483647 h 260"/>
              <a:gd name="T20" fmla="*/ 2147483647 w 470"/>
              <a:gd name="T21" fmla="*/ 2147483647 h 260"/>
              <a:gd name="T22" fmla="*/ 2147483647 w 470"/>
              <a:gd name="T23" fmla="*/ 2147483647 h 260"/>
              <a:gd name="T24" fmla="*/ 2147483647 w 470"/>
              <a:gd name="T25" fmla="*/ 2147483647 h 260"/>
              <a:gd name="T26" fmla="*/ 2147483647 w 470"/>
              <a:gd name="T27" fmla="*/ 2147483647 h 260"/>
              <a:gd name="T28" fmla="*/ 2147483647 w 470"/>
              <a:gd name="T29" fmla="*/ 2147483647 h 260"/>
              <a:gd name="T30" fmla="*/ 2147483647 w 470"/>
              <a:gd name="T31" fmla="*/ 2147483647 h 260"/>
              <a:gd name="T32" fmla="*/ 2147483647 w 470"/>
              <a:gd name="T33" fmla="*/ 2147483647 h 260"/>
              <a:gd name="T34" fmla="*/ 2147483647 w 470"/>
              <a:gd name="T35" fmla="*/ 2147483647 h 260"/>
              <a:gd name="T36" fmla="*/ 2147483647 w 470"/>
              <a:gd name="T37" fmla="*/ 2147483647 h 260"/>
              <a:gd name="T38" fmla="*/ 2147483647 w 470"/>
              <a:gd name="T39" fmla="*/ 2147483647 h 260"/>
              <a:gd name="T40" fmla="*/ 2147483647 w 470"/>
              <a:gd name="T41" fmla="*/ 2147483647 h 260"/>
              <a:gd name="T42" fmla="*/ 2147483647 w 470"/>
              <a:gd name="T43" fmla="*/ 2147483647 h 260"/>
              <a:gd name="T44" fmla="*/ 2147483647 w 470"/>
              <a:gd name="T45" fmla="*/ 2147483647 h 260"/>
              <a:gd name="T46" fmla="*/ 2147483647 w 470"/>
              <a:gd name="T47" fmla="*/ 2147483647 h 260"/>
              <a:gd name="T48" fmla="*/ 2147483647 w 470"/>
              <a:gd name="T49" fmla="*/ 2147483647 h 260"/>
              <a:gd name="T50" fmla="*/ 2147483647 w 470"/>
              <a:gd name="T51" fmla="*/ 2147483647 h 260"/>
              <a:gd name="T52" fmla="*/ 2147483647 w 470"/>
              <a:gd name="T53" fmla="*/ 2147483647 h 260"/>
              <a:gd name="T54" fmla="*/ 2147483647 w 470"/>
              <a:gd name="T55" fmla="*/ 2147483647 h 260"/>
              <a:gd name="T56" fmla="*/ 2147483647 w 470"/>
              <a:gd name="T57" fmla="*/ 2147483647 h 260"/>
              <a:gd name="T58" fmla="*/ 2147483647 w 470"/>
              <a:gd name="T59" fmla="*/ 2147483647 h 260"/>
              <a:gd name="T60" fmla="*/ 2147483647 w 470"/>
              <a:gd name="T61" fmla="*/ 2147483647 h 260"/>
              <a:gd name="T62" fmla="*/ 2147483647 w 470"/>
              <a:gd name="T63" fmla="*/ 0 h 260"/>
              <a:gd name="T64" fmla="*/ 2147483647 w 470"/>
              <a:gd name="T65" fmla="*/ 2147483647 h 260"/>
              <a:gd name="T66" fmla="*/ 2147483647 w 470"/>
              <a:gd name="T67" fmla="*/ 2147483647 h 260"/>
              <a:gd name="T68" fmla="*/ 2147483647 w 470"/>
              <a:gd name="T69" fmla="*/ 2147483647 h 260"/>
              <a:gd name="T70" fmla="*/ 2147483647 w 470"/>
              <a:gd name="T71" fmla="*/ 2147483647 h 260"/>
              <a:gd name="T72" fmla="*/ 2147483647 w 470"/>
              <a:gd name="T73" fmla="*/ 2147483647 h 260"/>
              <a:gd name="T74" fmla="*/ 2147483647 w 470"/>
              <a:gd name="T75" fmla="*/ 2147483647 h 260"/>
              <a:gd name="T76" fmla="*/ 2147483647 w 470"/>
              <a:gd name="T77" fmla="*/ 2147483647 h 260"/>
              <a:gd name="T78" fmla="*/ 2147483647 w 470"/>
              <a:gd name="T79" fmla="*/ 2147483647 h 260"/>
              <a:gd name="T80" fmla="*/ 2147483647 w 470"/>
              <a:gd name="T81" fmla="*/ 2147483647 h 260"/>
              <a:gd name="T82" fmla="*/ 2147483647 w 470"/>
              <a:gd name="T83" fmla="*/ 2147483647 h 260"/>
              <a:gd name="T84" fmla="*/ 2147483647 w 470"/>
              <a:gd name="T85" fmla="*/ 2147483647 h 260"/>
              <a:gd name="T86" fmla="*/ 2147483647 w 470"/>
              <a:gd name="T87" fmla="*/ 2147483647 h 260"/>
              <a:gd name="T88" fmla="*/ 2147483647 w 470"/>
              <a:gd name="T89" fmla="*/ 2147483647 h 260"/>
              <a:gd name="T90" fmla="*/ 2147483647 w 470"/>
              <a:gd name="T91" fmla="*/ 2147483647 h 260"/>
              <a:gd name="T92" fmla="*/ 2147483647 w 470"/>
              <a:gd name="T93" fmla="*/ 2147483647 h 260"/>
              <a:gd name="T94" fmla="*/ 2147483647 w 470"/>
              <a:gd name="T95" fmla="*/ 2147483647 h 260"/>
              <a:gd name="T96" fmla="*/ 2147483647 w 470"/>
              <a:gd name="T97" fmla="*/ 2147483647 h 260"/>
              <a:gd name="T98" fmla="*/ 2147483647 w 470"/>
              <a:gd name="T99" fmla="*/ 2147483647 h 260"/>
              <a:gd name="T100" fmla="*/ 2147483647 w 470"/>
              <a:gd name="T101" fmla="*/ 2147483647 h 260"/>
              <a:gd name="T102" fmla="*/ 2147483647 w 470"/>
              <a:gd name="T103" fmla="*/ 2147483647 h 260"/>
              <a:gd name="T104" fmla="*/ 2147483647 w 470"/>
              <a:gd name="T105" fmla="*/ 2147483647 h 260"/>
              <a:gd name="T106" fmla="*/ 2147483647 w 470"/>
              <a:gd name="T107" fmla="*/ 2147483647 h 260"/>
              <a:gd name="T108" fmla="*/ 2147483647 w 470"/>
              <a:gd name="T109" fmla="*/ 2147483647 h 260"/>
              <a:gd name="T110" fmla="*/ 2147483647 w 470"/>
              <a:gd name="T111" fmla="*/ 2147483647 h 260"/>
              <a:gd name="T112" fmla="*/ 2147483647 w 470"/>
              <a:gd name="T113" fmla="*/ 2147483647 h 260"/>
              <a:gd name="T114" fmla="*/ 2147483647 w 470"/>
              <a:gd name="T115" fmla="*/ 2147483647 h 260"/>
              <a:gd name="T116" fmla="*/ 2147483647 w 470"/>
              <a:gd name="T117" fmla="*/ 2147483647 h 260"/>
              <a:gd name="T118" fmla="*/ 2147483647 w 470"/>
              <a:gd name="T119" fmla="*/ 2147483647 h 260"/>
              <a:gd name="T120" fmla="*/ 2147483647 w 470"/>
              <a:gd name="T121" fmla="*/ 2147483647 h 260"/>
              <a:gd name="T122" fmla="*/ 2147483647 w 470"/>
              <a:gd name="T123" fmla="*/ 2147483647 h 260"/>
              <a:gd name="T124" fmla="*/ 2147483647 w 470"/>
              <a:gd name="T125" fmla="*/ 2147483647 h 260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470" h="260">
                <a:moveTo>
                  <a:pt x="26" y="220"/>
                </a:moveTo>
                <a:lnTo>
                  <a:pt x="14" y="208"/>
                </a:lnTo>
                <a:lnTo>
                  <a:pt x="0" y="188"/>
                </a:lnTo>
                <a:lnTo>
                  <a:pt x="0" y="170"/>
                </a:lnTo>
                <a:lnTo>
                  <a:pt x="8" y="148"/>
                </a:lnTo>
                <a:lnTo>
                  <a:pt x="24" y="124"/>
                </a:lnTo>
                <a:lnTo>
                  <a:pt x="54" y="126"/>
                </a:lnTo>
                <a:lnTo>
                  <a:pt x="82" y="108"/>
                </a:lnTo>
                <a:lnTo>
                  <a:pt x="86" y="92"/>
                </a:lnTo>
                <a:lnTo>
                  <a:pt x="98" y="90"/>
                </a:lnTo>
                <a:lnTo>
                  <a:pt x="100" y="62"/>
                </a:lnTo>
                <a:lnTo>
                  <a:pt x="118" y="54"/>
                </a:lnTo>
                <a:lnTo>
                  <a:pt x="118" y="40"/>
                </a:lnTo>
                <a:lnTo>
                  <a:pt x="138" y="28"/>
                </a:lnTo>
                <a:lnTo>
                  <a:pt x="152" y="24"/>
                </a:lnTo>
                <a:lnTo>
                  <a:pt x="166" y="24"/>
                </a:lnTo>
                <a:lnTo>
                  <a:pt x="168" y="36"/>
                </a:lnTo>
                <a:lnTo>
                  <a:pt x="180" y="36"/>
                </a:lnTo>
                <a:lnTo>
                  <a:pt x="186" y="20"/>
                </a:lnTo>
                <a:lnTo>
                  <a:pt x="204" y="6"/>
                </a:lnTo>
                <a:lnTo>
                  <a:pt x="216" y="24"/>
                </a:lnTo>
                <a:lnTo>
                  <a:pt x="238" y="32"/>
                </a:lnTo>
                <a:lnTo>
                  <a:pt x="238" y="56"/>
                </a:lnTo>
                <a:lnTo>
                  <a:pt x="264" y="50"/>
                </a:lnTo>
                <a:lnTo>
                  <a:pt x="264" y="36"/>
                </a:lnTo>
                <a:lnTo>
                  <a:pt x="284" y="22"/>
                </a:lnTo>
                <a:lnTo>
                  <a:pt x="310" y="16"/>
                </a:lnTo>
                <a:lnTo>
                  <a:pt x="324" y="28"/>
                </a:lnTo>
                <a:lnTo>
                  <a:pt x="342" y="22"/>
                </a:lnTo>
                <a:lnTo>
                  <a:pt x="342" y="8"/>
                </a:lnTo>
                <a:lnTo>
                  <a:pt x="374" y="8"/>
                </a:lnTo>
                <a:lnTo>
                  <a:pt x="388" y="0"/>
                </a:lnTo>
                <a:lnTo>
                  <a:pt x="414" y="8"/>
                </a:lnTo>
                <a:lnTo>
                  <a:pt x="434" y="28"/>
                </a:lnTo>
                <a:lnTo>
                  <a:pt x="456" y="28"/>
                </a:lnTo>
                <a:lnTo>
                  <a:pt x="470" y="36"/>
                </a:lnTo>
                <a:lnTo>
                  <a:pt x="464" y="52"/>
                </a:lnTo>
                <a:lnTo>
                  <a:pt x="462" y="82"/>
                </a:lnTo>
                <a:lnTo>
                  <a:pt x="450" y="102"/>
                </a:lnTo>
                <a:lnTo>
                  <a:pt x="454" y="124"/>
                </a:lnTo>
                <a:lnTo>
                  <a:pt x="418" y="140"/>
                </a:lnTo>
                <a:lnTo>
                  <a:pt x="410" y="128"/>
                </a:lnTo>
                <a:lnTo>
                  <a:pt x="404" y="124"/>
                </a:lnTo>
                <a:lnTo>
                  <a:pt x="390" y="112"/>
                </a:lnTo>
                <a:lnTo>
                  <a:pt x="362" y="126"/>
                </a:lnTo>
                <a:lnTo>
                  <a:pt x="338" y="120"/>
                </a:lnTo>
                <a:lnTo>
                  <a:pt x="316" y="126"/>
                </a:lnTo>
                <a:lnTo>
                  <a:pt x="304" y="146"/>
                </a:lnTo>
                <a:lnTo>
                  <a:pt x="302" y="166"/>
                </a:lnTo>
                <a:lnTo>
                  <a:pt x="292" y="166"/>
                </a:lnTo>
                <a:lnTo>
                  <a:pt x="270" y="190"/>
                </a:lnTo>
                <a:lnTo>
                  <a:pt x="250" y="182"/>
                </a:lnTo>
                <a:lnTo>
                  <a:pt x="234" y="182"/>
                </a:lnTo>
                <a:lnTo>
                  <a:pt x="226" y="200"/>
                </a:lnTo>
                <a:lnTo>
                  <a:pt x="180" y="210"/>
                </a:lnTo>
                <a:lnTo>
                  <a:pt x="172" y="216"/>
                </a:lnTo>
                <a:lnTo>
                  <a:pt x="170" y="230"/>
                </a:lnTo>
                <a:lnTo>
                  <a:pt x="180" y="238"/>
                </a:lnTo>
                <a:lnTo>
                  <a:pt x="166" y="250"/>
                </a:lnTo>
                <a:lnTo>
                  <a:pt x="126" y="256"/>
                </a:lnTo>
                <a:lnTo>
                  <a:pt x="86" y="260"/>
                </a:lnTo>
                <a:lnTo>
                  <a:pt x="54" y="236"/>
                </a:lnTo>
                <a:lnTo>
                  <a:pt x="26" y="22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15" name="Freeform 16"/>
          <p:cNvSpPr>
            <a:spLocks/>
          </p:cNvSpPr>
          <p:nvPr/>
        </p:nvSpPr>
        <p:spPr bwMode="auto">
          <a:xfrm>
            <a:off x="5486400" y="5010150"/>
            <a:ext cx="26988" cy="25400"/>
          </a:xfrm>
          <a:custGeom>
            <a:avLst/>
            <a:gdLst>
              <a:gd name="T0" fmla="*/ 2147483647 w 20"/>
              <a:gd name="T1" fmla="*/ 0 h 20"/>
              <a:gd name="T2" fmla="*/ 2147483647 w 20"/>
              <a:gd name="T3" fmla="*/ 2147483647 h 20"/>
              <a:gd name="T4" fmla="*/ 2147483647 w 20"/>
              <a:gd name="T5" fmla="*/ 2147483647 h 20"/>
              <a:gd name="T6" fmla="*/ 2147483647 w 20"/>
              <a:gd name="T7" fmla="*/ 2147483647 h 20"/>
              <a:gd name="T8" fmla="*/ 0 w 20"/>
              <a:gd name="T9" fmla="*/ 2147483647 h 20"/>
              <a:gd name="T10" fmla="*/ 2147483647 w 20"/>
              <a:gd name="T11" fmla="*/ 2147483647 h 20"/>
              <a:gd name="T12" fmla="*/ 2147483647 w 20"/>
              <a:gd name="T13" fmla="*/ 0 h 20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0" t="0" r="r" b="b"/>
            <a:pathLst>
              <a:path w="20" h="20">
                <a:moveTo>
                  <a:pt x="10" y="0"/>
                </a:moveTo>
                <a:lnTo>
                  <a:pt x="20" y="8"/>
                </a:lnTo>
                <a:lnTo>
                  <a:pt x="18" y="18"/>
                </a:lnTo>
                <a:lnTo>
                  <a:pt x="10" y="20"/>
                </a:lnTo>
                <a:lnTo>
                  <a:pt x="0" y="14"/>
                </a:lnTo>
                <a:lnTo>
                  <a:pt x="2" y="2"/>
                </a:lnTo>
                <a:lnTo>
                  <a:pt x="10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16" name="Freeform 17"/>
          <p:cNvSpPr>
            <a:spLocks/>
          </p:cNvSpPr>
          <p:nvPr/>
        </p:nvSpPr>
        <p:spPr bwMode="auto">
          <a:xfrm>
            <a:off x="5014913" y="5187950"/>
            <a:ext cx="125412" cy="274638"/>
          </a:xfrm>
          <a:custGeom>
            <a:avLst/>
            <a:gdLst>
              <a:gd name="T0" fmla="*/ 2147483647 w 97"/>
              <a:gd name="T1" fmla="*/ 2147483647 h 212"/>
              <a:gd name="T2" fmla="*/ 2147483647 w 97"/>
              <a:gd name="T3" fmla="*/ 2147483647 h 212"/>
              <a:gd name="T4" fmla="*/ 2147483647 w 97"/>
              <a:gd name="T5" fmla="*/ 2147483647 h 212"/>
              <a:gd name="T6" fmla="*/ 2147483647 w 97"/>
              <a:gd name="T7" fmla="*/ 2147483647 h 212"/>
              <a:gd name="T8" fmla="*/ 2147483647 w 97"/>
              <a:gd name="T9" fmla="*/ 2147483647 h 212"/>
              <a:gd name="T10" fmla="*/ 2147483647 w 97"/>
              <a:gd name="T11" fmla="*/ 2147483647 h 212"/>
              <a:gd name="T12" fmla="*/ 2147483647 w 97"/>
              <a:gd name="T13" fmla="*/ 2147483647 h 212"/>
              <a:gd name="T14" fmla="*/ 2147483647 w 97"/>
              <a:gd name="T15" fmla="*/ 0 h 212"/>
              <a:gd name="T16" fmla="*/ 2147483647 w 97"/>
              <a:gd name="T17" fmla="*/ 2147483647 h 212"/>
              <a:gd name="T18" fmla="*/ 2147483647 w 97"/>
              <a:gd name="T19" fmla="*/ 2147483647 h 212"/>
              <a:gd name="T20" fmla="*/ 2147483647 w 97"/>
              <a:gd name="T21" fmla="*/ 2147483647 h 212"/>
              <a:gd name="T22" fmla="*/ 2147483647 w 97"/>
              <a:gd name="T23" fmla="*/ 2147483647 h 212"/>
              <a:gd name="T24" fmla="*/ 2147483647 w 97"/>
              <a:gd name="T25" fmla="*/ 2147483647 h 212"/>
              <a:gd name="T26" fmla="*/ 2147483647 w 97"/>
              <a:gd name="T27" fmla="*/ 2147483647 h 212"/>
              <a:gd name="T28" fmla="*/ 2147483647 w 97"/>
              <a:gd name="T29" fmla="*/ 2147483647 h 212"/>
              <a:gd name="T30" fmla="*/ 2147483647 w 97"/>
              <a:gd name="T31" fmla="*/ 2147483647 h 212"/>
              <a:gd name="T32" fmla="*/ 2147483647 w 97"/>
              <a:gd name="T33" fmla="*/ 2147483647 h 212"/>
              <a:gd name="T34" fmla="*/ 2147483647 w 97"/>
              <a:gd name="T35" fmla="*/ 2147483647 h 212"/>
              <a:gd name="T36" fmla="*/ 2147483647 w 97"/>
              <a:gd name="T37" fmla="*/ 2147483647 h 212"/>
              <a:gd name="T38" fmla="*/ 2147483647 w 97"/>
              <a:gd name="T39" fmla="*/ 2147483647 h 212"/>
              <a:gd name="T40" fmla="*/ 2147483647 w 97"/>
              <a:gd name="T41" fmla="*/ 2147483647 h 212"/>
              <a:gd name="T42" fmla="*/ 2147483647 w 97"/>
              <a:gd name="T43" fmla="*/ 2147483647 h 212"/>
              <a:gd name="T44" fmla="*/ 2147483647 w 97"/>
              <a:gd name="T45" fmla="*/ 2147483647 h 212"/>
              <a:gd name="T46" fmla="*/ 2147483647 w 97"/>
              <a:gd name="T47" fmla="*/ 2147483647 h 212"/>
              <a:gd name="T48" fmla="*/ 2147483647 w 97"/>
              <a:gd name="T49" fmla="*/ 2147483647 h 212"/>
              <a:gd name="T50" fmla="*/ 2147483647 w 97"/>
              <a:gd name="T51" fmla="*/ 2147483647 h 212"/>
              <a:gd name="T52" fmla="*/ 2147483647 w 97"/>
              <a:gd name="T53" fmla="*/ 2147483647 h 212"/>
              <a:gd name="T54" fmla="*/ 2147483647 w 97"/>
              <a:gd name="T55" fmla="*/ 2147483647 h 212"/>
              <a:gd name="T56" fmla="*/ 2147483647 w 97"/>
              <a:gd name="T57" fmla="*/ 2147483647 h 212"/>
              <a:gd name="T58" fmla="*/ 2147483647 w 97"/>
              <a:gd name="T59" fmla="*/ 2147483647 h 212"/>
              <a:gd name="T60" fmla="*/ 2147483647 w 97"/>
              <a:gd name="T61" fmla="*/ 2147483647 h 212"/>
              <a:gd name="T62" fmla="*/ 2147483647 w 97"/>
              <a:gd name="T63" fmla="*/ 2147483647 h 212"/>
              <a:gd name="T64" fmla="*/ 2147483647 w 97"/>
              <a:gd name="T65" fmla="*/ 2147483647 h 212"/>
              <a:gd name="T66" fmla="*/ 2147483647 w 97"/>
              <a:gd name="T67" fmla="*/ 2147483647 h 212"/>
              <a:gd name="T68" fmla="*/ 0 w 97"/>
              <a:gd name="T69" fmla="*/ 2147483647 h 212"/>
              <a:gd name="T70" fmla="*/ 2147483647 w 97"/>
              <a:gd name="T71" fmla="*/ 2147483647 h 212"/>
              <a:gd name="T72" fmla="*/ 2147483647 w 97"/>
              <a:gd name="T73" fmla="*/ 2147483647 h 212"/>
              <a:gd name="T74" fmla="*/ 0 w 97"/>
              <a:gd name="T75" fmla="*/ 2147483647 h 212"/>
              <a:gd name="T76" fmla="*/ 2147483647 w 97"/>
              <a:gd name="T77" fmla="*/ 2147483647 h 212"/>
              <a:gd name="T78" fmla="*/ 2147483647 w 97"/>
              <a:gd name="T79" fmla="*/ 2147483647 h 212"/>
              <a:gd name="T80" fmla="*/ 2147483647 w 97"/>
              <a:gd name="T81" fmla="*/ 2147483647 h 212"/>
              <a:gd name="T82" fmla="*/ 2147483647 w 97"/>
              <a:gd name="T83" fmla="*/ 2147483647 h 212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97" h="212">
                <a:moveTo>
                  <a:pt x="16" y="58"/>
                </a:moveTo>
                <a:lnTo>
                  <a:pt x="36" y="52"/>
                </a:lnTo>
                <a:lnTo>
                  <a:pt x="46" y="42"/>
                </a:lnTo>
                <a:lnTo>
                  <a:pt x="60" y="36"/>
                </a:lnTo>
                <a:lnTo>
                  <a:pt x="72" y="42"/>
                </a:lnTo>
                <a:lnTo>
                  <a:pt x="78" y="22"/>
                </a:lnTo>
                <a:lnTo>
                  <a:pt x="78" y="12"/>
                </a:lnTo>
                <a:lnTo>
                  <a:pt x="80" y="0"/>
                </a:lnTo>
                <a:lnTo>
                  <a:pt x="89" y="8"/>
                </a:lnTo>
                <a:lnTo>
                  <a:pt x="91" y="26"/>
                </a:lnTo>
                <a:lnTo>
                  <a:pt x="91" y="48"/>
                </a:lnTo>
                <a:lnTo>
                  <a:pt x="95" y="62"/>
                </a:lnTo>
                <a:lnTo>
                  <a:pt x="97" y="86"/>
                </a:lnTo>
                <a:lnTo>
                  <a:pt x="97" y="118"/>
                </a:lnTo>
                <a:lnTo>
                  <a:pt x="82" y="138"/>
                </a:lnTo>
                <a:lnTo>
                  <a:pt x="80" y="156"/>
                </a:lnTo>
                <a:lnTo>
                  <a:pt x="80" y="174"/>
                </a:lnTo>
                <a:lnTo>
                  <a:pt x="72" y="188"/>
                </a:lnTo>
                <a:lnTo>
                  <a:pt x="64" y="204"/>
                </a:lnTo>
                <a:lnTo>
                  <a:pt x="62" y="212"/>
                </a:lnTo>
                <a:lnTo>
                  <a:pt x="50" y="212"/>
                </a:lnTo>
                <a:lnTo>
                  <a:pt x="50" y="200"/>
                </a:lnTo>
                <a:lnTo>
                  <a:pt x="38" y="200"/>
                </a:lnTo>
                <a:lnTo>
                  <a:pt x="30" y="194"/>
                </a:lnTo>
                <a:lnTo>
                  <a:pt x="22" y="184"/>
                </a:lnTo>
                <a:lnTo>
                  <a:pt x="34" y="174"/>
                </a:lnTo>
                <a:lnTo>
                  <a:pt x="32" y="168"/>
                </a:lnTo>
                <a:lnTo>
                  <a:pt x="10" y="164"/>
                </a:lnTo>
                <a:lnTo>
                  <a:pt x="14" y="154"/>
                </a:lnTo>
                <a:lnTo>
                  <a:pt x="20" y="144"/>
                </a:lnTo>
                <a:lnTo>
                  <a:pt x="6" y="142"/>
                </a:lnTo>
                <a:lnTo>
                  <a:pt x="10" y="134"/>
                </a:lnTo>
                <a:lnTo>
                  <a:pt x="16" y="122"/>
                </a:lnTo>
                <a:lnTo>
                  <a:pt x="8" y="114"/>
                </a:lnTo>
                <a:lnTo>
                  <a:pt x="0" y="108"/>
                </a:lnTo>
                <a:lnTo>
                  <a:pt x="6" y="100"/>
                </a:lnTo>
                <a:lnTo>
                  <a:pt x="10" y="94"/>
                </a:lnTo>
                <a:lnTo>
                  <a:pt x="0" y="84"/>
                </a:lnTo>
                <a:lnTo>
                  <a:pt x="6" y="78"/>
                </a:lnTo>
                <a:lnTo>
                  <a:pt x="12" y="74"/>
                </a:lnTo>
                <a:lnTo>
                  <a:pt x="12" y="62"/>
                </a:lnTo>
                <a:lnTo>
                  <a:pt x="16" y="5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17" name="Freeform 18"/>
          <p:cNvSpPr>
            <a:spLocks/>
          </p:cNvSpPr>
          <p:nvPr/>
        </p:nvSpPr>
        <p:spPr bwMode="auto">
          <a:xfrm>
            <a:off x="4957763" y="5486400"/>
            <a:ext cx="212725" cy="401638"/>
          </a:xfrm>
          <a:custGeom>
            <a:avLst/>
            <a:gdLst>
              <a:gd name="T0" fmla="*/ 2147483647 w 165"/>
              <a:gd name="T1" fmla="*/ 2147483647 h 310"/>
              <a:gd name="T2" fmla="*/ 2147483647 w 165"/>
              <a:gd name="T3" fmla="*/ 2147483647 h 310"/>
              <a:gd name="T4" fmla="*/ 2147483647 w 165"/>
              <a:gd name="T5" fmla="*/ 2147483647 h 310"/>
              <a:gd name="T6" fmla="*/ 2147483647 w 165"/>
              <a:gd name="T7" fmla="*/ 2147483647 h 310"/>
              <a:gd name="T8" fmla="*/ 2147483647 w 165"/>
              <a:gd name="T9" fmla="*/ 2147483647 h 310"/>
              <a:gd name="T10" fmla="*/ 2147483647 w 165"/>
              <a:gd name="T11" fmla="*/ 2147483647 h 310"/>
              <a:gd name="T12" fmla="*/ 2147483647 w 165"/>
              <a:gd name="T13" fmla="*/ 0 h 310"/>
              <a:gd name="T14" fmla="*/ 2147483647 w 165"/>
              <a:gd name="T15" fmla="*/ 2147483647 h 310"/>
              <a:gd name="T16" fmla="*/ 2147483647 w 165"/>
              <a:gd name="T17" fmla="*/ 2147483647 h 310"/>
              <a:gd name="T18" fmla="*/ 2147483647 w 165"/>
              <a:gd name="T19" fmla="*/ 2147483647 h 310"/>
              <a:gd name="T20" fmla="*/ 2147483647 w 165"/>
              <a:gd name="T21" fmla="*/ 2147483647 h 310"/>
              <a:gd name="T22" fmla="*/ 2147483647 w 165"/>
              <a:gd name="T23" fmla="*/ 2147483647 h 310"/>
              <a:gd name="T24" fmla="*/ 2147483647 w 165"/>
              <a:gd name="T25" fmla="*/ 2147483647 h 310"/>
              <a:gd name="T26" fmla="*/ 2147483647 w 165"/>
              <a:gd name="T27" fmla="*/ 2147483647 h 310"/>
              <a:gd name="T28" fmla="*/ 2147483647 w 165"/>
              <a:gd name="T29" fmla="*/ 2147483647 h 310"/>
              <a:gd name="T30" fmla="*/ 2147483647 w 165"/>
              <a:gd name="T31" fmla="*/ 2147483647 h 310"/>
              <a:gd name="T32" fmla="*/ 2147483647 w 165"/>
              <a:gd name="T33" fmla="*/ 2147483647 h 310"/>
              <a:gd name="T34" fmla="*/ 2147483647 w 165"/>
              <a:gd name="T35" fmla="*/ 2147483647 h 310"/>
              <a:gd name="T36" fmla="*/ 2147483647 w 165"/>
              <a:gd name="T37" fmla="*/ 2147483647 h 310"/>
              <a:gd name="T38" fmla="*/ 2147483647 w 165"/>
              <a:gd name="T39" fmla="*/ 2147483647 h 310"/>
              <a:gd name="T40" fmla="*/ 2147483647 w 165"/>
              <a:gd name="T41" fmla="*/ 2147483647 h 310"/>
              <a:gd name="T42" fmla="*/ 2147483647 w 165"/>
              <a:gd name="T43" fmla="*/ 2147483647 h 310"/>
              <a:gd name="T44" fmla="*/ 2147483647 w 165"/>
              <a:gd name="T45" fmla="*/ 2147483647 h 310"/>
              <a:gd name="T46" fmla="*/ 2147483647 w 165"/>
              <a:gd name="T47" fmla="*/ 2147483647 h 310"/>
              <a:gd name="T48" fmla="*/ 2147483647 w 165"/>
              <a:gd name="T49" fmla="*/ 2147483647 h 310"/>
              <a:gd name="T50" fmla="*/ 2147483647 w 165"/>
              <a:gd name="T51" fmla="*/ 2147483647 h 310"/>
              <a:gd name="T52" fmla="*/ 2147483647 w 165"/>
              <a:gd name="T53" fmla="*/ 2147483647 h 310"/>
              <a:gd name="T54" fmla="*/ 2147483647 w 165"/>
              <a:gd name="T55" fmla="*/ 2147483647 h 310"/>
              <a:gd name="T56" fmla="*/ 2147483647 w 165"/>
              <a:gd name="T57" fmla="*/ 2147483647 h 310"/>
              <a:gd name="T58" fmla="*/ 2147483647 w 165"/>
              <a:gd name="T59" fmla="*/ 2147483647 h 310"/>
              <a:gd name="T60" fmla="*/ 2147483647 w 165"/>
              <a:gd name="T61" fmla="*/ 2147483647 h 310"/>
              <a:gd name="T62" fmla="*/ 2147483647 w 165"/>
              <a:gd name="T63" fmla="*/ 2147483647 h 310"/>
              <a:gd name="T64" fmla="*/ 2147483647 w 165"/>
              <a:gd name="T65" fmla="*/ 2147483647 h 310"/>
              <a:gd name="T66" fmla="*/ 2147483647 w 165"/>
              <a:gd name="T67" fmla="*/ 2147483647 h 310"/>
              <a:gd name="T68" fmla="*/ 2147483647 w 165"/>
              <a:gd name="T69" fmla="*/ 2147483647 h 310"/>
              <a:gd name="T70" fmla="*/ 2147483647 w 165"/>
              <a:gd name="T71" fmla="*/ 2147483647 h 310"/>
              <a:gd name="T72" fmla="*/ 2147483647 w 165"/>
              <a:gd name="T73" fmla="*/ 2147483647 h 310"/>
              <a:gd name="T74" fmla="*/ 2147483647 w 165"/>
              <a:gd name="T75" fmla="*/ 2147483647 h 310"/>
              <a:gd name="T76" fmla="*/ 2147483647 w 165"/>
              <a:gd name="T77" fmla="*/ 2147483647 h 310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</a:gdLst>
            <a:ahLst/>
            <a:cxnLst>
              <a:cxn ang="T78">
                <a:pos x="T0" y="T1"/>
              </a:cxn>
              <a:cxn ang="T79">
                <a:pos x="T2" y="T3"/>
              </a:cxn>
              <a:cxn ang="T80">
                <a:pos x="T4" y="T5"/>
              </a:cxn>
              <a:cxn ang="T81">
                <a:pos x="T6" y="T7"/>
              </a:cxn>
              <a:cxn ang="T82">
                <a:pos x="T8" y="T9"/>
              </a:cxn>
              <a:cxn ang="T83">
                <a:pos x="T10" y="T11"/>
              </a:cxn>
              <a:cxn ang="T84">
                <a:pos x="T12" y="T13"/>
              </a:cxn>
              <a:cxn ang="T85">
                <a:pos x="T14" y="T15"/>
              </a:cxn>
              <a:cxn ang="T86">
                <a:pos x="T16" y="T17"/>
              </a:cxn>
              <a:cxn ang="T87">
                <a:pos x="T18" y="T19"/>
              </a:cxn>
              <a:cxn ang="T88">
                <a:pos x="T20" y="T21"/>
              </a:cxn>
              <a:cxn ang="T89">
                <a:pos x="T22" y="T23"/>
              </a:cxn>
              <a:cxn ang="T90">
                <a:pos x="T24" y="T25"/>
              </a:cxn>
              <a:cxn ang="T91">
                <a:pos x="T26" y="T27"/>
              </a:cxn>
              <a:cxn ang="T92">
                <a:pos x="T28" y="T29"/>
              </a:cxn>
              <a:cxn ang="T93">
                <a:pos x="T30" y="T31"/>
              </a:cxn>
              <a:cxn ang="T94">
                <a:pos x="T32" y="T33"/>
              </a:cxn>
              <a:cxn ang="T95">
                <a:pos x="T34" y="T35"/>
              </a:cxn>
              <a:cxn ang="T96">
                <a:pos x="T36" y="T37"/>
              </a:cxn>
              <a:cxn ang="T97">
                <a:pos x="T38" y="T39"/>
              </a:cxn>
              <a:cxn ang="T98">
                <a:pos x="T40" y="T41"/>
              </a:cxn>
              <a:cxn ang="T99">
                <a:pos x="T42" y="T43"/>
              </a:cxn>
              <a:cxn ang="T100">
                <a:pos x="T44" y="T45"/>
              </a:cxn>
              <a:cxn ang="T101">
                <a:pos x="T46" y="T47"/>
              </a:cxn>
              <a:cxn ang="T102">
                <a:pos x="T48" y="T49"/>
              </a:cxn>
              <a:cxn ang="T103">
                <a:pos x="T50" y="T51"/>
              </a:cxn>
              <a:cxn ang="T104">
                <a:pos x="T52" y="T53"/>
              </a:cxn>
              <a:cxn ang="T105">
                <a:pos x="T54" y="T55"/>
              </a:cxn>
              <a:cxn ang="T106">
                <a:pos x="T56" y="T57"/>
              </a:cxn>
              <a:cxn ang="T107">
                <a:pos x="T58" y="T59"/>
              </a:cxn>
              <a:cxn ang="T108">
                <a:pos x="T60" y="T61"/>
              </a:cxn>
              <a:cxn ang="T109">
                <a:pos x="T62" y="T63"/>
              </a:cxn>
              <a:cxn ang="T110">
                <a:pos x="T64" y="T65"/>
              </a:cxn>
              <a:cxn ang="T111">
                <a:pos x="T66" y="T67"/>
              </a:cxn>
              <a:cxn ang="T112">
                <a:pos x="T68" y="T69"/>
              </a:cxn>
              <a:cxn ang="T113">
                <a:pos x="T70" y="T71"/>
              </a:cxn>
              <a:cxn ang="T114">
                <a:pos x="T72" y="T73"/>
              </a:cxn>
              <a:cxn ang="T115">
                <a:pos x="T74" y="T75"/>
              </a:cxn>
              <a:cxn ang="T116">
                <a:pos x="T76" y="T77"/>
              </a:cxn>
            </a:cxnLst>
            <a:rect l="0" t="0" r="r" b="b"/>
            <a:pathLst>
              <a:path w="165" h="310">
                <a:moveTo>
                  <a:pt x="18" y="18"/>
                </a:moveTo>
                <a:lnTo>
                  <a:pt x="16" y="26"/>
                </a:lnTo>
                <a:lnTo>
                  <a:pt x="12" y="34"/>
                </a:lnTo>
                <a:lnTo>
                  <a:pt x="10" y="44"/>
                </a:lnTo>
                <a:lnTo>
                  <a:pt x="20" y="52"/>
                </a:lnTo>
                <a:lnTo>
                  <a:pt x="36" y="54"/>
                </a:lnTo>
                <a:lnTo>
                  <a:pt x="48" y="46"/>
                </a:lnTo>
                <a:lnTo>
                  <a:pt x="52" y="44"/>
                </a:lnTo>
                <a:lnTo>
                  <a:pt x="62" y="44"/>
                </a:lnTo>
                <a:lnTo>
                  <a:pt x="88" y="18"/>
                </a:lnTo>
                <a:lnTo>
                  <a:pt x="94" y="16"/>
                </a:lnTo>
                <a:lnTo>
                  <a:pt x="100" y="12"/>
                </a:lnTo>
                <a:lnTo>
                  <a:pt x="102" y="2"/>
                </a:lnTo>
                <a:lnTo>
                  <a:pt x="114" y="0"/>
                </a:lnTo>
                <a:lnTo>
                  <a:pt x="116" y="8"/>
                </a:lnTo>
                <a:lnTo>
                  <a:pt x="124" y="12"/>
                </a:lnTo>
                <a:lnTo>
                  <a:pt x="141" y="18"/>
                </a:lnTo>
                <a:lnTo>
                  <a:pt x="139" y="26"/>
                </a:lnTo>
                <a:lnTo>
                  <a:pt x="149" y="32"/>
                </a:lnTo>
                <a:lnTo>
                  <a:pt x="143" y="42"/>
                </a:lnTo>
                <a:lnTo>
                  <a:pt x="155" y="56"/>
                </a:lnTo>
                <a:lnTo>
                  <a:pt x="155" y="68"/>
                </a:lnTo>
                <a:lnTo>
                  <a:pt x="161" y="78"/>
                </a:lnTo>
                <a:lnTo>
                  <a:pt x="165" y="90"/>
                </a:lnTo>
                <a:lnTo>
                  <a:pt x="165" y="110"/>
                </a:lnTo>
                <a:lnTo>
                  <a:pt x="155" y="116"/>
                </a:lnTo>
                <a:lnTo>
                  <a:pt x="145" y="128"/>
                </a:lnTo>
                <a:lnTo>
                  <a:pt x="151" y="138"/>
                </a:lnTo>
                <a:lnTo>
                  <a:pt x="157" y="152"/>
                </a:lnTo>
                <a:lnTo>
                  <a:pt x="153" y="164"/>
                </a:lnTo>
                <a:lnTo>
                  <a:pt x="153" y="196"/>
                </a:lnTo>
                <a:lnTo>
                  <a:pt x="151" y="208"/>
                </a:lnTo>
                <a:lnTo>
                  <a:pt x="149" y="236"/>
                </a:lnTo>
                <a:lnTo>
                  <a:pt x="147" y="252"/>
                </a:lnTo>
                <a:lnTo>
                  <a:pt x="141" y="260"/>
                </a:lnTo>
                <a:lnTo>
                  <a:pt x="141" y="272"/>
                </a:lnTo>
                <a:lnTo>
                  <a:pt x="137" y="280"/>
                </a:lnTo>
                <a:lnTo>
                  <a:pt x="126" y="276"/>
                </a:lnTo>
                <a:lnTo>
                  <a:pt x="112" y="266"/>
                </a:lnTo>
                <a:lnTo>
                  <a:pt x="102" y="266"/>
                </a:lnTo>
                <a:lnTo>
                  <a:pt x="92" y="262"/>
                </a:lnTo>
                <a:lnTo>
                  <a:pt x="88" y="268"/>
                </a:lnTo>
                <a:lnTo>
                  <a:pt x="86" y="280"/>
                </a:lnTo>
                <a:lnTo>
                  <a:pt x="88" y="288"/>
                </a:lnTo>
                <a:lnTo>
                  <a:pt x="80" y="296"/>
                </a:lnTo>
                <a:lnTo>
                  <a:pt x="70" y="308"/>
                </a:lnTo>
                <a:lnTo>
                  <a:pt x="60" y="306"/>
                </a:lnTo>
                <a:lnTo>
                  <a:pt x="52" y="304"/>
                </a:lnTo>
                <a:lnTo>
                  <a:pt x="48" y="310"/>
                </a:lnTo>
                <a:lnTo>
                  <a:pt x="42" y="306"/>
                </a:lnTo>
                <a:lnTo>
                  <a:pt x="40" y="292"/>
                </a:lnTo>
                <a:lnTo>
                  <a:pt x="32" y="282"/>
                </a:lnTo>
                <a:lnTo>
                  <a:pt x="26" y="288"/>
                </a:lnTo>
                <a:lnTo>
                  <a:pt x="20" y="282"/>
                </a:lnTo>
                <a:lnTo>
                  <a:pt x="24" y="274"/>
                </a:lnTo>
                <a:lnTo>
                  <a:pt x="18" y="262"/>
                </a:lnTo>
                <a:lnTo>
                  <a:pt x="24" y="248"/>
                </a:lnTo>
                <a:lnTo>
                  <a:pt x="20" y="238"/>
                </a:lnTo>
                <a:lnTo>
                  <a:pt x="24" y="224"/>
                </a:lnTo>
                <a:lnTo>
                  <a:pt x="30" y="212"/>
                </a:lnTo>
                <a:lnTo>
                  <a:pt x="26" y="196"/>
                </a:lnTo>
                <a:lnTo>
                  <a:pt x="38" y="190"/>
                </a:lnTo>
                <a:lnTo>
                  <a:pt x="36" y="178"/>
                </a:lnTo>
                <a:lnTo>
                  <a:pt x="22" y="170"/>
                </a:lnTo>
                <a:lnTo>
                  <a:pt x="22" y="158"/>
                </a:lnTo>
                <a:lnTo>
                  <a:pt x="30" y="150"/>
                </a:lnTo>
                <a:lnTo>
                  <a:pt x="30" y="122"/>
                </a:lnTo>
                <a:lnTo>
                  <a:pt x="22" y="114"/>
                </a:lnTo>
                <a:lnTo>
                  <a:pt x="20" y="100"/>
                </a:lnTo>
                <a:lnTo>
                  <a:pt x="12" y="86"/>
                </a:lnTo>
                <a:lnTo>
                  <a:pt x="0" y="84"/>
                </a:lnTo>
                <a:lnTo>
                  <a:pt x="2" y="72"/>
                </a:lnTo>
                <a:lnTo>
                  <a:pt x="0" y="60"/>
                </a:lnTo>
                <a:lnTo>
                  <a:pt x="6" y="50"/>
                </a:lnTo>
                <a:lnTo>
                  <a:pt x="6" y="38"/>
                </a:lnTo>
                <a:lnTo>
                  <a:pt x="8" y="28"/>
                </a:lnTo>
                <a:lnTo>
                  <a:pt x="14" y="18"/>
                </a:lnTo>
                <a:lnTo>
                  <a:pt x="18" y="1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18" name="Freeform 19"/>
          <p:cNvSpPr>
            <a:spLocks/>
          </p:cNvSpPr>
          <p:nvPr/>
        </p:nvSpPr>
        <p:spPr bwMode="auto">
          <a:xfrm>
            <a:off x="5530850" y="5957888"/>
            <a:ext cx="425450" cy="282575"/>
          </a:xfrm>
          <a:custGeom>
            <a:avLst/>
            <a:gdLst>
              <a:gd name="T0" fmla="*/ 2147483647 w 328"/>
              <a:gd name="T1" fmla="*/ 2147483647 h 218"/>
              <a:gd name="T2" fmla="*/ 2147483647 w 328"/>
              <a:gd name="T3" fmla="*/ 2147483647 h 218"/>
              <a:gd name="T4" fmla="*/ 2147483647 w 328"/>
              <a:gd name="T5" fmla="*/ 2147483647 h 218"/>
              <a:gd name="T6" fmla="*/ 2147483647 w 328"/>
              <a:gd name="T7" fmla="*/ 2147483647 h 218"/>
              <a:gd name="T8" fmla="*/ 2147483647 w 328"/>
              <a:gd name="T9" fmla="*/ 2147483647 h 218"/>
              <a:gd name="T10" fmla="*/ 2147483647 w 328"/>
              <a:gd name="T11" fmla="*/ 2147483647 h 218"/>
              <a:gd name="T12" fmla="*/ 2147483647 w 328"/>
              <a:gd name="T13" fmla="*/ 2147483647 h 218"/>
              <a:gd name="T14" fmla="*/ 2147483647 w 328"/>
              <a:gd name="T15" fmla="*/ 2147483647 h 218"/>
              <a:gd name="T16" fmla="*/ 2147483647 w 328"/>
              <a:gd name="T17" fmla="*/ 2147483647 h 218"/>
              <a:gd name="T18" fmla="*/ 2147483647 w 328"/>
              <a:gd name="T19" fmla="*/ 2147483647 h 218"/>
              <a:gd name="T20" fmla="*/ 2147483647 w 328"/>
              <a:gd name="T21" fmla="*/ 2147483647 h 218"/>
              <a:gd name="T22" fmla="*/ 2147483647 w 328"/>
              <a:gd name="T23" fmla="*/ 2147483647 h 218"/>
              <a:gd name="T24" fmla="*/ 2147483647 w 328"/>
              <a:gd name="T25" fmla="*/ 2147483647 h 218"/>
              <a:gd name="T26" fmla="*/ 2147483647 w 328"/>
              <a:gd name="T27" fmla="*/ 2147483647 h 218"/>
              <a:gd name="T28" fmla="*/ 2147483647 w 328"/>
              <a:gd name="T29" fmla="*/ 2147483647 h 218"/>
              <a:gd name="T30" fmla="*/ 2147483647 w 328"/>
              <a:gd name="T31" fmla="*/ 2147483647 h 218"/>
              <a:gd name="T32" fmla="*/ 2147483647 w 328"/>
              <a:gd name="T33" fmla="*/ 2147483647 h 218"/>
              <a:gd name="T34" fmla="*/ 2147483647 w 328"/>
              <a:gd name="T35" fmla="*/ 2147483647 h 218"/>
              <a:gd name="T36" fmla="*/ 2147483647 w 328"/>
              <a:gd name="T37" fmla="*/ 2147483647 h 218"/>
              <a:gd name="T38" fmla="*/ 2147483647 w 328"/>
              <a:gd name="T39" fmla="*/ 2147483647 h 218"/>
              <a:gd name="T40" fmla="*/ 2147483647 w 328"/>
              <a:gd name="T41" fmla="*/ 2147483647 h 218"/>
              <a:gd name="T42" fmla="*/ 2147483647 w 328"/>
              <a:gd name="T43" fmla="*/ 2147483647 h 218"/>
              <a:gd name="T44" fmla="*/ 2147483647 w 328"/>
              <a:gd name="T45" fmla="*/ 2147483647 h 218"/>
              <a:gd name="T46" fmla="*/ 2147483647 w 328"/>
              <a:gd name="T47" fmla="*/ 2147483647 h 218"/>
              <a:gd name="T48" fmla="*/ 2147483647 w 328"/>
              <a:gd name="T49" fmla="*/ 2147483647 h 218"/>
              <a:gd name="T50" fmla="*/ 2147483647 w 328"/>
              <a:gd name="T51" fmla="*/ 2147483647 h 218"/>
              <a:gd name="T52" fmla="*/ 2147483647 w 328"/>
              <a:gd name="T53" fmla="*/ 2147483647 h 218"/>
              <a:gd name="T54" fmla="*/ 2147483647 w 328"/>
              <a:gd name="T55" fmla="*/ 2147483647 h 218"/>
              <a:gd name="T56" fmla="*/ 2147483647 w 328"/>
              <a:gd name="T57" fmla="*/ 2147483647 h 218"/>
              <a:gd name="T58" fmla="*/ 2147483647 w 328"/>
              <a:gd name="T59" fmla="*/ 2147483647 h 218"/>
              <a:gd name="T60" fmla="*/ 2147483647 w 328"/>
              <a:gd name="T61" fmla="*/ 2147483647 h 218"/>
              <a:gd name="T62" fmla="*/ 2147483647 w 328"/>
              <a:gd name="T63" fmla="*/ 2147483647 h 218"/>
              <a:gd name="T64" fmla="*/ 2147483647 w 328"/>
              <a:gd name="T65" fmla="*/ 2147483647 h 218"/>
              <a:gd name="T66" fmla="*/ 2147483647 w 328"/>
              <a:gd name="T67" fmla="*/ 2147483647 h 218"/>
              <a:gd name="T68" fmla="*/ 2147483647 w 328"/>
              <a:gd name="T69" fmla="*/ 2147483647 h 218"/>
              <a:gd name="T70" fmla="*/ 2147483647 w 328"/>
              <a:gd name="T71" fmla="*/ 2147483647 h 218"/>
              <a:gd name="T72" fmla="*/ 2147483647 w 328"/>
              <a:gd name="T73" fmla="*/ 2147483647 h 218"/>
              <a:gd name="T74" fmla="*/ 2147483647 w 328"/>
              <a:gd name="T75" fmla="*/ 2147483647 h 218"/>
              <a:gd name="T76" fmla="*/ 2147483647 w 328"/>
              <a:gd name="T77" fmla="*/ 2147483647 h 218"/>
              <a:gd name="T78" fmla="*/ 2147483647 w 328"/>
              <a:gd name="T79" fmla="*/ 2147483647 h 218"/>
              <a:gd name="T80" fmla="*/ 0 w 328"/>
              <a:gd name="T81" fmla="*/ 2147483647 h 218"/>
              <a:gd name="T82" fmla="*/ 2147483647 w 328"/>
              <a:gd name="T83" fmla="*/ 2147483647 h 218"/>
              <a:gd name="T84" fmla="*/ 2147483647 w 328"/>
              <a:gd name="T85" fmla="*/ 2147483647 h 218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328" h="218">
                <a:moveTo>
                  <a:pt x="32" y="36"/>
                </a:moveTo>
                <a:lnTo>
                  <a:pt x="36" y="46"/>
                </a:lnTo>
                <a:lnTo>
                  <a:pt x="44" y="52"/>
                </a:lnTo>
                <a:lnTo>
                  <a:pt x="56" y="50"/>
                </a:lnTo>
                <a:lnTo>
                  <a:pt x="62" y="42"/>
                </a:lnTo>
                <a:lnTo>
                  <a:pt x="66" y="32"/>
                </a:lnTo>
                <a:lnTo>
                  <a:pt x="74" y="32"/>
                </a:lnTo>
                <a:lnTo>
                  <a:pt x="88" y="24"/>
                </a:lnTo>
                <a:lnTo>
                  <a:pt x="96" y="28"/>
                </a:lnTo>
                <a:lnTo>
                  <a:pt x="102" y="38"/>
                </a:lnTo>
                <a:lnTo>
                  <a:pt x="112" y="40"/>
                </a:lnTo>
                <a:lnTo>
                  <a:pt x="120" y="50"/>
                </a:lnTo>
                <a:lnTo>
                  <a:pt x="130" y="52"/>
                </a:lnTo>
                <a:lnTo>
                  <a:pt x="144" y="56"/>
                </a:lnTo>
                <a:lnTo>
                  <a:pt x="158" y="46"/>
                </a:lnTo>
                <a:lnTo>
                  <a:pt x="168" y="46"/>
                </a:lnTo>
                <a:lnTo>
                  <a:pt x="180" y="46"/>
                </a:lnTo>
                <a:lnTo>
                  <a:pt x="196" y="46"/>
                </a:lnTo>
                <a:lnTo>
                  <a:pt x="214" y="42"/>
                </a:lnTo>
                <a:lnTo>
                  <a:pt x="226" y="36"/>
                </a:lnTo>
                <a:lnTo>
                  <a:pt x="234" y="30"/>
                </a:lnTo>
                <a:lnTo>
                  <a:pt x="236" y="26"/>
                </a:lnTo>
                <a:lnTo>
                  <a:pt x="240" y="24"/>
                </a:lnTo>
                <a:lnTo>
                  <a:pt x="252" y="22"/>
                </a:lnTo>
                <a:lnTo>
                  <a:pt x="266" y="22"/>
                </a:lnTo>
                <a:lnTo>
                  <a:pt x="276" y="24"/>
                </a:lnTo>
                <a:lnTo>
                  <a:pt x="286" y="14"/>
                </a:lnTo>
                <a:lnTo>
                  <a:pt x="300" y="14"/>
                </a:lnTo>
                <a:lnTo>
                  <a:pt x="308" y="6"/>
                </a:lnTo>
                <a:lnTo>
                  <a:pt x="316" y="2"/>
                </a:lnTo>
                <a:lnTo>
                  <a:pt x="324" y="0"/>
                </a:lnTo>
                <a:lnTo>
                  <a:pt x="328" y="4"/>
                </a:lnTo>
                <a:lnTo>
                  <a:pt x="322" y="10"/>
                </a:lnTo>
                <a:lnTo>
                  <a:pt x="322" y="18"/>
                </a:lnTo>
                <a:lnTo>
                  <a:pt x="318" y="26"/>
                </a:lnTo>
                <a:lnTo>
                  <a:pt x="312" y="38"/>
                </a:lnTo>
                <a:lnTo>
                  <a:pt x="308" y="48"/>
                </a:lnTo>
                <a:lnTo>
                  <a:pt x="302" y="58"/>
                </a:lnTo>
                <a:lnTo>
                  <a:pt x="292" y="72"/>
                </a:lnTo>
                <a:lnTo>
                  <a:pt x="292" y="84"/>
                </a:lnTo>
                <a:lnTo>
                  <a:pt x="290" y="98"/>
                </a:lnTo>
                <a:lnTo>
                  <a:pt x="282" y="108"/>
                </a:lnTo>
                <a:lnTo>
                  <a:pt x="282" y="128"/>
                </a:lnTo>
                <a:lnTo>
                  <a:pt x="286" y="134"/>
                </a:lnTo>
                <a:lnTo>
                  <a:pt x="298" y="136"/>
                </a:lnTo>
                <a:lnTo>
                  <a:pt x="298" y="148"/>
                </a:lnTo>
                <a:lnTo>
                  <a:pt x="304" y="160"/>
                </a:lnTo>
                <a:lnTo>
                  <a:pt x="306" y="168"/>
                </a:lnTo>
                <a:lnTo>
                  <a:pt x="308" y="176"/>
                </a:lnTo>
                <a:lnTo>
                  <a:pt x="296" y="182"/>
                </a:lnTo>
                <a:lnTo>
                  <a:pt x="290" y="188"/>
                </a:lnTo>
                <a:lnTo>
                  <a:pt x="290" y="196"/>
                </a:lnTo>
                <a:lnTo>
                  <a:pt x="290" y="210"/>
                </a:lnTo>
                <a:lnTo>
                  <a:pt x="290" y="218"/>
                </a:lnTo>
                <a:lnTo>
                  <a:pt x="274" y="218"/>
                </a:lnTo>
                <a:lnTo>
                  <a:pt x="266" y="212"/>
                </a:lnTo>
                <a:lnTo>
                  <a:pt x="256" y="216"/>
                </a:lnTo>
                <a:lnTo>
                  <a:pt x="246" y="218"/>
                </a:lnTo>
                <a:lnTo>
                  <a:pt x="236" y="210"/>
                </a:lnTo>
                <a:lnTo>
                  <a:pt x="222" y="210"/>
                </a:lnTo>
                <a:lnTo>
                  <a:pt x="218" y="200"/>
                </a:lnTo>
                <a:lnTo>
                  <a:pt x="216" y="190"/>
                </a:lnTo>
                <a:lnTo>
                  <a:pt x="202" y="182"/>
                </a:lnTo>
                <a:lnTo>
                  <a:pt x="194" y="172"/>
                </a:lnTo>
                <a:lnTo>
                  <a:pt x="184" y="168"/>
                </a:lnTo>
                <a:lnTo>
                  <a:pt x="170" y="168"/>
                </a:lnTo>
                <a:lnTo>
                  <a:pt x="156" y="170"/>
                </a:lnTo>
                <a:lnTo>
                  <a:pt x="146" y="164"/>
                </a:lnTo>
                <a:lnTo>
                  <a:pt x="138" y="162"/>
                </a:lnTo>
                <a:lnTo>
                  <a:pt x="130" y="156"/>
                </a:lnTo>
                <a:lnTo>
                  <a:pt x="122" y="148"/>
                </a:lnTo>
                <a:lnTo>
                  <a:pt x="110" y="146"/>
                </a:lnTo>
                <a:lnTo>
                  <a:pt x="98" y="138"/>
                </a:lnTo>
                <a:lnTo>
                  <a:pt x="88" y="132"/>
                </a:lnTo>
                <a:lnTo>
                  <a:pt x="74" y="120"/>
                </a:lnTo>
                <a:lnTo>
                  <a:pt x="60" y="120"/>
                </a:lnTo>
                <a:lnTo>
                  <a:pt x="54" y="116"/>
                </a:lnTo>
                <a:lnTo>
                  <a:pt x="36" y="114"/>
                </a:lnTo>
                <a:lnTo>
                  <a:pt x="24" y="114"/>
                </a:lnTo>
                <a:lnTo>
                  <a:pt x="14" y="104"/>
                </a:lnTo>
                <a:lnTo>
                  <a:pt x="2" y="96"/>
                </a:lnTo>
                <a:lnTo>
                  <a:pt x="0" y="82"/>
                </a:lnTo>
                <a:lnTo>
                  <a:pt x="2" y="60"/>
                </a:lnTo>
                <a:lnTo>
                  <a:pt x="12" y="50"/>
                </a:lnTo>
                <a:lnTo>
                  <a:pt x="20" y="42"/>
                </a:lnTo>
                <a:lnTo>
                  <a:pt x="32" y="3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19" name="Freeform 20"/>
          <p:cNvSpPr>
            <a:spLocks/>
          </p:cNvSpPr>
          <p:nvPr/>
        </p:nvSpPr>
        <p:spPr bwMode="auto">
          <a:xfrm>
            <a:off x="4733925" y="3976688"/>
            <a:ext cx="84138" cy="122237"/>
          </a:xfrm>
          <a:custGeom>
            <a:avLst/>
            <a:gdLst>
              <a:gd name="T0" fmla="*/ 2147483647 w 64"/>
              <a:gd name="T1" fmla="*/ 2147483647 h 94"/>
              <a:gd name="T2" fmla="*/ 2147483647 w 64"/>
              <a:gd name="T3" fmla="*/ 2147483647 h 94"/>
              <a:gd name="T4" fmla="*/ 2147483647 w 64"/>
              <a:gd name="T5" fmla="*/ 2147483647 h 94"/>
              <a:gd name="T6" fmla="*/ 2147483647 w 64"/>
              <a:gd name="T7" fmla="*/ 2147483647 h 94"/>
              <a:gd name="T8" fmla="*/ 0 w 64"/>
              <a:gd name="T9" fmla="*/ 2147483647 h 94"/>
              <a:gd name="T10" fmla="*/ 2147483647 w 64"/>
              <a:gd name="T11" fmla="*/ 2147483647 h 94"/>
              <a:gd name="T12" fmla="*/ 2147483647 w 64"/>
              <a:gd name="T13" fmla="*/ 2147483647 h 94"/>
              <a:gd name="T14" fmla="*/ 2147483647 w 64"/>
              <a:gd name="T15" fmla="*/ 0 h 94"/>
              <a:gd name="T16" fmla="*/ 2147483647 w 64"/>
              <a:gd name="T17" fmla="*/ 2147483647 h 94"/>
              <a:gd name="T18" fmla="*/ 2147483647 w 64"/>
              <a:gd name="T19" fmla="*/ 2147483647 h 94"/>
              <a:gd name="T20" fmla="*/ 2147483647 w 64"/>
              <a:gd name="T21" fmla="*/ 2147483647 h 94"/>
              <a:gd name="T22" fmla="*/ 2147483647 w 64"/>
              <a:gd name="T23" fmla="*/ 2147483647 h 94"/>
              <a:gd name="T24" fmla="*/ 2147483647 w 64"/>
              <a:gd name="T25" fmla="*/ 2147483647 h 94"/>
              <a:gd name="T26" fmla="*/ 2147483647 w 64"/>
              <a:gd name="T27" fmla="*/ 2147483647 h 94"/>
              <a:gd name="T28" fmla="*/ 2147483647 w 64"/>
              <a:gd name="T29" fmla="*/ 2147483647 h 94"/>
              <a:gd name="T30" fmla="*/ 2147483647 w 64"/>
              <a:gd name="T31" fmla="*/ 2147483647 h 94"/>
              <a:gd name="T32" fmla="*/ 2147483647 w 64"/>
              <a:gd name="T33" fmla="*/ 2147483647 h 94"/>
              <a:gd name="T34" fmla="*/ 2147483647 w 64"/>
              <a:gd name="T35" fmla="*/ 2147483647 h 94"/>
              <a:gd name="T36" fmla="*/ 2147483647 w 64"/>
              <a:gd name="T37" fmla="*/ 2147483647 h 94"/>
              <a:gd name="T38" fmla="*/ 2147483647 w 64"/>
              <a:gd name="T39" fmla="*/ 2147483647 h 94"/>
              <a:gd name="T40" fmla="*/ 2147483647 w 64"/>
              <a:gd name="T41" fmla="*/ 2147483647 h 94"/>
              <a:gd name="T42" fmla="*/ 2147483647 w 64"/>
              <a:gd name="T43" fmla="*/ 2147483647 h 94"/>
              <a:gd name="T44" fmla="*/ 2147483647 w 64"/>
              <a:gd name="T45" fmla="*/ 2147483647 h 94"/>
              <a:gd name="T46" fmla="*/ 2147483647 w 64"/>
              <a:gd name="T47" fmla="*/ 2147483647 h 94"/>
              <a:gd name="T48" fmla="*/ 2147483647 w 64"/>
              <a:gd name="T49" fmla="*/ 2147483647 h 94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0" t="0" r="r" b="b"/>
            <a:pathLst>
              <a:path w="64" h="94">
                <a:moveTo>
                  <a:pt x="4" y="82"/>
                </a:moveTo>
                <a:lnTo>
                  <a:pt x="6" y="72"/>
                </a:lnTo>
                <a:lnTo>
                  <a:pt x="10" y="64"/>
                </a:lnTo>
                <a:lnTo>
                  <a:pt x="2" y="52"/>
                </a:lnTo>
                <a:lnTo>
                  <a:pt x="0" y="40"/>
                </a:lnTo>
                <a:lnTo>
                  <a:pt x="2" y="24"/>
                </a:lnTo>
                <a:lnTo>
                  <a:pt x="10" y="12"/>
                </a:lnTo>
                <a:lnTo>
                  <a:pt x="16" y="0"/>
                </a:lnTo>
                <a:lnTo>
                  <a:pt x="28" y="2"/>
                </a:lnTo>
                <a:lnTo>
                  <a:pt x="34" y="2"/>
                </a:lnTo>
                <a:lnTo>
                  <a:pt x="34" y="14"/>
                </a:lnTo>
                <a:lnTo>
                  <a:pt x="32" y="26"/>
                </a:lnTo>
                <a:lnTo>
                  <a:pt x="42" y="38"/>
                </a:lnTo>
                <a:lnTo>
                  <a:pt x="52" y="46"/>
                </a:lnTo>
                <a:lnTo>
                  <a:pt x="62" y="50"/>
                </a:lnTo>
                <a:lnTo>
                  <a:pt x="64" y="58"/>
                </a:lnTo>
                <a:lnTo>
                  <a:pt x="54" y="68"/>
                </a:lnTo>
                <a:lnTo>
                  <a:pt x="48" y="76"/>
                </a:lnTo>
                <a:lnTo>
                  <a:pt x="48" y="88"/>
                </a:lnTo>
                <a:lnTo>
                  <a:pt x="38" y="86"/>
                </a:lnTo>
                <a:lnTo>
                  <a:pt x="30" y="84"/>
                </a:lnTo>
                <a:lnTo>
                  <a:pt x="24" y="90"/>
                </a:lnTo>
                <a:lnTo>
                  <a:pt x="18" y="94"/>
                </a:lnTo>
                <a:lnTo>
                  <a:pt x="10" y="86"/>
                </a:lnTo>
                <a:lnTo>
                  <a:pt x="4" y="8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20" name="Freeform 21"/>
          <p:cNvSpPr>
            <a:spLocks/>
          </p:cNvSpPr>
          <p:nvPr/>
        </p:nvSpPr>
        <p:spPr bwMode="auto">
          <a:xfrm>
            <a:off x="5140325" y="4465638"/>
            <a:ext cx="22225" cy="41275"/>
          </a:xfrm>
          <a:custGeom>
            <a:avLst/>
            <a:gdLst>
              <a:gd name="T0" fmla="*/ 2147483647 w 18"/>
              <a:gd name="T1" fmla="*/ 0 h 32"/>
              <a:gd name="T2" fmla="*/ 2147483647 w 18"/>
              <a:gd name="T3" fmla="*/ 2147483647 h 32"/>
              <a:gd name="T4" fmla="*/ 2147483647 w 18"/>
              <a:gd name="T5" fmla="*/ 2147483647 h 32"/>
              <a:gd name="T6" fmla="*/ 2147483647 w 18"/>
              <a:gd name="T7" fmla="*/ 2147483647 h 32"/>
              <a:gd name="T8" fmla="*/ 2147483647 w 18"/>
              <a:gd name="T9" fmla="*/ 2147483647 h 32"/>
              <a:gd name="T10" fmla="*/ 0 w 18"/>
              <a:gd name="T11" fmla="*/ 2147483647 h 32"/>
              <a:gd name="T12" fmla="*/ 0 w 18"/>
              <a:gd name="T13" fmla="*/ 2147483647 h 32"/>
              <a:gd name="T14" fmla="*/ 2147483647 w 18"/>
              <a:gd name="T15" fmla="*/ 2147483647 h 32"/>
              <a:gd name="T16" fmla="*/ 2147483647 w 18"/>
              <a:gd name="T17" fmla="*/ 0 h 3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18" h="32">
                <a:moveTo>
                  <a:pt x="4" y="0"/>
                </a:moveTo>
                <a:lnTo>
                  <a:pt x="14" y="2"/>
                </a:lnTo>
                <a:lnTo>
                  <a:pt x="18" y="16"/>
                </a:lnTo>
                <a:lnTo>
                  <a:pt x="16" y="26"/>
                </a:lnTo>
                <a:lnTo>
                  <a:pt x="14" y="32"/>
                </a:lnTo>
                <a:lnTo>
                  <a:pt x="0" y="30"/>
                </a:lnTo>
                <a:lnTo>
                  <a:pt x="0" y="18"/>
                </a:lnTo>
                <a:lnTo>
                  <a:pt x="2" y="4"/>
                </a:lnTo>
                <a:lnTo>
                  <a:pt x="4" y="0"/>
                </a:lnTo>
                <a:close/>
              </a:path>
            </a:pathLst>
          </a:custGeom>
          <a:solidFill>
            <a:srgbClr val="5DBACA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21" name="Freeform 22"/>
          <p:cNvSpPr>
            <a:spLocks/>
          </p:cNvSpPr>
          <p:nvPr/>
        </p:nvSpPr>
        <p:spPr bwMode="auto">
          <a:xfrm>
            <a:off x="4727575" y="4381500"/>
            <a:ext cx="523875" cy="330200"/>
          </a:xfrm>
          <a:custGeom>
            <a:avLst/>
            <a:gdLst>
              <a:gd name="T0" fmla="*/ 2147483647 w 405"/>
              <a:gd name="T1" fmla="*/ 2147483647 h 256"/>
              <a:gd name="T2" fmla="*/ 2147483647 w 405"/>
              <a:gd name="T3" fmla="*/ 2147483647 h 256"/>
              <a:gd name="T4" fmla="*/ 2147483647 w 405"/>
              <a:gd name="T5" fmla="*/ 2147483647 h 256"/>
              <a:gd name="T6" fmla="*/ 2147483647 w 405"/>
              <a:gd name="T7" fmla="*/ 2147483647 h 256"/>
              <a:gd name="T8" fmla="*/ 2147483647 w 405"/>
              <a:gd name="T9" fmla="*/ 2147483647 h 256"/>
              <a:gd name="T10" fmla="*/ 2147483647 w 405"/>
              <a:gd name="T11" fmla="*/ 2147483647 h 256"/>
              <a:gd name="T12" fmla="*/ 2147483647 w 405"/>
              <a:gd name="T13" fmla="*/ 2147483647 h 256"/>
              <a:gd name="T14" fmla="*/ 2147483647 w 405"/>
              <a:gd name="T15" fmla="*/ 2147483647 h 256"/>
              <a:gd name="T16" fmla="*/ 2147483647 w 405"/>
              <a:gd name="T17" fmla="*/ 2147483647 h 256"/>
              <a:gd name="T18" fmla="*/ 2147483647 w 405"/>
              <a:gd name="T19" fmla="*/ 2147483647 h 256"/>
              <a:gd name="T20" fmla="*/ 2147483647 w 405"/>
              <a:gd name="T21" fmla="*/ 2147483647 h 256"/>
              <a:gd name="T22" fmla="*/ 2147483647 w 405"/>
              <a:gd name="T23" fmla="*/ 2147483647 h 256"/>
              <a:gd name="T24" fmla="*/ 2147483647 w 405"/>
              <a:gd name="T25" fmla="*/ 2147483647 h 256"/>
              <a:gd name="T26" fmla="*/ 2147483647 w 405"/>
              <a:gd name="T27" fmla="*/ 2147483647 h 256"/>
              <a:gd name="T28" fmla="*/ 2147483647 w 405"/>
              <a:gd name="T29" fmla="*/ 2147483647 h 256"/>
              <a:gd name="T30" fmla="*/ 2147483647 w 405"/>
              <a:gd name="T31" fmla="*/ 2147483647 h 256"/>
              <a:gd name="T32" fmla="*/ 2147483647 w 405"/>
              <a:gd name="T33" fmla="*/ 2147483647 h 256"/>
              <a:gd name="T34" fmla="*/ 2147483647 w 405"/>
              <a:gd name="T35" fmla="*/ 2147483647 h 256"/>
              <a:gd name="T36" fmla="*/ 2147483647 w 405"/>
              <a:gd name="T37" fmla="*/ 2147483647 h 256"/>
              <a:gd name="T38" fmla="*/ 2147483647 w 405"/>
              <a:gd name="T39" fmla="*/ 2147483647 h 256"/>
              <a:gd name="T40" fmla="*/ 2147483647 w 405"/>
              <a:gd name="T41" fmla="*/ 2147483647 h 256"/>
              <a:gd name="T42" fmla="*/ 2147483647 w 405"/>
              <a:gd name="T43" fmla="*/ 2147483647 h 256"/>
              <a:gd name="T44" fmla="*/ 2147483647 w 405"/>
              <a:gd name="T45" fmla="*/ 2147483647 h 256"/>
              <a:gd name="T46" fmla="*/ 2147483647 w 405"/>
              <a:gd name="T47" fmla="*/ 2147483647 h 256"/>
              <a:gd name="T48" fmla="*/ 2147483647 w 405"/>
              <a:gd name="T49" fmla="*/ 2147483647 h 256"/>
              <a:gd name="T50" fmla="*/ 0 w 405"/>
              <a:gd name="T51" fmla="*/ 2147483647 h 256"/>
              <a:gd name="T52" fmla="*/ 2147483647 w 405"/>
              <a:gd name="T53" fmla="*/ 2147483647 h 256"/>
              <a:gd name="T54" fmla="*/ 2147483647 w 405"/>
              <a:gd name="T55" fmla="*/ 2147483647 h 256"/>
              <a:gd name="T56" fmla="*/ 2147483647 w 405"/>
              <a:gd name="T57" fmla="*/ 2147483647 h 256"/>
              <a:gd name="T58" fmla="*/ 2147483647 w 405"/>
              <a:gd name="T59" fmla="*/ 2147483647 h 256"/>
              <a:gd name="T60" fmla="*/ 2147483647 w 405"/>
              <a:gd name="T61" fmla="*/ 2147483647 h 256"/>
              <a:gd name="T62" fmla="*/ 2147483647 w 405"/>
              <a:gd name="T63" fmla="*/ 2147483647 h 256"/>
              <a:gd name="T64" fmla="*/ 2147483647 w 405"/>
              <a:gd name="T65" fmla="*/ 2147483647 h 256"/>
              <a:gd name="T66" fmla="*/ 2147483647 w 405"/>
              <a:gd name="T67" fmla="*/ 2147483647 h 256"/>
              <a:gd name="T68" fmla="*/ 2147483647 w 405"/>
              <a:gd name="T69" fmla="*/ 2147483647 h 256"/>
              <a:gd name="T70" fmla="*/ 2147483647 w 405"/>
              <a:gd name="T71" fmla="*/ 2147483647 h 256"/>
              <a:gd name="T72" fmla="*/ 2147483647 w 405"/>
              <a:gd name="T73" fmla="*/ 2147483647 h 256"/>
              <a:gd name="T74" fmla="*/ 2147483647 w 405"/>
              <a:gd name="T75" fmla="*/ 0 h 256"/>
              <a:gd name="T76" fmla="*/ 2147483647 w 405"/>
              <a:gd name="T77" fmla="*/ 2147483647 h 256"/>
              <a:gd name="T78" fmla="*/ 2147483647 w 405"/>
              <a:gd name="T79" fmla="*/ 2147483647 h 256"/>
              <a:gd name="T80" fmla="*/ 2147483647 w 405"/>
              <a:gd name="T81" fmla="*/ 2147483647 h 256"/>
              <a:gd name="T82" fmla="*/ 2147483647 w 405"/>
              <a:gd name="T83" fmla="*/ 2147483647 h 256"/>
              <a:gd name="T84" fmla="*/ 2147483647 w 405"/>
              <a:gd name="T85" fmla="*/ 2147483647 h 256"/>
              <a:gd name="T86" fmla="*/ 2147483647 w 405"/>
              <a:gd name="T87" fmla="*/ 2147483647 h 25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0" t="0" r="r" b="b"/>
            <a:pathLst>
              <a:path w="405" h="256">
                <a:moveTo>
                  <a:pt x="351" y="106"/>
                </a:moveTo>
                <a:lnTo>
                  <a:pt x="361" y="122"/>
                </a:lnTo>
                <a:lnTo>
                  <a:pt x="377" y="126"/>
                </a:lnTo>
                <a:lnTo>
                  <a:pt x="395" y="104"/>
                </a:lnTo>
                <a:lnTo>
                  <a:pt x="405" y="110"/>
                </a:lnTo>
                <a:lnTo>
                  <a:pt x="405" y="124"/>
                </a:lnTo>
                <a:lnTo>
                  <a:pt x="399" y="140"/>
                </a:lnTo>
                <a:lnTo>
                  <a:pt x="399" y="148"/>
                </a:lnTo>
                <a:lnTo>
                  <a:pt x="405" y="154"/>
                </a:lnTo>
                <a:lnTo>
                  <a:pt x="405" y="164"/>
                </a:lnTo>
                <a:lnTo>
                  <a:pt x="389" y="164"/>
                </a:lnTo>
                <a:lnTo>
                  <a:pt x="379" y="154"/>
                </a:lnTo>
                <a:lnTo>
                  <a:pt x="365" y="168"/>
                </a:lnTo>
                <a:lnTo>
                  <a:pt x="377" y="182"/>
                </a:lnTo>
                <a:lnTo>
                  <a:pt x="375" y="192"/>
                </a:lnTo>
                <a:lnTo>
                  <a:pt x="379" y="200"/>
                </a:lnTo>
                <a:lnTo>
                  <a:pt x="369" y="204"/>
                </a:lnTo>
                <a:lnTo>
                  <a:pt x="355" y="184"/>
                </a:lnTo>
                <a:lnTo>
                  <a:pt x="331" y="196"/>
                </a:lnTo>
                <a:lnTo>
                  <a:pt x="315" y="188"/>
                </a:lnTo>
                <a:lnTo>
                  <a:pt x="313" y="172"/>
                </a:lnTo>
                <a:lnTo>
                  <a:pt x="296" y="172"/>
                </a:lnTo>
                <a:lnTo>
                  <a:pt x="296" y="204"/>
                </a:lnTo>
                <a:lnTo>
                  <a:pt x="272" y="226"/>
                </a:lnTo>
                <a:lnTo>
                  <a:pt x="272" y="240"/>
                </a:lnTo>
                <a:lnTo>
                  <a:pt x="278" y="254"/>
                </a:lnTo>
                <a:lnTo>
                  <a:pt x="266" y="256"/>
                </a:lnTo>
                <a:lnTo>
                  <a:pt x="262" y="242"/>
                </a:lnTo>
                <a:lnTo>
                  <a:pt x="254" y="234"/>
                </a:lnTo>
                <a:lnTo>
                  <a:pt x="258" y="222"/>
                </a:lnTo>
                <a:lnTo>
                  <a:pt x="242" y="220"/>
                </a:lnTo>
                <a:lnTo>
                  <a:pt x="224" y="204"/>
                </a:lnTo>
                <a:lnTo>
                  <a:pt x="224" y="174"/>
                </a:lnTo>
                <a:lnTo>
                  <a:pt x="212" y="176"/>
                </a:lnTo>
                <a:lnTo>
                  <a:pt x="200" y="194"/>
                </a:lnTo>
                <a:lnTo>
                  <a:pt x="190" y="196"/>
                </a:lnTo>
                <a:lnTo>
                  <a:pt x="194" y="210"/>
                </a:lnTo>
                <a:lnTo>
                  <a:pt x="182" y="232"/>
                </a:lnTo>
                <a:lnTo>
                  <a:pt x="166" y="242"/>
                </a:lnTo>
                <a:lnTo>
                  <a:pt x="148" y="234"/>
                </a:lnTo>
                <a:lnTo>
                  <a:pt x="128" y="240"/>
                </a:lnTo>
                <a:lnTo>
                  <a:pt x="100" y="246"/>
                </a:lnTo>
                <a:lnTo>
                  <a:pt x="92" y="240"/>
                </a:lnTo>
                <a:lnTo>
                  <a:pt x="88" y="224"/>
                </a:lnTo>
                <a:lnTo>
                  <a:pt x="74" y="210"/>
                </a:lnTo>
                <a:lnTo>
                  <a:pt x="76" y="188"/>
                </a:lnTo>
                <a:lnTo>
                  <a:pt x="60" y="178"/>
                </a:lnTo>
                <a:lnTo>
                  <a:pt x="44" y="174"/>
                </a:lnTo>
                <a:lnTo>
                  <a:pt x="32" y="182"/>
                </a:lnTo>
                <a:lnTo>
                  <a:pt x="30" y="194"/>
                </a:lnTo>
                <a:lnTo>
                  <a:pt x="12" y="206"/>
                </a:lnTo>
                <a:lnTo>
                  <a:pt x="0" y="204"/>
                </a:lnTo>
                <a:lnTo>
                  <a:pt x="0" y="196"/>
                </a:lnTo>
                <a:lnTo>
                  <a:pt x="10" y="190"/>
                </a:lnTo>
                <a:lnTo>
                  <a:pt x="18" y="176"/>
                </a:lnTo>
                <a:lnTo>
                  <a:pt x="12" y="164"/>
                </a:lnTo>
                <a:lnTo>
                  <a:pt x="18" y="148"/>
                </a:lnTo>
                <a:lnTo>
                  <a:pt x="44" y="130"/>
                </a:lnTo>
                <a:lnTo>
                  <a:pt x="50" y="106"/>
                </a:lnTo>
                <a:lnTo>
                  <a:pt x="70" y="92"/>
                </a:lnTo>
                <a:lnTo>
                  <a:pt x="78" y="68"/>
                </a:lnTo>
                <a:lnTo>
                  <a:pt x="96" y="58"/>
                </a:lnTo>
                <a:lnTo>
                  <a:pt x="98" y="38"/>
                </a:lnTo>
                <a:lnTo>
                  <a:pt x="110" y="38"/>
                </a:lnTo>
                <a:lnTo>
                  <a:pt x="114" y="44"/>
                </a:lnTo>
                <a:lnTo>
                  <a:pt x="132" y="44"/>
                </a:lnTo>
                <a:lnTo>
                  <a:pt x="142" y="28"/>
                </a:lnTo>
                <a:lnTo>
                  <a:pt x="148" y="20"/>
                </a:lnTo>
                <a:lnTo>
                  <a:pt x="162" y="32"/>
                </a:lnTo>
                <a:lnTo>
                  <a:pt x="172" y="20"/>
                </a:lnTo>
                <a:lnTo>
                  <a:pt x="190" y="34"/>
                </a:lnTo>
                <a:lnTo>
                  <a:pt x="208" y="20"/>
                </a:lnTo>
                <a:lnTo>
                  <a:pt x="224" y="30"/>
                </a:lnTo>
                <a:lnTo>
                  <a:pt x="238" y="24"/>
                </a:lnTo>
                <a:lnTo>
                  <a:pt x="224" y="10"/>
                </a:lnTo>
                <a:lnTo>
                  <a:pt x="238" y="0"/>
                </a:lnTo>
                <a:lnTo>
                  <a:pt x="254" y="8"/>
                </a:lnTo>
                <a:lnTo>
                  <a:pt x="266" y="20"/>
                </a:lnTo>
                <a:lnTo>
                  <a:pt x="284" y="14"/>
                </a:lnTo>
                <a:lnTo>
                  <a:pt x="300" y="24"/>
                </a:lnTo>
                <a:lnTo>
                  <a:pt x="315" y="38"/>
                </a:lnTo>
                <a:lnTo>
                  <a:pt x="335" y="44"/>
                </a:lnTo>
                <a:lnTo>
                  <a:pt x="329" y="54"/>
                </a:lnTo>
                <a:lnTo>
                  <a:pt x="323" y="66"/>
                </a:lnTo>
                <a:lnTo>
                  <a:pt x="321" y="70"/>
                </a:lnTo>
                <a:lnTo>
                  <a:pt x="319" y="96"/>
                </a:lnTo>
                <a:lnTo>
                  <a:pt x="333" y="98"/>
                </a:lnTo>
                <a:lnTo>
                  <a:pt x="351" y="10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22" name="Freeform 23"/>
          <p:cNvSpPr>
            <a:spLocks/>
          </p:cNvSpPr>
          <p:nvPr/>
        </p:nvSpPr>
        <p:spPr bwMode="auto">
          <a:xfrm>
            <a:off x="5145088" y="4160838"/>
            <a:ext cx="846137" cy="439737"/>
          </a:xfrm>
          <a:custGeom>
            <a:avLst/>
            <a:gdLst>
              <a:gd name="T0" fmla="*/ 2147483647 w 654"/>
              <a:gd name="T1" fmla="*/ 2147483647 h 340"/>
              <a:gd name="T2" fmla="*/ 2147483647 w 654"/>
              <a:gd name="T3" fmla="*/ 2147483647 h 340"/>
              <a:gd name="T4" fmla="*/ 2147483647 w 654"/>
              <a:gd name="T5" fmla="*/ 2147483647 h 340"/>
              <a:gd name="T6" fmla="*/ 2147483647 w 654"/>
              <a:gd name="T7" fmla="*/ 2147483647 h 340"/>
              <a:gd name="T8" fmla="*/ 2147483647 w 654"/>
              <a:gd name="T9" fmla="*/ 2147483647 h 340"/>
              <a:gd name="T10" fmla="*/ 2147483647 w 654"/>
              <a:gd name="T11" fmla="*/ 2147483647 h 340"/>
              <a:gd name="T12" fmla="*/ 2147483647 w 654"/>
              <a:gd name="T13" fmla="*/ 2147483647 h 340"/>
              <a:gd name="T14" fmla="*/ 2147483647 w 654"/>
              <a:gd name="T15" fmla="*/ 2147483647 h 340"/>
              <a:gd name="T16" fmla="*/ 2147483647 w 654"/>
              <a:gd name="T17" fmla="*/ 2147483647 h 340"/>
              <a:gd name="T18" fmla="*/ 2147483647 w 654"/>
              <a:gd name="T19" fmla="*/ 2147483647 h 340"/>
              <a:gd name="T20" fmla="*/ 2147483647 w 654"/>
              <a:gd name="T21" fmla="*/ 2147483647 h 340"/>
              <a:gd name="T22" fmla="*/ 2147483647 w 654"/>
              <a:gd name="T23" fmla="*/ 2147483647 h 340"/>
              <a:gd name="T24" fmla="*/ 2147483647 w 654"/>
              <a:gd name="T25" fmla="*/ 2147483647 h 340"/>
              <a:gd name="T26" fmla="*/ 2147483647 w 654"/>
              <a:gd name="T27" fmla="*/ 2147483647 h 340"/>
              <a:gd name="T28" fmla="*/ 2147483647 w 654"/>
              <a:gd name="T29" fmla="*/ 2147483647 h 340"/>
              <a:gd name="T30" fmla="*/ 2147483647 w 654"/>
              <a:gd name="T31" fmla="*/ 2147483647 h 340"/>
              <a:gd name="T32" fmla="*/ 2147483647 w 654"/>
              <a:gd name="T33" fmla="*/ 2147483647 h 340"/>
              <a:gd name="T34" fmla="*/ 2147483647 w 654"/>
              <a:gd name="T35" fmla="*/ 2147483647 h 340"/>
              <a:gd name="T36" fmla="*/ 2147483647 w 654"/>
              <a:gd name="T37" fmla="*/ 2147483647 h 340"/>
              <a:gd name="T38" fmla="*/ 2147483647 w 654"/>
              <a:gd name="T39" fmla="*/ 2147483647 h 340"/>
              <a:gd name="T40" fmla="*/ 2147483647 w 654"/>
              <a:gd name="T41" fmla="*/ 2147483647 h 340"/>
              <a:gd name="T42" fmla="*/ 2147483647 w 654"/>
              <a:gd name="T43" fmla="*/ 2147483647 h 340"/>
              <a:gd name="T44" fmla="*/ 2147483647 w 654"/>
              <a:gd name="T45" fmla="*/ 2147483647 h 340"/>
              <a:gd name="T46" fmla="*/ 2147483647 w 654"/>
              <a:gd name="T47" fmla="*/ 2147483647 h 340"/>
              <a:gd name="T48" fmla="*/ 2147483647 w 654"/>
              <a:gd name="T49" fmla="*/ 2147483647 h 340"/>
              <a:gd name="T50" fmla="*/ 2147483647 w 654"/>
              <a:gd name="T51" fmla="*/ 2147483647 h 340"/>
              <a:gd name="T52" fmla="*/ 2147483647 w 654"/>
              <a:gd name="T53" fmla="*/ 2147483647 h 340"/>
              <a:gd name="T54" fmla="*/ 2147483647 w 654"/>
              <a:gd name="T55" fmla="*/ 2147483647 h 340"/>
              <a:gd name="T56" fmla="*/ 2147483647 w 654"/>
              <a:gd name="T57" fmla="*/ 0 h 340"/>
              <a:gd name="T58" fmla="*/ 2147483647 w 654"/>
              <a:gd name="T59" fmla="*/ 2147483647 h 340"/>
              <a:gd name="T60" fmla="*/ 2147483647 w 654"/>
              <a:gd name="T61" fmla="*/ 2147483647 h 340"/>
              <a:gd name="T62" fmla="*/ 2147483647 w 654"/>
              <a:gd name="T63" fmla="*/ 2147483647 h 340"/>
              <a:gd name="T64" fmla="*/ 2147483647 w 654"/>
              <a:gd name="T65" fmla="*/ 2147483647 h 340"/>
              <a:gd name="T66" fmla="*/ 2147483647 w 654"/>
              <a:gd name="T67" fmla="*/ 2147483647 h 340"/>
              <a:gd name="T68" fmla="*/ 2147483647 w 654"/>
              <a:gd name="T69" fmla="*/ 2147483647 h 340"/>
              <a:gd name="T70" fmla="*/ 2147483647 w 654"/>
              <a:gd name="T71" fmla="*/ 2147483647 h 340"/>
              <a:gd name="T72" fmla="*/ 2147483647 w 654"/>
              <a:gd name="T73" fmla="*/ 2147483647 h 340"/>
              <a:gd name="T74" fmla="*/ 2147483647 w 654"/>
              <a:gd name="T75" fmla="*/ 2147483647 h 340"/>
              <a:gd name="T76" fmla="*/ 2147483647 w 654"/>
              <a:gd name="T77" fmla="*/ 2147483647 h 340"/>
              <a:gd name="T78" fmla="*/ 2147483647 w 654"/>
              <a:gd name="T79" fmla="*/ 2147483647 h 340"/>
              <a:gd name="T80" fmla="*/ 2147483647 w 654"/>
              <a:gd name="T81" fmla="*/ 2147483647 h 340"/>
              <a:gd name="T82" fmla="*/ 2147483647 w 654"/>
              <a:gd name="T83" fmla="*/ 2147483647 h 340"/>
              <a:gd name="T84" fmla="*/ 2147483647 w 654"/>
              <a:gd name="T85" fmla="*/ 2147483647 h 340"/>
              <a:gd name="T86" fmla="*/ 2147483647 w 654"/>
              <a:gd name="T87" fmla="*/ 2147483647 h 340"/>
              <a:gd name="T88" fmla="*/ 2147483647 w 654"/>
              <a:gd name="T89" fmla="*/ 2147483647 h 340"/>
              <a:gd name="T90" fmla="*/ 2147483647 w 654"/>
              <a:gd name="T91" fmla="*/ 2147483647 h 340"/>
              <a:gd name="T92" fmla="*/ 2147483647 w 654"/>
              <a:gd name="T93" fmla="*/ 2147483647 h 340"/>
              <a:gd name="T94" fmla="*/ 2147483647 w 654"/>
              <a:gd name="T95" fmla="*/ 2147483647 h 340"/>
              <a:gd name="T96" fmla="*/ 2147483647 w 654"/>
              <a:gd name="T97" fmla="*/ 2147483647 h 340"/>
              <a:gd name="T98" fmla="*/ 2147483647 w 654"/>
              <a:gd name="T99" fmla="*/ 2147483647 h 340"/>
              <a:gd name="T100" fmla="*/ 0 w 654"/>
              <a:gd name="T101" fmla="*/ 2147483647 h 340"/>
              <a:gd name="T102" fmla="*/ 2147483647 w 654"/>
              <a:gd name="T103" fmla="*/ 2147483647 h 340"/>
              <a:gd name="T104" fmla="*/ 2147483647 w 654"/>
              <a:gd name="T105" fmla="*/ 2147483647 h 340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0" t="0" r="r" b="b"/>
            <a:pathLst>
              <a:path w="654" h="340">
                <a:moveTo>
                  <a:pt x="28" y="276"/>
                </a:moveTo>
                <a:lnTo>
                  <a:pt x="38" y="292"/>
                </a:lnTo>
                <a:lnTo>
                  <a:pt x="54" y="296"/>
                </a:lnTo>
                <a:lnTo>
                  <a:pt x="72" y="274"/>
                </a:lnTo>
                <a:lnTo>
                  <a:pt x="82" y="280"/>
                </a:lnTo>
                <a:lnTo>
                  <a:pt x="82" y="294"/>
                </a:lnTo>
                <a:lnTo>
                  <a:pt x="98" y="290"/>
                </a:lnTo>
                <a:lnTo>
                  <a:pt x="112" y="304"/>
                </a:lnTo>
                <a:lnTo>
                  <a:pt x="136" y="302"/>
                </a:lnTo>
                <a:lnTo>
                  <a:pt x="136" y="284"/>
                </a:lnTo>
                <a:lnTo>
                  <a:pt x="148" y="276"/>
                </a:lnTo>
                <a:lnTo>
                  <a:pt x="200" y="272"/>
                </a:lnTo>
                <a:lnTo>
                  <a:pt x="234" y="258"/>
                </a:lnTo>
                <a:lnTo>
                  <a:pt x="238" y="266"/>
                </a:lnTo>
                <a:lnTo>
                  <a:pt x="226" y="270"/>
                </a:lnTo>
                <a:lnTo>
                  <a:pt x="228" y="282"/>
                </a:lnTo>
                <a:lnTo>
                  <a:pt x="244" y="286"/>
                </a:lnTo>
                <a:lnTo>
                  <a:pt x="244" y="300"/>
                </a:lnTo>
                <a:lnTo>
                  <a:pt x="262" y="314"/>
                </a:lnTo>
                <a:lnTo>
                  <a:pt x="284" y="320"/>
                </a:lnTo>
                <a:lnTo>
                  <a:pt x="332" y="324"/>
                </a:lnTo>
                <a:lnTo>
                  <a:pt x="374" y="328"/>
                </a:lnTo>
                <a:lnTo>
                  <a:pt x="406" y="332"/>
                </a:lnTo>
                <a:lnTo>
                  <a:pt x="414" y="336"/>
                </a:lnTo>
                <a:lnTo>
                  <a:pt x="448" y="340"/>
                </a:lnTo>
                <a:lnTo>
                  <a:pt x="478" y="310"/>
                </a:lnTo>
                <a:lnTo>
                  <a:pt x="534" y="302"/>
                </a:lnTo>
                <a:lnTo>
                  <a:pt x="542" y="292"/>
                </a:lnTo>
                <a:lnTo>
                  <a:pt x="558" y="288"/>
                </a:lnTo>
                <a:lnTo>
                  <a:pt x="572" y="292"/>
                </a:lnTo>
                <a:lnTo>
                  <a:pt x="574" y="272"/>
                </a:lnTo>
                <a:lnTo>
                  <a:pt x="584" y="262"/>
                </a:lnTo>
                <a:lnTo>
                  <a:pt x="598" y="248"/>
                </a:lnTo>
                <a:lnTo>
                  <a:pt x="610" y="246"/>
                </a:lnTo>
                <a:lnTo>
                  <a:pt x="616" y="230"/>
                </a:lnTo>
                <a:lnTo>
                  <a:pt x="608" y="224"/>
                </a:lnTo>
                <a:lnTo>
                  <a:pt x="608" y="194"/>
                </a:lnTo>
                <a:lnTo>
                  <a:pt x="620" y="190"/>
                </a:lnTo>
                <a:lnTo>
                  <a:pt x="624" y="176"/>
                </a:lnTo>
                <a:lnTo>
                  <a:pt x="618" y="166"/>
                </a:lnTo>
                <a:lnTo>
                  <a:pt x="600" y="162"/>
                </a:lnTo>
                <a:lnTo>
                  <a:pt x="610" y="150"/>
                </a:lnTo>
                <a:lnTo>
                  <a:pt x="624" y="150"/>
                </a:lnTo>
                <a:lnTo>
                  <a:pt x="632" y="156"/>
                </a:lnTo>
                <a:lnTo>
                  <a:pt x="652" y="150"/>
                </a:lnTo>
                <a:lnTo>
                  <a:pt x="654" y="100"/>
                </a:lnTo>
                <a:lnTo>
                  <a:pt x="642" y="88"/>
                </a:lnTo>
                <a:lnTo>
                  <a:pt x="628" y="68"/>
                </a:lnTo>
                <a:lnTo>
                  <a:pt x="628" y="50"/>
                </a:lnTo>
                <a:lnTo>
                  <a:pt x="636" y="28"/>
                </a:lnTo>
                <a:lnTo>
                  <a:pt x="616" y="24"/>
                </a:lnTo>
                <a:lnTo>
                  <a:pt x="596" y="14"/>
                </a:lnTo>
                <a:lnTo>
                  <a:pt x="582" y="26"/>
                </a:lnTo>
                <a:lnTo>
                  <a:pt x="556" y="26"/>
                </a:lnTo>
                <a:lnTo>
                  <a:pt x="542" y="14"/>
                </a:lnTo>
                <a:lnTo>
                  <a:pt x="522" y="16"/>
                </a:lnTo>
                <a:lnTo>
                  <a:pt x="506" y="6"/>
                </a:lnTo>
                <a:lnTo>
                  <a:pt x="476" y="0"/>
                </a:lnTo>
                <a:lnTo>
                  <a:pt x="464" y="0"/>
                </a:lnTo>
                <a:lnTo>
                  <a:pt x="462" y="30"/>
                </a:lnTo>
                <a:lnTo>
                  <a:pt x="450" y="30"/>
                </a:lnTo>
                <a:lnTo>
                  <a:pt x="444" y="42"/>
                </a:lnTo>
                <a:lnTo>
                  <a:pt x="440" y="58"/>
                </a:lnTo>
                <a:lnTo>
                  <a:pt x="422" y="50"/>
                </a:lnTo>
                <a:lnTo>
                  <a:pt x="410" y="60"/>
                </a:lnTo>
                <a:lnTo>
                  <a:pt x="386" y="56"/>
                </a:lnTo>
                <a:lnTo>
                  <a:pt x="384" y="44"/>
                </a:lnTo>
                <a:lnTo>
                  <a:pt x="366" y="36"/>
                </a:lnTo>
                <a:lnTo>
                  <a:pt x="364" y="62"/>
                </a:lnTo>
                <a:lnTo>
                  <a:pt x="334" y="62"/>
                </a:lnTo>
                <a:lnTo>
                  <a:pt x="336" y="86"/>
                </a:lnTo>
                <a:lnTo>
                  <a:pt x="328" y="98"/>
                </a:lnTo>
                <a:lnTo>
                  <a:pt x="308" y="100"/>
                </a:lnTo>
                <a:lnTo>
                  <a:pt x="278" y="124"/>
                </a:lnTo>
                <a:lnTo>
                  <a:pt x="302" y="158"/>
                </a:lnTo>
                <a:lnTo>
                  <a:pt x="298" y="176"/>
                </a:lnTo>
                <a:lnTo>
                  <a:pt x="306" y="176"/>
                </a:lnTo>
                <a:lnTo>
                  <a:pt x="312" y="184"/>
                </a:lnTo>
                <a:lnTo>
                  <a:pt x="310" y="194"/>
                </a:lnTo>
                <a:lnTo>
                  <a:pt x="300" y="208"/>
                </a:lnTo>
                <a:lnTo>
                  <a:pt x="286" y="198"/>
                </a:lnTo>
                <a:lnTo>
                  <a:pt x="286" y="188"/>
                </a:lnTo>
                <a:lnTo>
                  <a:pt x="276" y="180"/>
                </a:lnTo>
                <a:lnTo>
                  <a:pt x="258" y="190"/>
                </a:lnTo>
                <a:lnTo>
                  <a:pt x="256" y="182"/>
                </a:lnTo>
                <a:lnTo>
                  <a:pt x="232" y="180"/>
                </a:lnTo>
                <a:lnTo>
                  <a:pt x="230" y="194"/>
                </a:lnTo>
                <a:lnTo>
                  <a:pt x="184" y="196"/>
                </a:lnTo>
                <a:lnTo>
                  <a:pt x="164" y="210"/>
                </a:lnTo>
                <a:lnTo>
                  <a:pt x="136" y="224"/>
                </a:lnTo>
                <a:lnTo>
                  <a:pt x="116" y="204"/>
                </a:lnTo>
                <a:lnTo>
                  <a:pt x="80" y="202"/>
                </a:lnTo>
                <a:lnTo>
                  <a:pt x="78" y="224"/>
                </a:lnTo>
                <a:lnTo>
                  <a:pt x="60" y="238"/>
                </a:lnTo>
                <a:lnTo>
                  <a:pt x="56" y="230"/>
                </a:lnTo>
                <a:lnTo>
                  <a:pt x="48" y="226"/>
                </a:lnTo>
                <a:lnTo>
                  <a:pt x="46" y="214"/>
                </a:lnTo>
                <a:lnTo>
                  <a:pt x="22" y="200"/>
                </a:lnTo>
                <a:lnTo>
                  <a:pt x="12" y="214"/>
                </a:lnTo>
                <a:lnTo>
                  <a:pt x="10" y="216"/>
                </a:lnTo>
                <a:lnTo>
                  <a:pt x="4" y="228"/>
                </a:lnTo>
                <a:lnTo>
                  <a:pt x="0" y="236"/>
                </a:lnTo>
                <a:lnTo>
                  <a:pt x="10" y="238"/>
                </a:lnTo>
                <a:lnTo>
                  <a:pt x="14" y="252"/>
                </a:lnTo>
                <a:lnTo>
                  <a:pt x="10" y="268"/>
                </a:lnTo>
                <a:lnTo>
                  <a:pt x="28" y="27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23" name="Freeform 24"/>
          <p:cNvSpPr>
            <a:spLocks/>
          </p:cNvSpPr>
          <p:nvPr/>
        </p:nvSpPr>
        <p:spPr bwMode="auto">
          <a:xfrm>
            <a:off x="5422900" y="3827463"/>
            <a:ext cx="731838" cy="411162"/>
          </a:xfrm>
          <a:custGeom>
            <a:avLst/>
            <a:gdLst>
              <a:gd name="T0" fmla="*/ 2147483647 w 566"/>
              <a:gd name="T1" fmla="*/ 0 h 318"/>
              <a:gd name="T2" fmla="*/ 2147483647 w 566"/>
              <a:gd name="T3" fmla="*/ 2147483647 h 318"/>
              <a:gd name="T4" fmla="*/ 2147483647 w 566"/>
              <a:gd name="T5" fmla="*/ 2147483647 h 318"/>
              <a:gd name="T6" fmla="*/ 2147483647 w 566"/>
              <a:gd name="T7" fmla="*/ 2147483647 h 318"/>
              <a:gd name="T8" fmla="*/ 2147483647 w 566"/>
              <a:gd name="T9" fmla="*/ 2147483647 h 318"/>
              <a:gd name="T10" fmla="*/ 2147483647 w 566"/>
              <a:gd name="T11" fmla="*/ 2147483647 h 318"/>
              <a:gd name="T12" fmla="*/ 2147483647 w 566"/>
              <a:gd name="T13" fmla="*/ 2147483647 h 318"/>
              <a:gd name="T14" fmla="*/ 2147483647 w 566"/>
              <a:gd name="T15" fmla="*/ 2147483647 h 318"/>
              <a:gd name="T16" fmla="*/ 2147483647 w 566"/>
              <a:gd name="T17" fmla="*/ 2147483647 h 318"/>
              <a:gd name="T18" fmla="*/ 2147483647 w 566"/>
              <a:gd name="T19" fmla="*/ 2147483647 h 318"/>
              <a:gd name="T20" fmla="*/ 2147483647 w 566"/>
              <a:gd name="T21" fmla="*/ 2147483647 h 318"/>
              <a:gd name="T22" fmla="*/ 2147483647 w 566"/>
              <a:gd name="T23" fmla="*/ 2147483647 h 318"/>
              <a:gd name="T24" fmla="*/ 2147483647 w 566"/>
              <a:gd name="T25" fmla="*/ 2147483647 h 318"/>
              <a:gd name="T26" fmla="*/ 2147483647 w 566"/>
              <a:gd name="T27" fmla="*/ 2147483647 h 318"/>
              <a:gd name="T28" fmla="*/ 2147483647 w 566"/>
              <a:gd name="T29" fmla="*/ 2147483647 h 318"/>
              <a:gd name="T30" fmla="*/ 2147483647 w 566"/>
              <a:gd name="T31" fmla="*/ 2147483647 h 318"/>
              <a:gd name="T32" fmla="*/ 2147483647 w 566"/>
              <a:gd name="T33" fmla="*/ 2147483647 h 318"/>
              <a:gd name="T34" fmla="*/ 2147483647 w 566"/>
              <a:gd name="T35" fmla="*/ 2147483647 h 318"/>
              <a:gd name="T36" fmla="*/ 2147483647 w 566"/>
              <a:gd name="T37" fmla="*/ 2147483647 h 318"/>
              <a:gd name="T38" fmla="*/ 2147483647 w 566"/>
              <a:gd name="T39" fmla="*/ 2147483647 h 318"/>
              <a:gd name="T40" fmla="*/ 2147483647 w 566"/>
              <a:gd name="T41" fmla="*/ 2147483647 h 318"/>
              <a:gd name="T42" fmla="*/ 2147483647 w 566"/>
              <a:gd name="T43" fmla="*/ 2147483647 h 318"/>
              <a:gd name="T44" fmla="*/ 2147483647 w 566"/>
              <a:gd name="T45" fmla="*/ 2147483647 h 318"/>
              <a:gd name="T46" fmla="*/ 2147483647 w 566"/>
              <a:gd name="T47" fmla="*/ 2147483647 h 318"/>
              <a:gd name="T48" fmla="*/ 2147483647 w 566"/>
              <a:gd name="T49" fmla="*/ 2147483647 h 318"/>
              <a:gd name="T50" fmla="*/ 2147483647 w 566"/>
              <a:gd name="T51" fmla="*/ 2147483647 h 318"/>
              <a:gd name="T52" fmla="*/ 2147483647 w 566"/>
              <a:gd name="T53" fmla="*/ 2147483647 h 318"/>
              <a:gd name="T54" fmla="*/ 2147483647 w 566"/>
              <a:gd name="T55" fmla="*/ 2147483647 h 318"/>
              <a:gd name="T56" fmla="*/ 2147483647 w 566"/>
              <a:gd name="T57" fmla="*/ 2147483647 h 318"/>
              <a:gd name="T58" fmla="*/ 2147483647 w 566"/>
              <a:gd name="T59" fmla="*/ 2147483647 h 318"/>
              <a:gd name="T60" fmla="*/ 2147483647 w 566"/>
              <a:gd name="T61" fmla="*/ 2147483647 h 318"/>
              <a:gd name="T62" fmla="*/ 2147483647 w 566"/>
              <a:gd name="T63" fmla="*/ 2147483647 h 318"/>
              <a:gd name="T64" fmla="*/ 2147483647 w 566"/>
              <a:gd name="T65" fmla="*/ 2147483647 h 318"/>
              <a:gd name="T66" fmla="*/ 2147483647 w 566"/>
              <a:gd name="T67" fmla="*/ 2147483647 h 318"/>
              <a:gd name="T68" fmla="*/ 2147483647 w 566"/>
              <a:gd name="T69" fmla="*/ 2147483647 h 318"/>
              <a:gd name="T70" fmla="*/ 2147483647 w 566"/>
              <a:gd name="T71" fmla="*/ 2147483647 h 318"/>
              <a:gd name="T72" fmla="*/ 2147483647 w 566"/>
              <a:gd name="T73" fmla="*/ 2147483647 h 318"/>
              <a:gd name="T74" fmla="*/ 2147483647 w 566"/>
              <a:gd name="T75" fmla="*/ 2147483647 h 318"/>
              <a:gd name="T76" fmla="*/ 2147483647 w 566"/>
              <a:gd name="T77" fmla="*/ 2147483647 h 318"/>
              <a:gd name="T78" fmla="*/ 2147483647 w 566"/>
              <a:gd name="T79" fmla="*/ 2147483647 h 318"/>
              <a:gd name="T80" fmla="*/ 2147483647 w 566"/>
              <a:gd name="T81" fmla="*/ 2147483647 h 318"/>
              <a:gd name="T82" fmla="*/ 0 w 566"/>
              <a:gd name="T83" fmla="*/ 2147483647 h 318"/>
              <a:gd name="T84" fmla="*/ 2147483647 w 566"/>
              <a:gd name="T85" fmla="*/ 2147483647 h 318"/>
              <a:gd name="T86" fmla="*/ 2147483647 w 566"/>
              <a:gd name="T87" fmla="*/ 2147483647 h 318"/>
              <a:gd name="T88" fmla="*/ 2147483647 w 566"/>
              <a:gd name="T89" fmla="*/ 2147483647 h 318"/>
              <a:gd name="T90" fmla="*/ 2147483647 w 566"/>
              <a:gd name="T91" fmla="*/ 2147483647 h 318"/>
              <a:gd name="T92" fmla="*/ 2147483647 w 566"/>
              <a:gd name="T93" fmla="*/ 2147483647 h 318"/>
              <a:gd name="T94" fmla="*/ 2147483647 w 566"/>
              <a:gd name="T95" fmla="*/ 2147483647 h 318"/>
              <a:gd name="T96" fmla="*/ 2147483647 w 566"/>
              <a:gd name="T97" fmla="*/ 2147483647 h 318"/>
              <a:gd name="T98" fmla="*/ 2147483647 w 566"/>
              <a:gd name="T99" fmla="*/ 0 h 318"/>
              <a:gd name="T100" fmla="*/ 2147483647 w 566"/>
              <a:gd name="T101" fmla="*/ 2147483647 h 318"/>
              <a:gd name="T102" fmla="*/ 2147483647 w 566"/>
              <a:gd name="T103" fmla="*/ 2147483647 h 318"/>
              <a:gd name="T104" fmla="*/ 2147483647 w 566"/>
              <a:gd name="T105" fmla="*/ 0 h 318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0" t="0" r="r" b="b"/>
            <a:pathLst>
              <a:path w="566" h="318">
                <a:moveTo>
                  <a:pt x="226" y="0"/>
                </a:moveTo>
                <a:lnTo>
                  <a:pt x="248" y="0"/>
                </a:lnTo>
                <a:lnTo>
                  <a:pt x="256" y="6"/>
                </a:lnTo>
                <a:lnTo>
                  <a:pt x="256" y="16"/>
                </a:lnTo>
                <a:lnTo>
                  <a:pt x="270" y="26"/>
                </a:lnTo>
                <a:lnTo>
                  <a:pt x="302" y="32"/>
                </a:lnTo>
                <a:lnTo>
                  <a:pt x="316" y="38"/>
                </a:lnTo>
                <a:lnTo>
                  <a:pt x="320" y="42"/>
                </a:lnTo>
                <a:lnTo>
                  <a:pt x="334" y="38"/>
                </a:lnTo>
                <a:lnTo>
                  <a:pt x="346" y="36"/>
                </a:lnTo>
                <a:lnTo>
                  <a:pt x="354" y="46"/>
                </a:lnTo>
                <a:lnTo>
                  <a:pt x="336" y="68"/>
                </a:lnTo>
                <a:lnTo>
                  <a:pt x="352" y="78"/>
                </a:lnTo>
                <a:lnTo>
                  <a:pt x="364" y="88"/>
                </a:lnTo>
                <a:lnTo>
                  <a:pt x="366" y="96"/>
                </a:lnTo>
                <a:lnTo>
                  <a:pt x="376" y="106"/>
                </a:lnTo>
                <a:lnTo>
                  <a:pt x="406" y="82"/>
                </a:lnTo>
                <a:lnTo>
                  <a:pt x="396" y="72"/>
                </a:lnTo>
                <a:lnTo>
                  <a:pt x="396" y="62"/>
                </a:lnTo>
                <a:lnTo>
                  <a:pt x="406" y="60"/>
                </a:lnTo>
                <a:lnTo>
                  <a:pt x="426" y="72"/>
                </a:lnTo>
                <a:lnTo>
                  <a:pt x="436" y="78"/>
                </a:lnTo>
                <a:lnTo>
                  <a:pt x="456" y="78"/>
                </a:lnTo>
                <a:lnTo>
                  <a:pt x="466" y="70"/>
                </a:lnTo>
                <a:lnTo>
                  <a:pt x="466" y="86"/>
                </a:lnTo>
                <a:lnTo>
                  <a:pt x="458" y="90"/>
                </a:lnTo>
                <a:lnTo>
                  <a:pt x="458" y="96"/>
                </a:lnTo>
                <a:lnTo>
                  <a:pt x="466" y="98"/>
                </a:lnTo>
                <a:lnTo>
                  <a:pt x="474" y="112"/>
                </a:lnTo>
                <a:lnTo>
                  <a:pt x="492" y="102"/>
                </a:lnTo>
                <a:lnTo>
                  <a:pt x="512" y="108"/>
                </a:lnTo>
                <a:lnTo>
                  <a:pt x="530" y="112"/>
                </a:lnTo>
                <a:lnTo>
                  <a:pt x="542" y="120"/>
                </a:lnTo>
                <a:lnTo>
                  <a:pt x="542" y="128"/>
                </a:lnTo>
                <a:lnTo>
                  <a:pt x="552" y="142"/>
                </a:lnTo>
                <a:lnTo>
                  <a:pt x="564" y="144"/>
                </a:lnTo>
                <a:lnTo>
                  <a:pt x="566" y="162"/>
                </a:lnTo>
                <a:lnTo>
                  <a:pt x="552" y="166"/>
                </a:lnTo>
                <a:lnTo>
                  <a:pt x="532" y="178"/>
                </a:lnTo>
                <a:lnTo>
                  <a:pt x="532" y="192"/>
                </a:lnTo>
                <a:lnTo>
                  <a:pt x="514" y="200"/>
                </a:lnTo>
                <a:lnTo>
                  <a:pt x="512" y="228"/>
                </a:lnTo>
                <a:lnTo>
                  <a:pt x="500" y="230"/>
                </a:lnTo>
                <a:lnTo>
                  <a:pt x="496" y="246"/>
                </a:lnTo>
                <a:lnTo>
                  <a:pt x="468" y="264"/>
                </a:lnTo>
                <a:lnTo>
                  <a:pt x="438" y="262"/>
                </a:lnTo>
                <a:lnTo>
                  <a:pt x="422" y="286"/>
                </a:lnTo>
                <a:lnTo>
                  <a:pt x="402" y="282"/>
                </a:lnTo>
                <a:lnTo>
                  <a:pt x="382" y="272"/>
                </a:lnTo>
                <a:lnTo>
                  <a:pt x="368" y="284"/>
                </a:lnTo>
                <a:lnTo>
                  <a:pt x="342" y="284"/>
                </a:lnTo>
                <a:lnTo>
                  <a:pt x="328" y="272"/>
                </a:lnTo>
                <a:lnTo>
                  <a:pt x="308" y="274"/>
                </a:lnTo>
                <a:lnTo>
                  <a:pt x="292" y="262"/>
                </a:lnTo>
                <a:lnTo>
                  <a:pt x="262" y="258"/>
                </a:lnTo>
                <a:lnTo>
                  <a:pt x="250" y="258"/>
                </a:lnTo>
                <a:lnTo>
                  <a:pt x="248" y="288"/>
                </a:lnTo>
                <a:lnTo>
                  <a:pt x="236" y="288"/>
                </a:lnTo>
                <a:lnTo>
                  <a:pt x="230" y="300"/>
                </a:lnTo>
                <a:lnTo>
                  <a:pt x="226" y="316"/>
                </a:lnTo>
                <a:lnTo>
                  <a:pt x="208" y="308"/>
                </a:lnTo>
                <a:lnTo>
                  <a:pt x="196" y="318"/>
                </a:lnTo>
                <a:lnTo>
                  <a:pt x="172" y="314"/>
                </a:lnTo>
                <a:lnTo>
                  <a:pt x="170" y="302"/>
                </a:lnTo>
                <a:lnTo>
                  <a:pt x="152" y="294"/>
                </a:lnTo>
                <a:lnTo>
                  <a:pt x="146" y="282"/>
                </a:lnTo>
                <a:lnTo>
                  <a:pt x="132" y="272"/>
                </a:lnTo>
                <a:lnTo>
                  <a:pt x="112" y="270"/>
                </a:lnTo>
                <a:lnTo>
                  <a:pt x="114" y="262"/>
                </a:lnTo>
                <a:lnTo>
                  <a:pt x="104" y="256"/>
                </a:lnTo>
                <a:lnTo>
                  <a:pt x="98" y="254"/>
                </a:lnTo>
                <a:lnTo>
                  <a:pt x="92" y="244"/>
                </a:lnTo>
                <a:lnTo>
                  <a:pt x="76" y="228"/>
                </a:lnTo>
                <a:lnTo>
                  <a:pt x="62" y="228"/>
                </a:lnTo>
                <a:lnTo>
                  <a:pt x="42" y="202"/>
                </a:lnTo>
                <a:lnTo>
                  <a:pt x="38" y="186"/>
                </a:lnTo>
                <a:lnTo>
                  <a:pt x="28" y="176"/>
                </a:lnTo>
                <a:lnTo>
                  <a:pt x="34" y="164"/>
                </a:lnTo>
                <a:lnTo>
                  <a:pt x="32" y="148"/>
                </a:lnTo>
                <a:lnTo>
                  <a:pt x="20" y="142"/>
                </a:lnTo>
                <a:lnTo>
                  <a:pt x="16" y="140"/>
                </a:lnTo>
                <a:lnTo>
                  <a:pt x="6" y="128"/>
                </a:lnTo>
                <a:lnTo>
                  <a:pt x="4" y="116"/>
                </a:lnTo>
                <a:lnTo>
                  <a:pt x="0" y="104"/>
                </a:lnTo>
                <a:lnTo>
                  <a:pt x="10" y="104"/>
                </a:lnTo>
                <a:lnTo>
                  <a:pt x="18" y="118"/>
                </a:lnTo>
                <a:lnTo>
                  <a:pt x="26" y="100"/>
                </a:lnTo>
                <a:lnTo>
                  <a:pt x="36" y="90"/>
                </a:lnTo>
                <a:lnTo>
                  <a:pt x="50" y="84"/>
                </a:lnTo>
                <a:lnTo>
                  <a:pt x="70" y="86"/>
                </a:lnTo>
                <a:lnTo>
                  <a:pt x="94" y="60"/>
                </a:lnTo>
                <a:lnTo>
                  <a:pt x="110" y="60"/>
                </a:lnTo>
                <a:lnTo>
                  <a:pt x="122" y="44"/>
                </a:lnTo>
                <a:lnTo>
                  <a:pt x="140" y="44"/>
                </a:lnTo>
                <a:lnTo>
                  <a:pt x="146" y="34"/>
                </a:lnTo>
                <a:lnTo>
                  <a:pt x="162" y="32"/>
                </a:lnTo>
                <a:lnTo>
                  <a:pt x="176" y="22"/>
                </a:lnTo>
                <a:lnTo>
                  <a:pt x="182" y="16"/>
                </a:lnTo>
                <a:lnTo>
                  <a:pt x="172" y="4"/>
                </a:lnTo>
                <a:lnTo>
                  <a:pt x="190" y="0"/>
                </a:lnTo>
                <a:lnTo>
                  <a:pt x="196" y="6"/>
                </a:lnTo>
                <a:lnTo>
                  <a:pt x="202" y="20"/>
                </a:lnTo>
                <a:lnTo>
                  <a:pt x="208" y="28"/>
                </a:lnTo>
                <a:lnTo>
                  <a:pt x="216" y="26"/>
                </a:lnTo>
                <a:lnTo>
                  <a:pt x="224" y="12"/>
                </a:lnTo>
                <a:lnTo>
                  <a:pt x="226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24" name="Freeform 25"/>
          <p:cNvSpPr>
            <a:spLocks/>
          </p:cNvSpPr>
          <p:nvPr/>
        </p:nvSpPr>
        <p:spPr bwMode="auto">
          <a:xfrm>
            <a:off x="6540500" y="3224213"/>
            <a:ext cx="1225550" cy="1301750"/>
          </a:xfrm>
          <a:custGeom>
            <a:avLst/>
            <a:gdLst>
              <a:gd name="T0" fmla="*/ 2147483647 w 946"/>
              <a:gd name="T1" fmla="*/ 2147483647 h 1005"/>
              <a:gd name="T2" fmla="*/ 2147483647 w 946"/>
              <a:gd name="T3" fmla="*/ 2147483647 h 1005"/>
              <a:gd name="T4" fmla="*/ 2147483647 w 946"/>
              <a:gd name="T5" fmla="*/ 2147483647 h 1005"/>
              <a:gd name="T6" fmla="*/ 2147483647 w 946"/>
              <a:gd name="T7" fmla="*/ 2147483647 h 1005"/>
              <a:gd name="T8" fmla="*/ 2147483647 w 946"/>
              <a:gd name="T9" fmla="*/ 2147483647 h 1005"/>
              <a:gd name="T10" fmla="*/ 2147483647 w 946"/>
              <a:gd name="T11" fmla="*/ 2147483647 h 1005"/>
              <a:gd name="T12" fmla="*/ 2147483647 w 946"/>
              <a:gd name="T13" fmla="*/ 2147483647 h 1005"/>
              <a:gd name="T14" fmla="*/ 2147483647 w 946"/>
              <a:gd name="T15" fmla="*/ 2147483647 h 1005"/>
              <a:gd name="T16" fmla="*/ 2147483647 w 946"/>
              <a:gd name="T17" fmla="*/ 2147483647 h 1005"/>
              <a:gd name="T18" fmla="*/ 2147483647 w 946"/>
              <a:gd name="T19" fmla="*/ 2147483647 h 1005"/>
              <a:gd name="T20" fmla="*/ 2147483647 w 946"/>
              <a:gd name="T21" fmla="*/ 2147483647 h 1005"/>
              <a:gd name="T22" fmla="*/ 2147483647 w 946"/>
              <a:gd name="T23" fmla="*/ 2147483647 h 1005"/>
              <a:gd name="T24" fmla="*/ 2147483647 w 946"/>
              <a:gd name="T25" fmla="*/ 2147483647 h 1005"/>
              <a:gd name="T26" fmla="*/ 2147483647 w 946"/>
              <a:gd name="T27" fmla="*/ 2147483647 h 1005"/>
              <a:gd name="T28" fmla="*/ 2147483647 w 946"/>
              <a:gd name="T29" fmla="*/ 2147483647 h 1005"/>
              <a:gd name="T30" fmla="*/ 2147483647 w 946"/>
              <a:gd name="T31" fmla="*/ 2147483647 h 1005"/>
              <a:gd name="T32" fmla="*/ 2147483647 w 946"/>
              <a:gd name="T33" fmla="*/ 2147483647 h 1005"/>
              <a:gd name="T34" fmla="*/ 2147483647 w 946"/>
              <a:gd name="T35" fmla="*/ 2147483647 h 1005"/>
              <a:gd name="T36" fmla="*/ 2147483647 w 946"/>
              <a:gd name="T37" fmla="*/ 2147483647 h 1005"/>
              <a:gd name="T38" fmla="*/ 2147483647 w 946"/>
              <a:gd name="T39" fmla="*/ 2147483647 h 1005"/>
              <a:gd name="T40" fmla="*/ 2147483647 w 946"/>
              <a:gd name="T41" fmla="*/ 2147483647 h 1005"/>
              <a:gd name="T42" fmla="*/ 2147483647 w 946"/>
              <a:gd name="T43" fmla="*/ 2147483647 h 1005"/>
              <a:gd name="T44" fmla="*/ 2147483647 w 946"/>
              <a:gd name="T45" fmla="*/ 2147483647 h 1005"/>
              <a:gd name="T46" fmla="*/ 2147483647 w 946"/>
              <a:gd name="T47" fmla="*/ 2147483647 h 1005"/>
              <a:gd name="T48" fmla="*/ 2147483647 w 946"/>
              <a:gd name="T49" fmla="*/ 2147483647 h 1005"/>
              <a:gd name="T50" fmla="*/ 2147483647 w 946"/>
              <a:gd name="T51" fmla="*/ 2147483647 h 1005"/>
              <a:gd name="T52" fmla="*/ 2147483647 w 946"/>
              <a:gd name="T53" fmla="*/ 2147483647 h 1005"/>
              <a:gd name="T54" fmla="*/ 2147483647 w 946"/>
              <a:gd name="T55" fmla="*/ 2147483647 h 1005"/>
              <a:gd name="T56" fmla="*/ 2147483647 w 946"/>
              <a:gd name="T57" fmla="*/ 2147483647 h 1005"/>
              <a:gd name="T58" fmla="*/ 2147483647 w 946"/>
              <a:gd name="T59" fmla="*/ 2147483647 h 1005"/>
              <a:gd name="T60" fmla="*/ 2147483647 w 946"/>
              <a:gd name="T61" fmla="*/ 2147483647 h 1005"/>
              <a:gd name="T62" fmla="*/ 2147483647 w 946"/>
              <a:gd name="T63" fmla="*/ 2147483647 h 1005"/>
              <a:gd name="T64" fmla="*/ 2147483647 w 946"/>
              <a:gd name="T65" fmla="*/ 2147483647 h 1005"/>
              <a:gd name="T66" fmla="*/ 2147483647 w 946"/>
              <a:gd name="T67" fmla="*/ 2147483647 h 1005"/>
              <a:gd name="T68" fmla="*/ 2147483647 w 946"/>
              <a:gd name="T69" fmla="*/ 2147483647 h 1005"/>
              <a:gd name="T70" fmla="*/ 2147483647 w 946"/>
              <a:gd name="T71" fmla="*/ 2147483647 h 1005"/>
              <a:gd name="T72" fmla="*/ 2147483647 w 946"/>
              <a:gd name="T73" fmla="*/ 2147483647 h 1005"/>
              <a:gd name="T74" fmla="*/ 2147483647 w 946"/>
              <a:gd name="T75" fmla="*/ 2147483647 h 1005"/>
              <a:gd name="T76" fmla="*/ 2147483647 w 946"/>
              <a:gd name="T77" fmla="*/ 2147483647 h 1005"/>
              <a:gd name="T78" fmla="*/ 2147483647 w 946"/>
              <a:gd name="T79" fmla="*/ 2147483647 h 1005"/>
              <a:gd name="T80" fmla="*/ 2147483647 w 946"/>
              <a:gd name="T81" fmla="*/ 2147483647 h 1005"/>
              <a:gd name="T82" fmla="*/ 2147483647 w 946"/>
              <a:gd name="T83" fmla="*/ 2147483647 h 1005"/>
              <a:gd name="T84" fmla="*/ 2147483647 w 946"/>
              <a:gd name="T85" fmla="*/ 2147483647 h 1005"/>
              <a:gd name="T86" fmla="*/ 2147483647 w 946"/>
              <a:gd name="T87" fmla="*/ 2147483647 h 1005"/>
              <a:gd name="T88" fmla="*/ 2147483647 w 946"/>
              <a:gd name="T89" fmla="*/ 2147483647 h 1005"/>
              <a:gd name="T90" fmla="*/ 2147483647 w 946"/>
              <a:gd name="T91" fmla="*/ 2147483647 h 1005"/>
              <a:gd name="T92" fmla="*/ 2147483647 w 946"/>
              <a:gd name="T93" fmla="*/ 2147483647 h 1005"/>
              <a:gd name="T94" fmla="*/ 2147483647 w 946"/>
              <a:gd name="T95" fmla="*/ 2147483647 h 1005"/>
              <a:gd name="T96" fmla="*/ 2147483647 w 946"/>
              <a:gd name="T97" fmla="*/ 2147483647 h 1005"/>
              <a:gd name="T98" fmla="*/ 2147483647 w 946"/>
              <a:gd name="T99" fmla="*/ 2147483647 h 1005"/>
              <a:gd name="T100" fmla="*/ 2147483647 w 946"/>
              <a:gd name="T101" fmla="*/ 2147483647 h 1005"/>
              <a:gd name="T102" fmla="*/ 2147483647 w 946"/>
              <a:gd name="T103" fmla="*/ 2147483647 h 1005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946" h="1005">
                <a:moveTo>
                  <a:pt x="44" y="309"/>
                </a:moveTo>
                <a:lnTo>
                  <a:pt x="56" y="293"/>
                </a:lnTo>
                <a:lnTo>
                  <a:pt x="68" y="291"/>
                </a:lnTo>
                <a:lnTo>
                  <a:pt x="78" y="297"/>
                </a:lnTo>
                <a:lnTo>
                  <a:pt x="98" y="277"/>
                </a:lnTo>
                <a:lnTo>
                  <a:pt x="100" y="257"/>
                </a:lnTo>
                <a:lnTo>
                  <a:pt x="138" y="247"/>
                </a:lnTo>
                <a:lnTo>
                  <a:pt x="160" y="229"/>
                </a:lnTo>
                <a:lnTo>
                  <a:pt x="216" y="223"/>
                </a:lnTo>
                <a:lnTo>
                  <a:pt x="264" y="227"/>
                </a:lnTo>
                <a:lnTo>
                  <a:pt x="320" y="219"/>
                </a:lnTo>
                <a:lnTo>
                  <a:pt x="336" y="235"/>
                </a:lnTo>
                <a:lnTo>
                  <a:pt x="354" y="231"/>
                </a:lnTo>
                <a:lnTo>
                  <a:pt x="368" y="231"/>
                </a:lnTo>
                <a:lnTo>
                  <a:pt x="370" y="245"/>
                </a:lnTo>
                <a:lnTo>
                  <a:pt x="382" y="245"/>
                </a:lnTo>
                <a:lnTo>
                  <a:pt x="382" y="229"/>
                </a:lnTo>
                <a:lnTo>
                  <a:pt x="402" y="227"/>
                </a:lnTo>
                <a:lnTo>
                  <a:pt x="410" y="213"/>
                </a:lnTo>
                <a:lnTo>
                  <a:pt x="424" y="225"/>
                </a:lnTo>
                <a:lnTo>
                  <a:pt x="436" y="215"/>
                </a:lnTo>
                <a:lnTo>
                  <a:pt x="448" y="229"/>
                </a:lnTo>
                <a:lnTo>
                  <a:pt x="458" y="227"/>
                </a:lnTo>
                <a:lnTo>
                  <a:pt x="458" y="217"/>
                </a:lnTo>
                <a:lnTo>
                  <a:pt x="480" y="197"/>
                </a:lnTo>
                <a:lnTo>
                  <a:pt x="494" y="215"/>
                </a:lnTo>
                <a:lnTo>
                  <a:pt x="506" y="227"/>
                </a:lnTo>
                <a:lnTo>
                  <a:pt x="518" y="215"/>
                </a:lnTo>
                <a:lnTo>
                  <a:pt x="526" y="203"/>
                </a:lnTo>
                <a:lnTo>
                  <a:pt x="540" y="209"/>
                </a:lnTo>
                <a:lnTo>
                  <a:pt x="560" y="193"/>
                </a:lnTo>
                <a:lnTo>
                  <a:pt x="572" y="193"/>
                </a:lnTo>
                <a:lnTo>
                  <a:pt x="582" y="205"/>
                </a:lnTo>
                <a:lnTo>
                  <a:pt x="596" y="211"/>
                </a:lnTo>
                <a:lnTo>
                  <a:pt x="608" y="203"/>
                </a:lnTo>
                <a:lnTo>
                  <a:pt x="592" y="181"/>
                </a:lnTo>
                <a:lnTo>
                  <a:pt x="592" y="153"/>
                </a:lnTo>
                <a:lnTo>
                  <a:pt x="598" y="123"/>
                </a:lnTo>
                <a:lnTo>
                  <a:pt x="606" y="100"/>
                </a:lnTo>
                <a:lnTo>
                  <a:pt x="626" y="98"/>
                </a:lnTo>
                <a:lnTo>
                  <a:pt x="642" y="86"/>
                </a:lnTo>
                <a:lnTo>
                  <a:pt x="670" y="78"/>
                </a:lnTo>
                <a:lnTo>
                  <a:pt x="684" y="82"/>
                </a:lnTo>
                <a:lnTo>
                  <a:pt x="704" y="72"/>
                </a:lnTo>
                <a:lnTo>
                  <a:pt x="706" y="38"/>
                </a:lnTo>
                <a:lnTo>
                  <a:pt x="744" y="34"/>
                </a:lnTo>
                <a:lnTo>
                  <a:pt x="764" y="12"/>
                </a:lnTo>
                <a:lnTo>
                  <a:pt x="782" y="6"/>
                </a:lnTo>
                <a:lnTo>
                  <a:pt x="794" y="8"/>
                </a:lnTo>
                <a:lnTo>
                  <a:pt x="808" y="0"/>
                </a:lnTo>
                <a:lnTo>
                  <a:pt x="840" y="16"/>
                </a:lnTo>
                <a:lnTo>
                  <a:pt x="848" y="38"/>
                </a:lnTo>
                <a:lnTo>
                  <a:pt x="866" y="42"/>
                </a:lnTo>
                <a:lnTo>
                  <a:pt x="884" y="60"/>
                </a:lnTo>
                <a:lnTo>
                  <a:pt x="862" y="74"/>
                </a:lnTo>
                <a:lnTo>
                  <a:pt x="878" y="92"/>
                </a:lnTo>
                <a:lnTo>
                  <a:pt x="880" y="106"/>
                </a:lnTo>
                <a:lnTo>
                  <a:pt x="888" y="108"/>
                </a:lnTo>
                <a:lnTo>
                  <a:pt x="888" y="121"/>
                </a:lnTo>
                <a:lnTo>
                  <a:pt x="898" y="123"/>
                </a:lnTo>
                <a:lnTo>
                  <a:pt x="920" y="114"/>
                </a:lnTo>
                <a:lnTo>
                  <a:pt x="926" y="119"/>
                </a:lnTo>
                <a:lnTo>
                  <a:pt x="934" y="119"/>
                </a:lnTo>
                <a:lnTo>
                  <a:pt x="946" y="108"/>
                </a:lnTo>
                <a:lnTo>
                  <a:pt x="946" y="741"/>
                </a:lnTo>
                <a:lnTo>
                  <a:pt x="936" y="743"/>
                </a:lnTo>
                <a:lnTo>
                  <a:pt x="924" y="749"/>
                </a:lnTo>
                <a:lnTo>
                  <a:pt x="910" y="749"/>
                </a:lnTo>
                <a:lnTo>
                  <a:pt x="890" y="743"/>
                </a:lnTo>
                <a:lnTo>
                  <a:pt x="886" y="727"/>
                </a:lnTo>
                <a:lnTo>
                  <a:pt x="884" y="713"/>
                </a:lnTo>
                <a:lnTo>
                  <a:pt x="872" y="705"/>
                </a:lnTo>
                <a:lnTo>
                  <a:pt x="866" y="695"/>
                </a:lnTo>
                <a:lnTo>
                  <a:pt x="854" y="685"/>
                </a:lnTo>
                <a:lnTo>
                  <a:pt x="860" y="695"/>
                </a:lnTo>
                <a:lnTo>
                  <a:pt x="866" y="705"/>
                </a:lnTo>
                <a:lnTo>
                  <a:pt x="876" y="713"/>
                </a:lnTo>
                <a:lnTo>
                  <a:pt x="878" y="723"/>
                </a:lnTo>
                <a:lnTo>
                  <a:pt x="882" y="739"/>
                </a:lnTo>
                <a:lnTo>
                  <a:pt x="886" y="749"/>
                </a:lnTo>
                <a:lnTo>
                  <a:pt x="880" y="753"/>
                </a:lnTo>
                <a:lnTo>
                  <a:pt x="868" y="757"/>
                </a:lnTo>
                <a:lnTo>
                  <a:pt x="854" y="761"/>
                </a:lnTo>
                <a:lnTo>
                  <a:pt x="848" y="753"/>
                </a:lnTo>
                <a:lnTo>
                  <a:pt x="844" y="749"/>
                </a:lnTo>
                <a:lnTo>
                  <a:pt x="844" y="759"/>
                </a:lnTo>
                <a:lnTo>
                  <a:pt x="840" y="771"/>
                </a:lnTo>
                <a:lnTo>
                  <a:pt x="830" y="771"/>
                </a:lnTo>
                <a:lnTo>
                  <a:pt x="814" y="775"/>
                </a:lnTo>
                <a:lnTo>
                  <a:pt x="796" y="787"/>
                </a:lnTo>
                <a:lnTo>
                  <a:pt x="794" y="809"/>
                </a:lnTo>
                <a:lnTo>
                  <a:pt x="792" y="827"/>
                </a:lnTo>
                <a:lnTo>
                  <a:pt x="788" y="847"/>
                </a:lnTo>
                <a:lnTo>
                  <a:pt x="782" y="849"/>
                </a:lnTo>
                <a:lnTo>
                  <a:pt x="772" y="837"/>
                </a:lnTo>
                <a:lnTo>
                  <a:pt x="760" y="827"/>
                </a:lnTo>
                <a:lnTo>
                  <a:pt x="746" y="827"/>
                </a:lnTo>
                <a:lnTo>
                  <a:pt x="742" y="829"/>
                </a:lnTo>
                <a:lnTo>
                  <a:pt x="744" y="835"/>
                </a:lnTo>
                <a:lnTo>
                  <a:pt x="754" y="841"/>
                </a:lnTo>
                <a:lnTo>
                  <a:pt x="768" y="847"/>
                </a:lnTo>
                <a:lnTo>
                  <a:pt x="780" y="857"/>
                </a:lnTo>
                <a:lnTo>
                  <a:pt x="780" y="865"/>
                </a:lnTo>
                <a:lnTo>
                  <a:pt x="774" y="871"/>
                </a:lnTo>
                <a:lnTo>
                  <a:pt x="772" y="889"/>
                </a:lnTo>
                <a:lnTo>
                  <a:pt x="766" y="895"/>
                </a:lnTo>
                <a:lnTo>
                  <a:pt x="758" y="899"/>
                </a:lnTo>
                <a:lnTo>
                  <a:pt x="740" y="919"/>
                </a:lnTo>
                <a:lnTo>
                  <a:pt x="742" y="925"/>
                </a:lnTo>
                <a:lnTo>
                  <a:pt x="732" y="929"/>
                </a:lnTo>
                <a:lnTo>
                  <a:pt x="726" y="917"/>
                </a:lnTo>
                <a:lnTo>
                  <a:pt x="720" y="917"/>
                </a:lnTo>
                <a:lnTo>
                  <a:pt x="722" y="929"/>
                </a:lnTo>
                <a:lnTo>
                  <a:pt x="728" y="941"/>
                </a:lnTo>
                <a:lnTo>
                  <a:pt x="736" y="949"/>
                </a:lnTo>
                <a:lnTo>
                  <a:pt x="742" y="953"/>
                </a:lnTo>
                <a:lnTo>
                  <a:pt x="746" y="963"/>
                </a:lnTo>
                <a:lnTo>
                  <a:pt x="746" y="973"/>
                </a:lnTo>
                <a:lnTo>
                  <a:pt x="742" y="983"/>
                </a:lnTo>
                <a:lnTo>
                  <a:pt x="726" y="965"/>
                </a:lnTo>
                <a:lnTo>
                  <a:pt x="704" y="965"/>
                </a:lnTo>
                <a:lnTo>
                  <a:pt x="688" y="981"/>
                </a:lnTo>
                <a:lnTo>
                  <a:pt x="658" y="1005"/>
                </a:lnTo>
                <a:lnTo>
                  <a:pt x="634" y="1003"/>
                </a:lnTo>
                <a:lnTo>
                  <a:pt x="608" y="985"/>
                </a:lnTo>
                <a:lnTo>
                  <a:pt x="612" y="975"/>
                </a:lnTo>
                <a:lnTo>
                  <a:pt x="632" y="975"/>
                </a:lnTo>
                <a:lnTo>
                  <a:pt x="628" y="949"/>
                </a:lnTo>
                <a:lnTo>
                  <a:pt x="644" y="929"/>
                </a:lnTo>
                <a:lnTo>
                  <a:pt x="640" y="911"/>
                </a:lnTo>
                <a:lnTo>
                  <a:pt x="654" y="901"/>
                </a:lnTo>
                <a:lnTo>
                  <a:pt x="652" y="885"/>
                </a:lnTo>
                <a:lnTo>
                  <a:pt x="654" y="875"/>
                </a:lnTo>
                <a:lnTo>
                  <a:pt x="634" y="849"/>
                </a:lnTo>
                <a:lnTo>
                  <a:pt x="656" y="829"/>
                </a:lnTo>
                <a:lnTo>
                  <a:pt x="666" y="845"/>
                </a:lnTo>
                <a:lnTo>
                  <a:pt x="688" y="831"/>
                </a:lnTo>
                <a:lnTo>
                  <a:pt x="702" y="837"/>
                </a:lnTo>
                <a:lnTo>
                  <a:pt x="708" y="827"/>
                </a:lnTo>
                <a:lnTo>
                  <a:pt x="718" y="839"/>
                </a:lnTo>
                <a:lnTo>
                  <a:pt x="728" y="829"/>
                </a:lnTo>
                <a:lnTo>
                  <a:pt x="740" y="829"/>
                </a:lnTo>
                <a:lnTo>
                  <a:pt x="742" y="825"/>
                </a:lnTo>
                <a:lnTo>
                  <a:pt x="720" y="813"/>
                </a:lnTo>
                <a:lnTo>
                  <a:pt x="722" y="803"/>
                </a:lnTo>
                <a:lnTo>
                  <a:pt x="712" y="779"/>
                </a:lnTo>
                <a:lnTo>
                  <a:pt x="692" y="777"/>
                </a:lnTo>
                <a:lnTo>
                  <a:pt x="666" y="765"/>
                </a:lnTo>
                <a:lnTo>
                  <a:pt x="640" y="749"/>
                </a:lnTo>
                <a:lnTo>
                  <a:pt x="622" y="719"/>
                </a:lnTo>
                <a:lnTo>
                  <a:pt x="616" y="669"/>
                </a:lnTo>
                <a:lnTo>
                  <a:pt x="604" y="651"/>
                </a:lnTo>
                <a:lnTo>
                  <a:pt x="590" y="663"/>
                </a:lnTo>
                <a:lnTo>
                  <a:pt x="574" y="643"/>
                </a:lnTo>
                <a:lnTo>
                  <a:pt x="550" y="643"/>
                </a:lnTo>
                <a:lnTo>
                  <a:pt x="542" y="653"/>
                </a:lnTo>
                <a:lnTo>
                  <a:pt x="532" y="637"/>
                </a:lnTo>
                <a:lnTo>
                  <a:pt x="516" y="645"/>
                </a:lnTo>
                <a:lnTo>
                  <a:pt x="480" y="625"/>
                </a:lnTo>
                <a:lnTo>
                  <a:pt x="454" y="625"/>
                </a:lnTo>
                <a:lnTo>
                  <a:pt x="430" y="645"/>
                </a:lnTo>
                <a:lnTo>
                  <a:pt x="400" y="649"/>
                </a:lnTo>
                <a:lnTo>
                  <a:pt x="402" y="661"/>
                </a:lnTo>
                <a:lnTo>
                  <a:pt x="386" y="661"/>
                </a:lnTo>
                <a:lnTo>
                  <a:pt x="384" y="671"/>
                </a:lnTo>
                <a:lnTo>
                  <a:pt x="362" y="685"/>
                </a:lnTo>
                <a:lnTo>
                  <a:pt x="352" y="713"/>
                </a:lnTo>
                <a:lnTo>
                  <a:pt x="278" y="739"/>
                </a:lnTo>
                <a:lnTo>
                  <a:pt x="268" y="769"/>
                </a:lnTo>
                <a:lnTo>
                  <a:pt x="254" y="773"/>
                </a:lnTo>
                <a:lnTo>
                  <a:pt x="224" y="747"/>
                </a:lnTo>
                <a:lnTo>
                  <a:pt x="200" y="747"/>
                </a:lnTo>
                <a:lnTo>
                  <a:pt x="196" y="759"/>
                </a:lnTo>
                <a:lnTo>
                  <a:pt x="116" y="759"/>
                </a:lnTo>
                <a:lnTo>
                  <a:pt x="104" y="749"/>
                </a:lnTo>
                <a:lnTo>
                  <a:pt x="94" y="751"/>
                </a:lnTo>
                <a:lnTo>
                  <a:pt x="92" y="765"/>
                </a:lnTo>
                <a:lnTo>
                  <a:pt x="78" y="771"/>
                </a:lnTo>
                <a:lnTo>
                  <a:pt x="68" y="757"/>
                </a:lnTo>
                <a:lnTo>
                  <a:pt x="50" y="761"/>
                </a:lnTo>
                <a:lnTo>
                  <a:pt x="40" y="745"/>
                </a:lnTo>
                <a:lnTo>
                  <a:pt x="24" y="747"/>
                </a:lnTo>
                <a:lnTo>
                  <a:pt x="22" y="739"/>
                </a:lnTo>
                <a:lnTo>
                  <a:pt x="4" y="727"/>
                </a:lnTo>
                <a:lnTo>
                  <a:pt x="0" y="705"/>
                </a:lnTo>
                <a:lnTo>
                  <a:pt x="12" y="685"/>
                </a:lnTo>
                <a:lnTo>
                  <a:pt x="14" y="655"/>
                </a:lnTo>
                <a:lnTo>
                  <a:pt x="20" y="639"/>
                </a:lnTo>
                <a:lnTo>
                  <a:pt x="46" y="639"/>
                </a:lnTo>
                <a:lnTo>
                  <a:pt x="48" y="631"/>
                </a:lnTo>
                <a:lnTo>
                  <a:pt x="36" y="623"/>
                </a:lnTo>
                <a:lnTo>
                  <a:pt x="32" y="603"/>
                </a:lnTo>
                <a:lnTo>
                  <a:pt x="24" y="585"/>
                </a:lnTo>
                <a:lnTo>
                  <a:pt x="22" y="571"/>
                </a:lnTo>
                <a:lnTo>
                  <a:pt x="56" y="505"/>
                </a:lnTo>
                <a:lnTo>
                  <a:pt x="78" y="473"/>
                </a:lnTo>
                <a:lnTo>
                  <a:pt x="88" y="455"/>
                </a:lnTo>
                <a:lnTo>
                  <a:pt x="104" y="451"/>
                </a:lnTo>
                <a:lnTo>
                  <a:pt x="114" y="435"/>
                </a:lnTo>
                <a:lnTo>
                  <a:pt x="112" y="415"/>
                </a:lnTo>
                <a:lnTo>
                  <a:pt x="98" y="403"/>
                </a:lnTo>
                <a:lnTo>
                  <a:pt x="98" y="395"/>
                </a:lnTo>
                <a:lnTo>
                  <a:pt x="108" y="393"/>
                </a:lnTo>
                <a:lnTo>
                  <a:pt x="108" y="387"/>
                </a:lnTo>
                <a:lnTo>
                  <a:pt x="80" y="363"/>
                </a:lnTo>
                <a:lnTo>
                  <a:pt x="80" y="355"/>
                </a:lnTo>
                <a:lnTo>
                  <a:pt x="60" y="339"/>
                </a:lnTo>
                <a:lnTo>
                  <a:pt x="60" y="325"/>
                </a:lnTo>
                <a:lnTo>
                  <a:pt x="52" y="309"/>
                </a:lnTo>
                <a:lnTo>
                  <a:pt x="44" y="309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25" name="Freeform 26"/>
          <p:cNvSpPr>
            <a:spLocks/>
          </p:cNvSpPr>
          <p:nvPr/>
        </p:nvSpPr>
        <p:spPr bwMode="auto">
          <a:xfrm>
            <a:off x="6519863" y="2771775"/>
            <a:ext cx="914400" cy="852488"/>
          </a:xfrm>
          <a:custGeom>
            <a:avLst/>
            <a:gdLst>
              <a:gd name="T0" fmla="*/ 2147483647 w 706"/>
              <a:gd name="T1" fmla="*/ 2147483647 h 659"/>
              <a:gd name="T2" fmla="*/ 2147483647 w 706"/>
              <a:gd name="T3" fmla="*/ 2147483647 h 659"/>
              <a:gd name="T4" fmla="*/ 2147483647 w 706"/>
              <a:gd name="T5" fmla="*/ 2147483647 h 659"/>
              <a:gd name="T6" fmla="*/ 2147483647 w 706"/>
              <a:gd name="T7" fmla="*/ 2147483647 h 659"/>
              <a:gd name="T8" fmla="*/ 2147483647 w 706"/>
              <a:gd name="T9" fmla="*/ 2147483647 h 659"/>
              <a:gd name="T10" fmla="*/ 2147483647 w 706"/>
              <a:gd name="T11" fmla="*/ 2147483647 h 659"/>
              <a:gd name="T12" fmla="*/ 2147483647 w 706"/>
              <a:gd name="T13" fmla="*/ 2147483647 h 659"/>
              <a:gd name="T14" fmla="*/ 2147483647 w 706"/>
              <a:gd name="T15" fmla="*/ 2147483647 h 659"/>
              <a:gd name="T16" fmla="*/ 2147483647 w 706"/>
              <a:gd name="T17" fmla="*/ 2147483647 h 659"/>
              <a:gd name="T18" fmla="*/ 2147483647 w 706"/>
              <a:gd name="T19" fmla="*/ 2147483647 h 659"/>
              <a:gd name="T20" fmla="*/ 2147483647 w 706"/>
              <a:gd name="T21" fmla="*/ 2147483647 h 659"/>
              <a:gd name="T22" fmla="*/ 2147483647 w 706"/>
              <a:gd name="T23" fmla="*/ 2147483647 h 659"/>
              <a:gd name="T24" fmla="*/ 2147483647 w 706"/>
              <a:gd name="T25" fmla="*/ 2147483647 h 659"/>
              <a:gd name="T26" fmla="*/ 2147483647 w 706"/>
              <a:gd name="T27" fmla="*/ 2147483647 h 659"/>
              <a:gd name="T28" fmla="*/ 2147483647 w 706"/>
              <a:gd name="T29" fmla="*/ 2147483647 h 659"/>
              <a:gd name="T30" fmla="*/ 2147483647 w 706"/>
              <a:gd name="T31" fmla="*/ 2147483647 h 659"/>
              <a:gd name="T32" fmla="*/ 2147483647 w 706"/>
              <a:gd name="T33" fmla="*/ 2147483647 h 659"/>
              <a:gd name="T34" fmla="*/ 2147483647 w 706"/>
              <a:gd name="T35" fmla="*/ 2147483647 h 659"/>
              <a:gd name="T36" fmla="*/ 2147483647 w 706"/>
              <a:gd name="T37" fmla="*/ 2147483647 h 659"/>
              <a:gd name="T38" fmla="*/ 2147483647 w 706"/>
              <a:gd name="T39" fmla="*/ 2147483647 h 659"/>
              <a:gd name="T40" fmla="*/ 2147483647 w 706"/>
              <a:gd name="T41" fmla="*/ 2147483647 h 659"/>
              <a:gd name="T42" fmla="*/ 2147483647 w 706"/>
              <a:gd name="T43" fmla="*/ 2147483647 h 659"/>
              <a:gd name="T44" fmla="*/ 2147483647 w 706"/>
              <a:gd name="T45" fmla="*/ 2147483647 h 659"/>
              <a:gd name="T46" fmla="*/ 2147483647 w 706"/>
              <a:gd name="T47" fmla="*/ 2147483647 h 659"/>
              <a:gd name="T48" fmla="*/ 2147483647 w 706"/>
              <a:gd name="T49" fmla="*/ 2147483647 h 659"/>
              <a:gd name="T50" fmla="*/ 2147483647 w 706"/>
              <a:gd name="T51" fmla="*/ 2147483647 h 659"/>
              <a:gd name="T52" fmla="*/ 2147483647 w 706"/>
              <a:gd name="T53" fmla="*/ 2147483647 h 659"/>
              <a:gd name="T54" fmla="*/ 2147483647 w 706"/>
              <a:gd name="T55" fmla="*/ 2147483647 h 659"/>
              <a:gd name="T56" fmla="*/ 2147483647 w 706"/>
              <a:gd name="T57" fmla="*/ 2147483647 h 659"/>
              <a:gd name="T58" fmla="*/ 2147483647 w 706"/>
              <a:gd name="T59" fmla="*/ 2147483647 h 659"/>
              <a:gd name="T60" fmla="*/ 2147483647 w 706"/>
              <a:gd name="T61" fmla="*/ 2147483647 h 659"/>
              <a:gd name="T62" fmla="*/ 2147483647 w 706"/>
              <a:gd name="T63" fmla="*/ 2147483647 h 659"/>
              <a:gd name="T64" fmla="*/ 2147483647 w 706"/>
              <a:gd name="T65" fmla="*/ 2147483647 h 659"/>
              <a:gd name="T66" fmla="*/ 2147483647 w 706"/>
              <a:gd name="T67" fmla="*/ 2147483647 h 659"/>
              <a:gd name="T68" fmla="*/ 2147483647 w 706"/>
              <a:gd name="T69" fmla="*/ 2147483647 h 659"/>
              <a:gd name="T70" fmla="*/ 2147483647 w 706"/>
              <a:gd name="T71" fmla="*/ 2147483647 h 659"/>
              <a:gd name="T72" fmla="*/ 2147483647 w 706"/>
              <a:gd name="T73" fmla="*/ 2147483647 h 659"/>
              <a:gd name="T74" fmla="*/ 2147483647 w 706"/>
              <a:gd name="T75" fmla="*/ 2147483647 h 659"/>
              <a:gd name="T76" fmla="*/ 2147483647 w 706"/>
              <a:gd name="T77" fmla="*/ 2147483647 h 659"/>
              <a:gd name="T78" fmla="*/ 2147483647 w 706"/>
              <a:gd name="T79" fmla="*/ 2147483647 h 659"/>
              <a:gd name="T80" fmla="*/ 2147483647 w 706"/>
              <a:gd name="T81" fmla="*/ 2147483647 h 659"/>
              <a:gd name="T82" fmla="*/ 2147483647 w 706"/>
              <a:gd name="T83" fmla="*/ 2147483647 h 659"/>
              <a:gd name="T84" fmla="*/ 2147483647 w 706"/>
              <a:gd name="T85" fmla="*/ 2147483647 h 659"/>
              <a:gd name="T86" fmla="*/ 2147483647 w 706"/>
              <a:gd name="T87" fmla="*/ 2147483647 h 659"/>
              <a:gd name="T88" fmla="*/ 2147483647 w 706"/>
              <a:gd name="T89" fmla="*/ 2147483647 h 659"/>
              <a:gd name="T90" fmla="*/ 2147483647 w 706"/>
              <a:gd name="T91" fmla="*/ 2147483647 h 659"/>
              <a:gd name="T92" fmla="*/ 2147483647 w 706"/>
              <a:gd name="T93" fmla="*/ 2147483647 h 659"/>
              <a:gd name="T94" fmla="*/ 2147483647 w 706"/>
              <a:gd name="T95" fmla="*/ 2147483647 h 659"/>
              <a:gd name="T96" fmla="*/ 2147483647 w 706"/>
              <a:gd name="T97" fmla="*/ 2147483647 h 659"/>
              <a:gd name="T98" fmla="*/ 2147483647 w 706"/>
              <a:gd name="T99" fmla="*/ 2147483647 h 659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0" t="0" r="r" b="b"/>
            <a:pathLst>
              <a:path w="706" h="659">
                <a:moveTo>
                  <a:pt x="0" y="358"/>
                </a:moveTo>
                <a:lnTo>
                  <a:pt x="12" y="358"/>
                </a:lnTo>
                <a:lnTo>
                  <a:pt x="38" y="344"/>
                </a:lnTo>
                <a:lnTo>
                  <a:pt x="52" y="340"/>
                </a:lnTo>
                <a:lnTo>
                  <a:pt x="66" y="350"/>
                </a:lnTo>
                <a:lnTo>
                  <a:pt x="84" y="330"/>
                </a:lnTo>
                <a:lnTo>
                  <a:pt x="98" y="330"/>
                </a:lnTo>
                <a:lnTo>
                  <a:pt x="100" y="322"/>
                </a:lnTo>
                <a:lnTo>
                  <a:pt x="92" y="312"/>
                </a:lnTo>
                <a:lnTo>
                  <a:pt x="100" y="306"/>
                </a:lnTo>
                <a:lnTo>
                  <a:pt x="110" y="306"/>
                </a:lnTo>
                <a:lnTo>
                  <a:pt x="124" y="290"/>
                </a:lnTo>
                <a:lnTo>
                  <a:pt x="132" y="286"/>
                </a:lnTo>
                <a:lnTo>
                  <a:pt x="136" y="280"/>
                </a:lnTo>
                <a:lnTo>
                  <a:pt x="144" y="282"/>
                </a:lnTo>
                <a:lnTo>
                  <a:pt x="146" y="296"/>
                </a:lnTo>
                <a:lnTo>
                  <a:pt x="160" y="292"/>
                </a:lnTo>
                <a:lnTo>
                  <a:pt x="164" y="282"/>
                </a:lnTo>
                <a:lnTo>
                  <a:pt x="160" y="272"/>
                </a:lnTo>
                <a:lnTo>
                  <a:pt x="144" y="270"/>
                </a:lnTo>
                <a:lnTo>
                  <a:pt x="146" y="248"/>
                </a:lnTo>
                <a:lnTo>
                  <a:pt x="152" y="238"/>
                </a:lnTo>
                <a:lnTo>
                  <a:pt x="144" y="224"/>
                </a:lnTo>
                <a:lnTo>
                  <a:pt x="146" y="202"/>
                </a:lnTo>
                <a:lnTo>
                  <a:pt x="154" y="188"/>
                </a:lnTo>
                <a:lnTo>
                  <a:pt x="172" y="180"/>
                </a:lnTo>
                <a:lnTo>
                  <a:pt x="170" y="162"/>
                </a:lnTo>
                <a:lnTo>
                  <a:pt x="182" y="152"/>
                </a:lnTo>
                <a:lnTo>
                  <a:pt x="196" y="156"/>
                </a:lnTo>
                <a:lnTo>
                  <a:pt x="206" y="130"/>
                </a:lnTo>
                <a:lnTo>
                  <a:pt x="178" y="128"/>
                </a:lnTo>
                <a:lnTo>
                  <a:pt x="180" y="86"/>
                </a:lnTo>
                <a:lnTo>
                  <a:pt x="198" y="78"/>
                </a:lnTo>
                <a:lnTo>
                  <a:pt x="198" y="68"/>
                </a:lnTo>
                <a:lnTo>
                  <a:pt x="208" y="58"/>
                </a:lnTo>
                <a:lnTo>
                  <a:pt x="222" y="62"/>
                </a:lnTo>
                <a:lnTo>
                  <a:pt x="248" y="58"/>
                </a:lnTo>
                <a:lnTo>
                  <a:pt x="250" y="30"/>
                </a:lnTo>
                <a:lnTo>
                  <a:pt x="266" y="2"/>
                </a:lnTo>
                <a:lnTo>
                  <a:pt x="276" y="0"/>
                </a:lnTo>
                <a:lnTo>
                  <a:pt x="284" y="6"/>
                </a:lnTo>
                <a:lnTo>
                  <a:pt x="294" y="8"/>
                </a:lnTo>
                <a:lnTo>
                  <a:pt x="296" y="2"/>
                </a:lnTo>
                <a:lnTo>
                  <a:pt x="312" y="2"/>
                </a:lnTo>
                <a:lnTo>
                  <a:pt x="322" y="16"/>
                </a:lnTo>
                <a:lnTo>
                  <a:pt x="342" y="0"/>
                </a:lnTo>
                <a:lnTo>
                  <a:pt x="368" y="0"/>
                </a:lnTo>
                <a:lnTo>
                  <a:pt x="374" y="8"/>
                </a:lnTo>
                <a:lnTo>
                  <a:pt x="370" y="20"/>
                </a:lnTo>
                <a:lnTo>
                  <a:pt x="386" y="34"/>
                </a:lnTo>
                <a:lnTo>
                  <a:pt x="398" y="16"/>
                </a:lnTo>
                <a:lnTo>
                  <a:pt x="414" y="2"/>
                </a:lnTo>
                <a:lnTo>
                  <a:pt x="446" y="0"/>
                </a:lnTo>
                <a:lnTo>
                  <a:pt x="464" y="10"/>
                </a:lnTo>
                <a:lnTo>
                  <a:pt x="476" y="20"/>
                </a:lnTo>
                <a:lnTo>
                  <a:pt x="488" y="16"/>
                </a:lnTo>
                <a:lnTo>
                  <a:pt x="498" y="40"/>
                </a:lnTo>
                <a:lnTo>
                  <a:pt x="492" y="54"/>
                </a:lnTo>
                <a:lnTo>
                  <a:pt x="514" y="76"/>
                </a:lnTo>
                <a:lnTo>
                  <a:pt x="510" y="96"/>
                </a:lnTo>
                <a:lnTo>
                  <a:pt x="508" y="114"/>
                </a:lnTo>
                <a:lnTo>
                  <a:pt x="526" y="124"/>
                </a:lnTo>
                <a:lnTo>
                  <a:pt x="542" y="132"/>
                </a:lnTo>
                <a:lnTo>
                  <a:pt x="540" y="146"/>
                </a:lnTo>
                <a:lnTo>
                  <a:pt x="556" y="156"/>
                </a:lnTo>
                <a:lnTo>
                  <a:pt x="568" y="174"/>
                </a:lnTo>
                <a:lnTo>
                  <a:pt x="590" y="184"/>
                </a:lnTo>
                <a:lnTo>
                  <a:pt x="614" y="186"/>
                </a:lnTo>
                <a:lnTo>
                  <a:pt x="618" y="200"/>
                </a:lnTo>
                <a:lnTo>
                  <a:pt x="618" y="220"/>
                </a:lnTo>
                <a:lnTo>
                  <a:pt x="632" y="216"/>
                </a:lnTo>
                <a:lnTo>
                  <a:pt x="642" y="210"/>
                </a:lnTo>
                <a:lnTo>
                  <a:pt x="662" y="210"/>
                </a:lnTo>
                <a:lnTo>
                  <a:pt x="672" y="216"/>
                </a:lnTo>
                <a:lnTo>
                  <a:pt x="676" y="232"/>
                </a:lnTo>
                <a:lnTo>
                  <a:pt x="706" y="246"/>
                </a:lnTo>
                <a:lnTo>
                  <a:pt x="704" y="258"/>
                </a:lnTo>
                <a:lnTo>
                  <a:pt x="690" y="262"/>
                </a:lnTo>
                <a:lnTo>
                  <a:pt x="690" y="278"/>
                </a:lnTo>
                <a:lnTo>
                  <a:pt x="674" y="300"/>
                </a:lnTo>
                <a:lnTo>
                  <a:pt x="666" y="302"/>
                </a:lnTo>
                <a:lnTo>
                  <a:pt x="658" y="304"/>
                </a:lnTo>
                <a:lnTo>
                  <a:pt x="654" y="302"/>
                </a:lnTo>
                <a:lnTo>
                  <a:pt x="640" y="294"/>
                </a:lnTo>
                <a:lnTo>
                  <a:pt x="626" y="296"/>
                </a:lnTo>
                <a:lnTo>
                  <a:pt x="618" y="298"/>
                </a:lnTo>
                <a:lnTo>
                  <a:pt x="614" y="300"/>
                </a:lnTo>
                <a:lnTo>
                  <a:pt x="612" y="326"/>
                </a:lnTo>
                <a:lnTo>
                  <a:pt x="626" y="342"/>
                </a:lnTo>
                <a:lnTo>
                  <a:pt x="642" y="348"/>
                </a:lnTo>
                <a:lnTo>
                  <a:pt x="642" y="368"/>
                </a:lnTo>
                <a:lnTo>
                  <a:pt x="652" y="376"/>
                </a:lnTo>
                <a:lnTo>
                  <a:pt x="656" y="398"/>
                </a:lnTo>
                <a:lnTo>
                  <a:pt x="666" y="412"/>
                </a:lnTo>
                <a:lnTo>
                  <a:pt x="686" y="428"/>
                </a:lnTo>
                <a:lnTo>
                  <a:pt x="658" y="436"/>
                </a:lnTo>
                <a:lnTo>
                  <a:pt x="642" y="448"/>
                </a:lnTo>
                <a:lnTo>
                  <a:pt x="622" y="450"/>
                </a:lnTo>
                <a:lnTo>
                  <a:pt x="614" y="473"/>
                </a:lnTo>
                <a:lnTo>
                  <a:pt x="608" y="499"/>
                </a:lnTo>
                <a:lnTo>
                  <a:pt x="608" y="531"/>
                </a:lnTo>
                <a:lnTo>
                  <a:pt x="624" y="553"/>
                </a:lnTo>
                <a:lnTo>
                  <a:pt x="612" y="561"/>
                </a:lnTo>
                <a:lnTo>
                  <a:pt x="598" y="555"/>
                </a:lnTo>
                <a:lnTo>
                  <a:pt x="588" y="543"/>
                </a:lnTo>
                <a:lnTo>
                  <a:pt x="576" y="543"/>
                </a:lnTo>
                <a:lnTo>
                  <a:pt x="556" y="559"/>
                </a:lnTo>
                <a:lnTo>
                  <a:pt x="542" y="553"/>
                </a:lnTo>
                <a:lnTo>
                  <a:pt x="534" y="565"/>
                </a:lnTo>
                <a:lnTo>
                  <a:pt x="522" y="577"/>
                </a:lnTo>
                <a:lnTo>
                  <a:pt x="508" y="563"/>
                </a:lnTo>
                <a:lnTo>
                  <a:pt x="496" y="547"/>
                </a:lnTo>
                <a:lnTo>
                  <a:pt x="474" y="567"/>
                </a:lnTo>
                <a:lnTo>
                  <a:pt x="474" y="577"/>
                </a:lnTo>
                <a:lnTo>
                  <a:pt x="464" y="579"/>
                </a:lnTo>
                <a:lnTo>
                  <a:pt x="452" y="565"/>
                </a:lnTo>
                <a:lnTo>
                  <a:pt x="440" y="575"/>
                </a:lnTo>
                <a:lnTo>
                  <a:pt x="426" y="563"/>
                </a:lnTo>
                <a:lnTo>
                  <a:pt x="418" y="577"/>
                </a:lnTo>
                <a:lnTo>
                  <a:pt x="398" y="579"/>
                </a:lnTo>
                <a:lnTo>
                  <a:pt x="398" y="595"/>
                </a:lnTo>
                <a:lnTo>
                  <a:pt x="386" y="595"/>
                </a:lnTo>
                <a:lnTo>
                  <a:pt x="384" y="581"/>
                </a:lnTo>
                <a:lnTo>
                  <a:pt x="368" y="581"/>
                </a:lnTo>
                <a:lnTo>
                  <a:pt x="352" y="585"/>
                </a:lnTo>
                <a:lnTo>
                  <a:pt x="336" y="569"/>
                </a:lnTo>
                <a:lnTo>
                  <a:pt x="284" y="577"/>
                </a:lnTo>
                <a:lnTo>
                  <a:pt x="242" y="573"/>
                </a:lnTo>
                <a:lnTo>
                  <a:pt x="228" y="573"/>
                </a:lnTo>
                <a:lnTo>
                  <a:pt x="176" y="579"/>
                </a:lnTo>
                <a:lnTo>
                  <a:pt x="154" y="597"/>
                </a:lnTo>
                <a:lnTo>
                  <a:pt x="116" y="607"/>
                </a:lnTo>
                <a:lnTo>
                  <a:pt x="114" y="627"/>
                </a:lnTo>
                <a:lnTo>
                  <a:pt x="94" y="647"/>
                </a:lnTo>
                <a:lnTo>
                  <a:pt x="84" y="641"/>
                </a:lnTo>
                <a:lnTo>
                  <a:pt x="72" y="643"/>
                </a:lnTo>
                <a:lnTo>
                  <a:pt x="60" y="659"/>
                </a:lnTo>
                <a:lnTo>
                  <a:pt x="56" y="645"/>
                </a:lnTo>
                <a:lnTo>
                  <a:pt x="56" y="635"/>
                </a:lnTo>
                <a:lnTo>
                  <a:pt x="62" y="631"/>
                </a:lnTo>
                <a:lnTo>
                  <a:pt x="60" y="599"/>
                </a:lnTo>
                <a:lnTo>
                  <a:pt x="52" y="587"/>
                </a:lnTo>
                <a:lnTo>
                  <a:pt x="36" y="577"/>
                </a:lnTo>
                <a:lnTo>
                  <a:pt x="18" y="577"/>
                </a:lnTo>
                <a:lnTo>
                  <a:pt x="18" y="561"/>
                </a:lnTo>
                <a:lnTo>
                  <a:pt x="24" y="537"/>
                </a:lnTo>
                <a:lnTo>
                  <a:pt x="38" y="527"/>
                </a:lnTo>
                <a:lnTo>
                  <a:pt x="64" y="505"/>
                </a:lnTo>
                <a:lnTo>
                  <a:pt x="48" y="450"/>
                </a:lnTo>
                <a:lnTo>
                  <a:pt x="38" y="434"/>
                </a:lnTo>
                <a:lnTo>
                  <a:pt x="28" y="416"/>
                </a:lnTo>
                <a:lnTo>
                  <a:pt x="0" y="35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26" name="Freeform 27"/>
          <p:cNvSpPr>
            <a:spLocks/>
          </p:cNvSpPr>
          <p:nvPr/>
        </p:nvSpPr>
        <p:spPr bwMode="auto">
          <a:xfrm>
            <a:off x="6126163" y="3043238"/>
            <a:ext cx="314325" cy="166687"/>
          </a:xfrm>
          <a:custGeom>
            <a:avLst/>
            <a:gdLst>
              <a:gd name="T0" fmla="*/ 0 w 242"/>
              <a:gd name="T1" fmla="*/ 2147483647 h 128"/>
              <a:gd name="T2" fmla="*/ 2147483647 w 242"/>
              <a:gd name="T3" fmla="*/ 2147483647 h 128"/>
              <a:gd name="T4" fmla="*/ 2147483647 w 242"/>
              <a:gd name="T5" fmla="*/ 2147483647 h 128"/>
              <a:gd name="T6" fmla="*/ 2147483647 w 242"/>
              <a:gd name="T7" fmla="*/ 2147483647 h 128"/>
              <a:gd name="T8" fmla="*/ 2147483647 w 242"/>
              <a:gd name="T9" fmla="*/ 2147483647 h 128"/>
              <a:gd name="T10" fmla="*/ 2147483647 w 242"/>
              <a:gd name="T11" fmla="*/ 2147483647 h 128"/>
              <a:gd name="T12" fmla="*/ 2147483647 w 242"/>
              <a:gd name="T13" fmla="*/ 2147483647 h 128"/>
              <a:gd name="T14" fmla="*/ 2147483647 w 242"/>
              <a:gd name="T15" fmla="*/ 2147483647 h 128"/>
              <a:gd name="T16" fmla="*/ 2147483647 w 242"/>
              <a:gd name="T17" fmla="*/ 2147483647 h 128"/>
              <a:gd name="T18" fmla="*/ 2147483647 w 242"/>
              <a:gd name="T19" fmla="*/ 2147483647 h 128"/>
              <a:gd name="T20" fmla="*/ 2147483647 w 242"/>
              <a:gd name="T21" fmla="*/ 2147483647 h 128"/>
              <a:gd name="T22" fmla="*/ 2147483647 w 242"/>
              <a:gd name="T23" fmla="*/ 2147483647 h 128"/>
              <a:gd name="T24" fmla="*/ 2147483647 w 242"/>
              <a:gd name="T25" fmla="*/ 2147483647 h 128"/>
              <a:gd name="T26" fmla="*/ 2147483647 w 242"/>
              <a:gd name="T27" fmla="*/ 2147483647 h 128"/>
              <a:gd name="T28" fmla="*/ 2147483647 w 242"/>
              <a:gd name="T29" fmla="*/ 2147483647 h 128"/>
              <a:gd name="T30" fmla="*/ 2147483647 w 242"/>
              <a:gd name="T31" fmla="*/ 2147483647 h 128"/>
              <a:gd name="T32" fmla="*/ 2147483647 w 242"/>
              <a:gd name="T33" fmla="*/ 2147483647 h 128"/>
              <a:gd name="T34" fmla="*/ 2147483647 w 242"/>
              <a:gd name="T35" fmla="*/ 2147483647 h 128"/>
              <a:gd name="T36" fmla="*/ 2147483647 w 242"/>
              <a:gd name="T37" fmla="*/ 0 h 128"/>
              <a:gd name="T38" fmla="*/ 2147483647 w 242"/>
              <a:gd name="T39" fmla="*/ 2147483647 h 128"/>
              <a:gd name="T40" fmla="*/ 2147483647 w 242"/>
              <a:gd name="T41" fmla="*/ 2147483647 h 128"/>
              <a:gd name="T42" fmla="*/ 2147483647 w 242"/>
              <a:gd name="T43" fmla="*/ 2147483647 h 128"/>
              <a:gd name="T44" fmla="*/ 2147483647 w 242"/>
              <a:gd name="T45" fmla="*/ 2147483647 h 128"/>
              <a:gd name="T46" fmla="*/ 2147483647 w 242"/>
              <a:gd name="T47" fmla="*/ 2147483647 h 128"/>
              <a:gd name="T48" fmla="*/ 2147483647 w 242"/>
              <a:gd name="T49" fmla="*/ 2147483647 h 128"/>
              <a:gd name="T50" fmla="*/ 2147483647 w 242"/>
              <a:gd name="T51" fmla="*/ 2147483647 h 128"/>
              <a:gd name="T52" fmla="*/ 2147483647 w 242"/>
              <a:gd name="T53" fmla="*/ 2147483647 h 128"/>
              <a:gd name="T54" fmla="*/ 2147483647 w 242"/>
              <a:gd name="T55" fmla="*/ 2147483647 h 128"/>
              <a:gd name="T56" fmla="*/ 2147483647 w 242"/>
              <a:gd name="T57" fmla="*/ 2147483647 h 128"/>
              <a:gd name="T58" fmla="*/ 2147483647 w 242"/>
              <a:gd name="T59" fmla="*/ 2147483647 h 128"/>
              <a:gd name="T60" fmla="*/ 2147483647 w 242"/>
              <a:gd name="T61" fmla="*/ 2147483647 h 128"/>
              <a:gd name="T62" fmla="*/ 2147483647 w 242"/>
              <a:gd name="T63" fmla="*/ 2147483647 h 128"/>
              <a:gd name="T64" fmla="*/ 2147483647 w 242"/>
              <a:gd name="T65" fmla="*/ 2147483647 h 128"/>
              <a:gd name="T66" fmla="*/ 2147483647 w 242"/>
              <a:gd name="T67" fmla="*/ 2147483647 h 128"/>
              <a:gd name="T68" fmla="*/ 2147483647 w 242"/>
              <a:gd name="T69" fmla="*/ 2147483647 h 128"/>
              <a:gd name="T70" fmla="*/ 2147483647 w 242"/>
              <a:gd name="T71" fmla="*/ 2147483647 h 128"/>
              <a:gd name="T72" fmla="*/ 2147483647 w 242"/>
              <a:gd name="T73" fmla="*/ 2147483647 h 128"/>
              <a:gd name="T74" fmla="*/ 2147483647 w 242"/>
              <a:gd name="T75" fmla="*/ 2147483647 h 128"/>
              <a:gd name="T76" fmla="*/ 2147483647 w 242"/>
              <a:gd name="T77" fmla="*/ 2147483647 h 128"/>
              <a:gd name="T78" fmla="*/ 2147483647 w 242"/>
              <a:gd name="T79" fmla="*/ 2147483647 h 128"/>
              <a:gd name="T80" fmla="*/ 2147483647 w 242"/>
              <a:gd name="T81" fmla="*/ 2147483647 h 128"/>
              <a:gd name="T82" fmla="*/ 2147483647 w 242"/>
              <a:gd name="T83" fmla="*/ 2147483647 h 128"/>
              <a:gd name="T84" fmla="*/ 2147483647 w 242"/>
              <a:gd name="T85" fmla="*/ 2147483647 h 128"/>
              <a:gd name="T86" fmla="*/ 2147483647 w 242"/>
              <a:gd name="T87" fmla="*/ 2147483647 h 128"/>
              <a:gd name="T88" fmla="*/ 2147483647 w 242"/>
              <a:gd name="T89" fmla="*/ 2147483647 h 128"/>
              <a:gd name="T90" fmla="*/ 2147483647 w 242"/>
              <a:gd name="T91" fmla="*/ 2147483647 h 128"/>
              <a:gd name="T92" fmla="*/ 2147483647 w 242"/>
              <a:gd name="T93" fmla="*/ 2147483647 h 128"/>
              <a:gd name="T94" fmla="*/ 0 w 242"/>
              <a:gd name="T95" fmla="*/ 2147483647 h 128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0" t="0" r="r" b="b"/>
            <a:pathLst>
              <a:path w="242" h="128">
                <a:moveTo>
                  <a:pt x="0" y="126"/>
                </a:moveTo>
                <a:lnTo>
                  <a:pt x="12" y="110"/>
                </a:lnTo>
                <a:lnTo>
                  <a:pt x="20" y="94"/>
                </a:lnTo>
                <a:lnTo>
                  <a:pt x="22" y="84"/>
                </a:lnTo>
                <a:lnTo>
                  <a:pt x="18" y="72"/>
                </a:lnTo>
                <a:lnTo>
                  <a:pt x="14" y="64"/>
                </a:lnTo>
                <a:lnTo>
                  <a:pt x="20" y="54"/>
                </a:lnTo>
                <a:lnTo>
                  <a:pt x="34" y="52"/>
                </a:lnTo>
                <a:lnTo>
                  <a:pt x="48" y="52"/>
                </a:lnTo>
                <a:lnTo>
                  <a:pt x="62" y="48"/>
                </a:lnTo>
                <a:lnTo>
                  <a:pt x="70" y="52"/>
                </a:lnTo>
                <a:lnTo>
                  <a:pt x="82" y="54"/>
                </a:lnTo>
                <a:lnTo>
                  <a:pt x="102" y="52"/>
                </a:lnTo>
                <a:lnTo>
                  <a:pt x="112" y="46"/>
                </a:lnTo>
                <a:lnTo>
                  <a:pt x="108" y="34"/>
                </a:lnTo>
                <a:lnTo>
                  <a:pt x="102" y="20"/>
                </a:lnTo>
                <a:lnTo>
                  <a:pt x="104" y="10"/>
                </a:lnTo>
                <a:lnTo>
                  <a:pt x="104" y="2"/>
                </a:lnTo>
                <a:lnTo>
                  <a:pt x="112" y="0"/>
                </a:lnTo>
                <a:lnTo>
                  <a:pt x="126" y="6"/>
                </a:lnTo>
                <a:lnTo>
                  <a:pt x="154" y="18"/>
                </a:lnTo>
                <a:lnTo>
                  <a:pt x="172" y="24"/>
                </a:lnTo>
                <a:lnTo>
                  <a:pt x="186" y="18"/>
                </a:lnTo>
                <a:lnTo>
                  <a:pt x="208" y="18"/>
                </a:lnTo>
                <a:lnTo>
                  <a:pt x="216" y="22"/>
                </a:lnTo>
                <a:lnTo>
                  <a:pt x="228" y="32"/>
                </a:lnTo>
                <a:lnTo>
                  <a:pt x="238" y="42"/>
                </a:lnTo>
                <a:lnTo>
                  <a:pt x="232" y="56"/>
                </a:lnTo>
                <a:lnTo>
                  <a:pt x="232" y="72"/>
                </a:lnTo>
                <a:lnTo>
                  <a:pt x="230" y="86"/>
                </a:lnTo>
                <a:lnTo>
                  <a:pt x="242" y="96"/>
                </a:lnTo>
                <a:lnTo>
                  <a:pt x="226" y="108"/>
                </a:lnTo>
                <a:lnTo>
                  <a:pt x="176" y="120"/>
                </a:lnTo>
                <a:lnTo>
                  <a:pt x="140" y="126"/>
                </a:lnTo>
                <a:lnTo>
                  <a:pt x="86" y="126"/>
                </a:lnTo>
                <a:lnTo>
                  <a:pt x="38" y="126"/>
                </a:lnTo>
                <a:lnTo>
                  <a:pt x="16" y="128"/>
                </a:lnTo>
                <a:lnTo>
                  <a:pt x="26" y="116"/>
                </a:lnTo>
                <a:lnTo>
                  <a:pt x="42" y="106"/>
                </a:lnTo>
                <a:lnTo>
                  <a:pt x="58" y="94"/>
                </a:lnTo>
                <a:lnTo>
                  <a:pt x="54" y="86"/>
                </a:lnTo>
                <a:lnTo>
                  <a:pt x="42" y="88"/>
                </a:lnTo>
                <a:lnTo>
                  <a:pt x="28" y="88"/>
                </a:lnTo>
                <a:lnTo>
                  <a:pt x="22" y="98"/>
                </a:lnTo>
                <a:lnTo>
                  <a:pt x="16" y="108"/>
                </a:lnTo>
                <a:lnTo>
                  <a:pt x="10" y="116"/>
                </a:lnTo>
                <a:lnTo>
                  <a:pt x="2" y="128"/>
                </a:lnTo>
                <a:lnTo>
                  <a:pt x="0" y="12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27" name="Freeform 28"/>
          <p:cNvSpPr>
            <a:spLocks/>
          </p:cNvSpPr>
          <p:nvPr/>
        </p:nvSpPr>
        <p:spPr bwMode="auto">
          <a:xfrm>
            <a:off x="7102475" y="6240463"/>
            <a:ext cx="396875" cy="111125"/>
          </a:xfrm>
          <a:custGeom>
            <a:avLst/>
            <a:gdLst>
              <a:gd name="T0" fmla="*/ 2147483647 w 306"/>
              <a:gd name="T1" fmla="*/ 2147483647 h 86"/>
              <a:gd name="T2" fmla="*/ 2147483647 w 306"/>
              <a:gd name="T3" fmla="*/ 2147483647 h 86"/>
              <a:gd name="T4" fmla="*/ 2147483647 w 306"/>
              <a:gd name="T5" fmla="*/ 2147483647 h 86"/>
              <a:gd name="T6" fmla="*/ 2147483647 w 306"/>
              <a:gd name="T7" fmla="*/ 2147483647 h 86"/>
              <a:gd name="T8" fmla="*/ 2147483647 w 306"/>
              <a:gd name="T9" fmla="*/ 2147483647 h 86"/>
              <a:gd name="T10" fmla="*/ 2147483647 w 306"/>
              <a:gd name="T11" fmla="*/ 2147483647 h 86"/>
              <a:gd name="T12" fmla="*/ 2147483647 w 306"/>
              <a:gd name="T13" fmla="*/ 2147483647 h 86"/>
              <a:gd name="T14" fmla="*/ 2147483647 w 306"/>
              <a:gd name="T15" fmla="*/ 2147483647 h 86"/>
              <a:gd name="T16" fmla="*/ 2147483647 w 306"/>
              <a:gd name="T17" fmla="*/ 2147483647 h 86"/>
              <a:gd name="T18" fmla="*/ 2147483647 w 306"/>
              <a:gd name="T19" fmla="*/ 2147483647 h 86"/>
              <a:gd name="T20" fmla="*/ 2147483647 w 306"/>
              <a:gd name="T21" fmla="*/ 2147483647 h 86"/>
              <a:gd name="T22" fmla="*/ 2147483647 w 306"/>
              <a:gd name="T23" fmla="*/ 2147483647 h 86"/>
              <a:gd name="T24" fmla="*/ 2147483647 w 306"/>
              <a:gd name="T25" fmla="*/ 2147483647 h 86"/>
              <a:gd name="T26" fmla="*/ 2147483647 w 306"/>
              <a:gd name="T27" fmla="*/ 2147483647 h 86"/>
              <a:gd name="T28" fmla="*/ 2147483647 w 306"/>
              <a:gd name="T29" fmla="*/ 2147483647 h 86"/>
              <a:gd name="T30" fmla="*/ 2147483647 w 306"/>
              <a:gd name="T31" fmla="*/ 2147483647 h 86"/>
              <a:gd name="T32" fmla="*/ 2147483647 w 306"/>
              <a:gd name="T33" fmla="*/ 2147483647 h 86"/>
              <a:gd name="T34" fmla="*/ 2147483647 w 306"/>
              <a:gd name="T35" fmla="*/ 2147483647 h 86"/>
              <a:gd name="T36" fmla="*/ 2147483647 w 306"/>
              <a:gd name="T37" fmla="*/ 2147483647 h 86"/>
              <a:gd name="T38" fmla="*/ 2147483647 w 306"/>
              <a:gd name="T39" fmla="*/ 2147483647 h 86"/>
              <a:gd name="T40" fmla="*/ 2147483647 w 306"/>
              <a:gd name="T41" fmla="*/ 2147483647 h 86"/>
              <a:gd name="T42" fmla="*/ 2147483647 w 306"/>
              <a:gd name="T43" fmla="*/ 2147483647 h 86"/>
              <a:gd name="T44" fmla="*/ 2147483647 w 306"/>
              <a:gd name="T45" fmla="*/ 2147483647 h 86"/>
              <a:gd name="T46" fmla="*/ 2147483647 w 306"/>
              <a:gd name="T47" fmla="*/ 2147483647 h 86"/>
              <a:gd name="T48" fmla="*/ 2147483647 w 306"/>
              <a:gd name="T49" fmla="*/ 2147483647 h 86"/>
              <a:gd name="T50" fmla="*/ 2147483647 w 306"/>
              <a:gd name="T51" fmla="*/ 2147483647 h 86"/>
              <a:gd name="T52" fmla="*/ 2147483647 w 306"/>
              <a:gd name="T53" fmla="*/ 2147483647 h 86"/>
              <a:gd name="T54" fmla="*/ 2147483647 w 306"/>
              <a:gd name="T55" fmla="*/ 2147483647 h 86"/>
              <a:gd name="T56" fmla="*/ 2147483647 w 306"/>
              <a:gd name="T57" fmla="*/ 2147483647 h 86"/>
              <a:gd name="T58" fmla="*/ 2147483647 w 306"/>
              <a:gd name="T59" fmla="*/ 2147483647 h 86"/>
              <a:gd name="T60" fmla="*/ 2147483647 w 306"/>
              <a:gd name="T61" fmla="*/ 2147483647 h 86"/>
              <a:gd name="T62" fmla="*/ 2147483647 w 306"/>
              <a:gd name="T63" fmla="*/ 2147483647 h 86"/>
              <a:gd name="T64" fmla="*/ 2147483647 w 306"/>
              <a:gd name="T65" fmla="*/ 2147483647 h 86"/>
              <a:gd name="T66" fmla="*/ 2147483647 w 306"/>
              <a:gd name="T67" fmla="*/ 2147483647 h 86"/>
              <a:gd name="T68" fmla="*/ 2147483647 w 306"/>
              <a:gd name="T69" fmla="*/ 2147483647 h 86"/>
              <a:gd name="T70" fmla="*/ 2147483647 w 306"/>
              <a:gd name="T71" fmla="*/ 2147483647 h 86"/>
              <a:gd name="T72" fmla="*/ 2147483647 w 306"/>
              <a:gd name="T73" fmla="*/ 2147483647 h 86"/>
              <a:gd name="T74" fmla="*/ 2147483647 w 306"/>
              <a:gd name="T75" fmla="*/ 2147483647 h 86"/>
              <a:gd name="T76" fmla="*/ 2147483647 w 306"/>
              <a:gd name="T77" fmla="*/ 2147483647 h 86"/>
              <a:gd name="T78" fmla="*/ 2147483647 w 306"/>
              <a:gd name="T79" fmla="*/ 2147483647 h 86"/>
              <a:gd name="T80" fmla="*/ 2147483647 w 306"/>
              <a:gd name="T81" fmla="*/ 2147483647 h 86"/>
              <a:gd name="T82" fmla="*/ 2147483647 w 306"/>
              <a:gd name="T83" fmla="*/ 2147483647 h 86"/>
              <a:gd name="T84" fmla="*/ 2147483647 w 306"/>
              <a:gd name="T85" fmla="*/ 2147483647 h 8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306" h="86">
                <a:moveTo>
                  <a:pt x="2" y="26"/>
                </a:moveTo>
                <a:lnTo>
                  <a:pt x="8" y="34"/>
                </a:lnTo>
                <a:lnTo>
                  <a:pt x="20" y="32"/>
                </a:lnTo>
                <a:lnTo>
                  <a:pt x="18" y="24"/>
                </a:lnTo>
                <a:lnTo>
                  <a:pt x="14" y="20"/>
                </a:lnTo>
                <a:lnTo>
                  <a:pt x="14" y="10"/>
                </a:lnTo>
                <a:lnTo>
                  <a:pt x="20" y="12"/>
                </a:lnTo>
                <a:lnTo>
                  <a:pt x="24" y="20"/>
                </a:lnTo>
                <a:lnTo>
                  <a:pt x="32" y="26"/>
                </a:lnTo>
                <a:lnTo>
                  <a:pt x="40" y="26"/>
                </a:lnTo>
                <a:lnTo>
                  <a:pt x="50" y="24"/>
                </a:lnTo>
                <a:lnTo>
                  <a:pt x="56" y="20"/>
                </a:lnTo>
                <a:lnTo>
                  <a:pt x="58" y="12"/>
                </a:lnTo>
                <a:lnTo>
                  <a:pt x="66" y="12"/>
                </a:lnTo>
                <a:lnTo>
                  <a:pt x="70" y="18"/>
                </a:lnTo>
                <a:lnTo>
                  <a:pt x="66" y="26"/>
                </a:lnTo>
                <a:lnTo>
                  <a:pt x="70" y="30"/>
                </a:lnTo>
                <a:lnTo>
                  <a:pt x="78" y="28"/>
                </a:lnTo>
                <a:lnTo>
                  <a:pt x="84" y="38"/>
                </a:lnTo>
                <a:lnTo>
                  <a:pt x="90" y="40"/>
                </a:lnTo>
                <a:lnTo>
                  <a:pt x="104" y="34"/>
                </a:lnTo>
                <a:lnTo>
                  <a:pt x="114" y="30"/>
                </a:lnTo>
                <a:lnTo>
                  <a:pt x="124" y="24"/>
                </a:lnTo>
                <a:lnTo>
                  <a:pt x="144" y="22"/>
                </a:lnTo>
                <a:lnTo>
                  <a:pt x="154" y="18"/>
                </a:lnTo>
                <a:lnTo>
                  <a:pt x="166" y="16"/>
                </a:lnTo>
                <a:lnTo>
                  <a:pt x="172" y="20"/>
                </a:lnTo>
                <a:lnTo>
                  <a:pt x="182" y="22"/>
                </a:lnTo>
                <a:lnTo>
                  <a:pt x="194" y="22"/>
                </a:lnTo>
                <a:lnTo>
                  <a:pt x="200" y="18"/>
                </a:lnTo>
                <a:lnTo>
                  <a:pt x="202" y="18"/>
                </a:lnTo>
                <a:lnTo>
                  <a:pt x="206" y="20"/>
                </a:lnTo>
                <a:lnTo>
                  <a:pt x="216" y="18"/>
                </a:lnTo>
                <a:lnTo>
                  <a:pt x="228" y="12"/>
                </a:lnTo>
                <a:lnTo>
                  <a:pt x="234" y="10"/>
                </a:lnTo>
                <a:lnTo>
                  <a:pt x="238" y="10"/>
                </a:lnTo>
                <a:lnTo>
                  <a:pt x="240" y="20"/>
                </a:lnTo>
                <a:lnTo>
                  <a:pt x="242" y="30"/>
                </a:lnTo>
                <a:lnTo>
                  <a:pt x="250" y="38"/>
                </a:lnTo>
                <a:lnTo>
                  <a:pt x="258" y="32"/>
                </a:lnTo>
                <a:lnTo>
                  <a:pt x="264" y="22"/>
                </a:lnTo>
                <a:lnTo>
                  <a:pt x="272" y="20"/>
                </a:lnTo>
                <a:lnTo>
                  <a:pt x="282" y="18"/>
                </a:lnTo>
                <a:lnTo>
                  <a:pt x="292" y="14"/>
                </a:lnTo>
                <a:lnTo>
                  <a:pt x="294" y="8"/>
                </a:lnTo>
                <a:lnTo>
                  <a:pt x="296" y="4"/>
                </a:lnTo>
                <a:lnTo>
                  <a:pt x="300" y="0"/>
                </a:lnTo>
                <a:lnTo>
                  <a:pt x="302" y="8"/>
                </a:lnTo>
                <a:lnTo>
                  <a:pt x="304" y="16"/>
                </a:lnTo>
                <a:lnTo>
                  <a:pt x="306" y="28"/>
                </a:lnTo>
                <a:lnTo>
                  <a:pt x="300" y="42"/>
                </a:lnTo>
                <a:lnTo>
                  <a:pt x="290" y="44"/>
                </a:lnTo>
                <a:lnTo>
                  <a:pt x="270" y="46"/>
                </a:lnTo>
                <a:lnTo>
                  <a:pt x="264" y="48"/>
                </a:lnTo>
                <a:lnTo>
                  <a:pt x="258" y="52"/>
                </a:lnTo>
                <a:lnTo>
                  <a:pt x="244" y="56"/>
                </a:lnTo>
                <a:lnTo>
                  <a:pt x="232" y="56"/>
                </a:lnTo>
                <a:lnTo>
                  <a:pt x="226" y="62"/>
                </a:lnTo>
                <a:lnTo>
                  <a:pt x="216" y="64"/>
                </a:lnTo>
                <a:lnTo>
                  <a:pt x="208" y="64"/>
                </a:lnTo>
                <a:lnTo>
                  <a:pt x="200" y="70"/>
                </a:lnTo>
                <a:lnTo>
                  <a:pt x="188" y="76"/>
                </a:lnTo>
                <a:lnTo>
                  <a:pt x="176" y="80"/>
                </a:lnTo>
                <a:lnTo>
                  <a:pt x="164" y="84"/>
                </a:lnTo>
                <a:lnTo>
                  <a:pt x="148" y="86"/>
                </a:lnTo>
                <a:lnTo>
                  <a:pt x="144" y="82"/>
                </a:lnTo>
                <a:lnTo>
                  <a:pt x="142" y="80"/>
                </a:lnTo>
                <a:lnTo>
                  <a:pt x="144" y="72"/>
                </a:lnTo>
                <a:lnTo>
                  <a:pt x="136" y="66"/>
                </a:lnTo>
                <a:lnTo>
                  <a:pt x="132" y="68"/>
                </a:lnTo>
                <a:lnTo>
                  <a:pt x="122" y="70"/>
                </a:lnTo>
                <a:lnTo>
                  <a:pt x="114" y="66"/>
                </a:lnTo>
                <a:lnTo>
                  <a:pt x="98" y="62"/>
                </a:lnTo>
                <a:lnTo>
                  <a:pt x="86" y="62"/>
                </a:lnTo>
                <a:lnTo>
                  <a:pt x="72" y="64"/>
                </a:lnTo>
                <a:lnTo>
                  <a:pt x="62" y="64"/>
                </a:lnTo>
                <a:lnTo>
                  <a:pt x="52" y="62"/>
                </a:lnTo>
                <a:lnTo>
                  <a:pt x="42" y="64"/>
                </a:lnTo>
                <a:lnTo>
                  <a:pt x="32" y="66"/>
                </a:lnTo>
                <a:lnTo>
                  <a:pt x="26" y="68"/>
                </a:lnTo>
                <a:lnTo>
                  <a:pt x="14" y="70"/>
                </a:lnTo>
                <a:lnTo>
                  <a:pt x="4" y="66"/>
                </a:lnTo>
                <a:lnTo>
                  <a:pt x="2" y="52"/>
                </a:lnTo>
                <a:lnTo>
                  <a:pt x="2" y="44"/>
                </a:lnTo>
                <a:lnTo>
                  <a:pt x="0" y="34"/>
                </a:lnTo>
                <a:lnTo>
                  <a:pt x="2" y="2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28" name="Freeform 29"/>
          <p:cNvSpPr>
            <a:spLocks/>
          </p:cNvSpPr>
          <p:nvPr/>
        </p:nvSpPr>
        <p:spPr bwMode="auto">
          <a:xfrm>
            <a:off x="6530975" y="5170488"/>
            <a:ext cx="771525" cy="985837"/>
          </a:xfrm>
          <a:custGeom>
            <a:avLst/>
            <a:gdLst>
              <a:gd name="T0" fmla="*/ 2147483647 w 596"/>
              <a:gd name="T1" fmla="*/ 2147483647 h 762"/>
              <a:gd name="T2" fmla="*/ 2147483647 w 596"/>
              <a:gd name="T3" fmla="*/ 2147483647 h 762"/>
              <a:gd name="T4" fmla="*/ 2147483647 w 596"/>
              <a:gd name="T5" fmla="*/ 2147483647 h 762"/>
              <a:gd name="T6" fmla="*/ 2147483647 w 596"/>
              <a:gd name="T7" fmla="*/ 2147483647 h 762"/>
              <a:gd name="T8" fmla="*/ 2147483647 w 596"/>
              <a:gd name="T9" fmla="*/ 2147483647 h 762"/>
              <a:gd name="T10" fmla="*/ 2147483647 w 596"/>
              <a:gd name="T11" fmla="*/ 2147483647 h 762"/>
              <a:gd name="T12" fmla="*/ 2147483647 w 596"/>
              <a:gd name="T13" fmla="*/ 2147483647 h 762"/>
              <a:gd name="T14" fmla="*/ 2147483647 w 596"/>
              <a:gd name="T15" fmla="*/ 2147483647 h 762"/>
              <a:gd name="T16" fmla="*/ 2147483647 w 596"/>
              <a:gd name="T17" fmla="*/ 2147483647 h 762"/>
              <a:gd name="T18" fmla="*/ 2147483647 w 596"/>
              <a:gd name="T19" fmla="*/ 2147483647 h 762"/>
              <a:gd name="T20" fmla="*/ 2147483647 w 596"/>
              <a:gd name="T21" fmla="*/ 2147483647 h 762"/>
              <a:gd name="T22" fmla="*/ 2147483647 w 596"/>
              <a:gd name="T23" fmla="*/ 2147483647 h 762"/>
              <a:gd name="T24" fmla="*/ 2147483647 w 596"/>
              <a:gd name="T25" fmla="*/ 2147483647 h 762"/>
              <a:gd name="T26" fmla="*/ 2147483647 w 596"/>
              <a:gd name="T27" fmla="*/ 2147483647 h 762"/>
              <a:gd name="T28" fmla="*/ 2147483647 w 596"/>
              <a:gd name="T29" fmla="*/ 2147483647 h 762"/>
              <a:gd name="T30" fmla="*/ 2147483647 w 596"/>
              <a:gd name="T31" fmla="*/ 2147483647 h 762"/>
              <a:gd name="T32" fmla="*/ 2147483647 w 596"/>
              <a:gd name="T33" fmla="*/ 2147483647 h 762"/>
              <a:gd name="T34" fmla="*/ 2147483647 w 596"/>
              <a:gd name="T35" fmla="*/ 2147483647 h 762"/>
              <a:gd name="T36" fmla="*/ 2147483647 w 596"/>
              <a:gd name="T37" fmla="*/ 2147483647 h 762"/>
              <a:gd name="T38" fmla="*/ 2147483647 w 596"/>
              <a:gd name="T39" fmla="*/ 2147483647 h 762"/>
              <a:gd name="T40" fmla="*/ 2147483647 w 596"/>
              <a:gd name="T41" fmla="*/ 2147483647 h 762"/>
              <a:gd name="T42" fmla="*/ 2147483647 w 596"/>
              <a:gd name="T43" fmla="*/ 2147483647 h 762"/>
              <a:gd name="T44" fmla="*/ 2147483647 w 596"/>
              <a:gd name="T45" fmla="*/ 2147483647 h 762"/>
              <a:gd name="T46" fmla="*/ 2147483647 w 596"/>
              <a:gd name="T47" fmla="*/ 2147483647 h 762"/>
              <a:gd name="T48" fmla="*/ 2147483647 w 596"/>
              <a:gd name="T49" fmla="*/ 2147483647 h 762"/>
              <a:gd name="T50" fmla="*/ 2147483647 w 596"/>
              <a:gd name="T51" fmla="*/ 2147483647 h 762"/>
              <a:gd name="T52" fmla="*/ 2147483647 w 596"/>
              <a:gd name="T53" fmla="*/ 2147483647 h 762"/>
              <a:gd name="T54" fmla="*/ 2147483647 w 596"/>
              <a:gd name="T55" fmla="*/ 2147483647 h 762"/>
              <a:gd name="T56" fmla="*/ 2147483647 w 596"/>
              <a:gd name="T57" fmla="*/ 2147483647 h 762"/>
              <a:gd name="T58" fmla="*/ 2147483647 w 596"/>
              <a:gd name="T59" fmla="*/ 2147483647 h 762"/>
              <a:gd name="T60" fmla="*/ 2147483647 w 596"/>
              <a:gd name="T61" fmla="*/ 2147483647 h 762"/>
              <a:gd name="T62" fmla="*/ 2147483647 w 596"/>
              <a:gd name="T63" fmla="*/ 2147483647 h 762"/>
              <a:gd name="T64" fmla="*/ 2147483647 w 596"/>
              <a:gd name="T65" fmla="*/ 2147483647 h 762"/>
              <a:gd name="T66" fmla="*/ 2147483647 w 596"/>
              <a:gd name="T67" fmla="*/ 2147483647 h 762"/>
              <a:gd name="T68" fmla="*/ 2147483647 w 596"/>
              <a:gd name="T69" fmla="*/ 2147483647 h 762"/>
              <a:gd name="T70" fmla="*/ 2147483647 w 596"/>
              <a:gd name="T71" fmla="*/ 2147483647 h 762"/>
              <a:gd name="T72" fmla="*/ 2147483647 w 596"/>
              <a:gd name="T73" fmla="*/ 2147483647 h 762"/>
              <a:gd name="T74" fmla="*/ 2147483647 w 596"/>
              <a:gd name="T75" fmla="*/ 2147483647 h 762"/>
              <a:gd name="T76" fmla="*/ 2147483647 w 596"/>
              <a:gd name="T77" fmla="*/ 2147483647 h 762"/>
              <a:gd name="T78" fmla="*/ 2147483647 w 596"/>
              <a:gd name="T79" fmla="*/ 2147483647 h 762"/>
              <a:gd name="T80" fmla="*/ 2147483647 w 596"/>
              <a:gd name="T81" fmla="*/ 2147483647 h 762"/>
              <a:gd name="T82" fmla="*/ 2147483647 w 596"/>
              <a:gd name="T83" fmla="*/ 2147483647 h 762"/>
              <a:gd name="T84" fmla="*/ 2147483647 w 596"/>
              <a:gd name="T85" fmla="*/ 2147483647 h 762"/>
              <a:gd name="T86" fmla="*/ 2147483647 w 596"/>
              <a:gd name="T87" fmla="*/ 2147483647 h 762"/>
              <a:gd name="T88" fmla="*/ 2147483647 w 596"/>
              <a:gd name="T89" fmla="*/ 2147483647 h 762"/>
              <a:gd name="T90" fmla="*/ 2147483647 w 596"/>
              <a:gd name="T91" fmla="*/ 2147483647 h 762"/>
              <a:gd name="T92" fmla="*/ 2147483647 w 596"/>
              <a:gd name="T93" fmla="*/ 2147483647 h 762"/>
              <a:gd name="T94" fmla="*/ 2147483647 w 596"/>
              <a:gd name="T95" fmla="*/ 2147483647 h 762"/>
              <a:gd name="T96" fmla="*/ 2147483647 w 596"/>
              <a:gd name="T97" fmla="*/ 2147483647 h 762"/>
              <a:gd name="T98" fmla="*/ 2147483647 w 596"/>
              <a:gd name="T99" fmla="*/ 2147483647 h 762"/>
              <a:gd name="T100" fmla="*/ 2147483647 w 596"/>
              <a:gd name="T101" fmla="*/ 2147483647 h 762"/>
              <a:gd name="T102" fmla="*/ 2147483647 w 596"/>
              <a:gd name="T103" fmla="*/ 2147483647 h 762"/>
              <a:gd name="T104" fmla="*/ 2147483647 w 596"/>
              <a:gd name="T105" fmla="*/ 2147483647 h 762"/>
              <a:gd name="T106" fmla="*/ 2147483647 w 596"/>
              <a:gd name="T107" fmla="*/ 2147483647 h 762"/>
              <a:gd name="T108" fmla="*/ 2147483647 w 596"/>
              <a:gd name="T109" fmla="*/ 2147483647 h 762"/>
              <a:gd name="T110" fmla="*/ 2147483647 w 596"/>
              <a:gd name="T111" fmla="*/ 2147483647 h 762"/>
              <a:gd name="T112" fmla="*/ 2147483647 w 596"/>
              <a:gd name="T113" fmla="*/ 2147483647 h 762"/>
              <a:gd name="T114" fmla="*/ 2147483647 w 596"/>
              <a:gd name="T115" fmla="*/ 2147483647 h 762"/>
              <a:gd name="T116" fmla="*/ 2147483647 w 596"/>
              <a:gd name="T117" fmla="*/ 2147483647 h 762"/>
              <a:gd name="T118" fmla="*/ 2147483647 w 596"/>
              <a:gd name="T119" fmla="*/ 2147483647 h 762"/>
              <a:gd name="T120" fmla="*/ 2147483647 w 596"/>
              <a:gd name="T121" fmla="*/ 2147483647 h 762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596" h="762">
                <a:moveTo>
                  <a:pt x="240" y="116"/>
                </a:moveTo>
                <a:lnTo>
                  <a:pt x="264" y="114"/>
                </a:lnTo>
                <a:lnTo>
                  <a:pt x="274" y="104"/>
                </a:lnTo>
                <a:lnTo>
                  <a:pt x="306" y="100"/>
                </a:lnTo>
                <a:lnTo>
                  <a:pt x="342" y="80"/>
                </a:lnTo>
                <a:lnTo>
                  <a:pt x="356" y="64"/>
                </a:lnTo>
                <a:lnTo>
                  <a:pt x="376" y="66"/>
                </a:lnTo>
                <a:lnTo>
                  <a:pt x="384" y="58"/>
                </a:lnTo>
                <a:lnTo>
                  <a:pt x="420" y="82"/>
                </a:lnTo>
                <a:lnTo>
                  <a:pt x="422" y="72"/>
                </a:lnTo>
                <a:lnTo>
                  <a:pt x="448" y="72"/>
                </a:lnTo>
                <a:lnTo>
                  <a:pt x="468" y="86"/>
                </a:lnTo>
                <a:lnTo>
                  <a:pt x="500" y="66"/>
                </a:lnTo>
                <a:lnTo>
                  <a:pt x="530" y="60"/>
                </a:lnTo>
                <a:lnTo>
                  <a:pt x="552" y="46"/>
                </a:lnTo>
                <a:lnTo>
                  <a:pt x="548" y="26"/>
                </a:lnTo>
                <a:lnTo>
                  <a:pt x="530" y="10"/>
                </a:lnTo>
                <a:lnTo>
                  <a:pt x="540" y="0"/>
                </a:lnTo>
                <a:lnTo>
                  <a:pt x="556" y="4"/>
                </a:lnTo>
                <a:lnTo>
                  <a:pt x="580" y="6"/>
                </a:lnTo>
                <a:lnTo>
                  <a:pt x="596" y="36"/>
                </a:lnTo>
                <a:lnTo>
                  <a:pt x="572" y="62"/>
                </a:lnTo>
                <a:lnTo>
                  <a:pt x="572" y="80"/>
                </a:lnTo>
                <a:lnTo>
                  <a:pt x="580" y="100"/>
                </a:lnTo>
                <a:lnTo>
                  <a:pt x="568" y="114"/>
                </a:lnTo>
                <a:lnTo>
                  <a:pt x="558" y="136"/>
                </a:lnTo>
                <a:lnTo>
                  <a:pt x="552" y="122"/>
                </a:lnTo>
                <a:lnTo>
                  <a:pt x="528" y="122"/>
                </a:lnTo>
                <a:lnTo>
                  <a:pt x="526" y="128"/>
                </a:lnTo>
                <a:lnTo>
                  <a:pt x="488" y="128"/>
                </a:lnTo>
                <a:lnTo>
                  <a:pt x="484" y="124"/>
                </a:lnTo>
                <a:lnTo>
                  <a:pt x="468" y="126"/>
                </a:lnTo>
                <a:lnTo>
                  <a:pt x="458" y="118"/>
                </a:lnTo>
                <a:lnTo>
                  <a:pt x="430" y="144"/>
                </a:lnTo>
                <a:lnTo>
                  <a:pt x="414" y="144"/>
                </a:lnTo>
                <a:lnTo>
                  <a:pt x="396" y="138"/>
                </a:lnTo>
                <a:lnTo>
                  <a:pt x="388" y="150"/>
                </a:lnTo>
                <a:lnTo>
                  <a:pt x="376" y="170"/>
                </a:lnTo>
                <a:lnTo>
                  <a:pt x="364" y="174"/>
                </a:lnTo>
                <a:lnTo>
                  <a:pt x="352" y="176"/>
                </a:lnTo>
                <a:lnTo>
                  <a:pt x="344" y="168"/>
                </a:lnTo>
                <a:lnTo>
                  <a:pt x="334" y="174"/>
                </a:lnTo>
                <a:lnTo>
                  <a:pt x="330" y="184"/>
                </a:lnTo>
                <a:lnTo>
                  <a:pt x="338" y="192"/>
                </a:lnTo>
                <a:lnTo>
                  <a:pt x="346" y="200"/>
                </a:lnTo>
                <a:lnTo>
                  <a:pt x="348" y="212"/>
                </a:lnTo>
                <a:lnTo>
                  <a:pt x="360" y="220"/>
                </a:lnTo>
                <a:lnTo>
                  <a:pt x="374" y="220"/>
                </a:lnTo>
                <a:lnTo>
                  <a:pt x="388" y="224"/>
                </a:lnTo>
                <a:lnTo>
                  <a:pt x="400" y="230"/>
                </a:lnTo>
                <a:lnTo>
                  <a:pt x="408" y="238"/>
                </a:lnTo>
                <a:lnTo>
                  <a:pt x="410" y="244"/>
                </a:lnTo>
                <a:lnTo>
                  <a:pt x="406" y="250"/>
                </a:lnTo>
                <a:lnTo>
                  <a:pt x="394" y="240"/>
                </a:lnTo>
                <a:lnTo>
                  <a:pt x="384" y="230"/>
                </a:lnTo>
                <a:lnTo>
                  <a:pt x="368" y="230"/>
                </a:lnTo>
                <a:lnTo>
                  <a:pt x="360" y="226"/>
                </a:lnTo>
                <a:lnTo>
                  <a:pt x="352" y="224"/>
                </a:lnTo>
                <a:lnTo>
                  <a:pt x="346" y="228"/>
                </a:lnTo>
                <a:lnTo>
                  <a:pt x="340" y="238"/>
                </a:lnTo>
                <a:lnTo>
                  <a:pt x="344" y="244"/>
                </a:lnTo>
                <a:lnTo>
                  <a:pt x="356" y="250"/>
                </a:lnTo>
                <a:lnTo>
                  <a:pt x="370" y="254"/>
                </a:lnTo>
                <a:lnTo>
                  <a:pt x="376" y="264"/>
                </a:lnTo>
                <a:lnTo>
                  <a:pt x="378" y="272"/>
                </a:lnTo>
                <a:lnTo>
                  <a:pt x="372" y="278"/>
                </a:lnTo>
                <a:lnTo>
                  <a:pt x="356" y="274"/>
                </a:lnTo>
                <a:lnTo>
                  <a:pt x="354" y="266"/>
                </a:lnTo>
                <a:lnTo>
                  <a:pt x="346" y="256"/>
                </a:lnTo>
                <a:lnTo>
                  <a:pt x="336" y="250"/>
                </a:lnTo>
                <a:lnTo>
                  <a:pt x="324" y="246"/>
                </a:lnTo>
                <a:lnTo>
                  <a:pt x="310" y="246"/>
                </a:lnTo>
                <a:lnTo>
                  <a:pt x="306" y="256"/>
                </a:lnTo>
                <a:lnTo>
                  <a:pt x="310" y="262"/>
                </a:lnTo>
                <a:lnTo>
                  <a:pt x="322" y="270"/>
                </a:lnTo>
                <a:lnTo>
                  <a:pt x="330" y="278"/>
                </a:lnTo>
                <a:lnTo>
                  <a:pt x="332" y="280"/>
                </a:lnTo>
                <a:lnTo>
                  <a:pt x="346" y="280"/>
                </a:lnTo>
                <a:lnTo>
                  <a:pt x="344" y="288"/>
                </a:lnTo>
                <a:lnTo>
                  <a:pt x="332" y="286"/>
                </a:lnTo>
                <a:lnTo>
                  <a:pt x="326" y="284"/>
                </a:lnTo>
                <a:lnTo>
                  <a:pt x="316" y="284"/>
                </a:lnTo>
                <a:lnTo>
                  <a:pt x="308" y="276"/>
                </a:lnTo>
                <a:lnTo>
                  <a:pt x="304" y="266"/>
                </a:lnTo>
                <a:lnTo>
                  <a:pt x="302" y="256"/>
                </a:lnTo>
                <a:lnTo>
                  <a:pt x="292" y="252"/>
                </a:lnTo>
                <a:lnTo>
                  <a:pt x="276" y="248"/>
                </a:lnTo>
                <a:lnTo>
                  <a:pt x="264" y="240"/>
                </a:lnTo>
                <a:lnTo>
                  <a:pt x="250" y="232"/>
                </a:lnTo>
                <a:lnTo>
                  <a:pt x="258" y="220"/>
                </a:lnTo>
                <a:lnTo>
                  <a:pt x="256" y="206"/>
                </a:lnTo>
                <a:lnTo>
                  <a:pt x="242" y="220"/>
                </a:lnTo>
                <a:lnTo>
                  <a:pt x="226" y="236"/>
                </a:lnTo>
                <a:lnTo>
                  <a:pt x="234" y="252"/>
                </a:lnTo>
                <a:lnTo>
                  <a:pt x="228" y="270"/>
                </a:lnTo>
                <a:lnTo>
                  <a:pt x="236" y="296"/>
                </a:lnTo>
                <a:lnTo>
                  <a:pt x="254" y="308"/>
                </a:lnTo>
                <a:lnTo>
                  <a:pt x="276" y="328"/>
                </a:lnTo>
                <a:lnTo>
                  <a:pt x="276" y="340"/>
                </a:lnTo>
                <a:lnTo>
                  <a:pt x="300" y="350"/>
                </a:lnTo>
                <a:lnTo>
                  <a:pt x="310" y="360"/>
                </a:lnTo>
                <a:lnTo>
                  <a:pt x="326" y="376"/>
                </a:lnTo>
                <a:lnTo>
                  <a:pt x="332" y="384"/>
                </a:lnTo>
                <a:lnTo>
                  <a:pt x="328" y="394"/>
                </a:lnTo>
                <a:lnTo>
                  <a:pt x="318" y="394"/>
                </a:lnTo>
                <a:lnTo>
                  <a:pt x="314" y="384"/>
                </a:lnTo>
                <a:lnTo>
                  <a:pt x="306" y="376"/>
                </a:lnTo>
                <a:lnTo>
                  <a:pt x="292" y="372"/>
                </a:lnTo>
                <a:lnTo>
                  <a:pt x="284" y="374"/>
                </a:lnTo>
                <a:lnTo>
                  <a:pt x="290" y="386"/>
                </a:lnTo>
                <a:lnTo>
                  <a:pt x="306" y="402"/>
                </a:lnTo>
                <a:lnTo>
                  <a:pt x="324" y="404"/>
                </a:lnTo>
                <a:lnTo>
                  <a:pt x="336" y="410"/>
                </a:lnTo>
                <a:lnTo>
                  <a:pt x="350" y="422"/>
                </a:lnTo>
                <a:lnTo>
                  <a:pt x="368" y="436"/>
                </a:lnTo>
                <a:lnTo>
                  <a:pt x="380" y="434"/>
                </a:lnTo>
                <a:lnTo>
                  <a:pt x="392" y="440"/>
                </a:lnTo>
                <a:lnTo>
                  <a:pt x="412" y="438"/>
                </a:lnTo>
                <a:lnTo>
                  <a:pt x="422" y="440"/>
                </a:lnTo>
                <a:lnTo>
                  <a:pt x="428" y="450"/>
                </a:lnTo>
                <a:lnTo>
                  <a:pt x="434" y="454"/>
                </a:lnTo>
                <a:lnTo>
                  <a:pt x="436" y="472"/>
                </a:lnTo>
                <a:lnTo>
                  <a:pt x="446" y="484"/>
                </a:lnTo>
                <a:lnTo>
                  <a:pt x="454" y="496"/>
                </a:lnTo>
                <a:lnTo>
                  <a:pt x="464" y="498"/>
                </a:lnTo>
                <a:lnTo>
                  <a:pt x="480" y="500"/>
                </a:lnTo>
                <a:lnTo>
                  <a:pt x="486" y="504"/>
                </a:lnTo>
                <a:lnTo>
                  <a:pt x="486" y="516"/>
                </a:lnTo>
                <a:lnTo>
                  <a:pt x="480" y="522"/>
                </a:lnTo>
                <a:lnTo>
                  <a:pt x="472" y="518"/>
                </a:lnTo>
                <a:lnTo>
                  <a:pt x="466" y="522"/>
                </a:lnTo>
                <a:lnTo>
                  <a:pt x="458" y="516"/>
                </a:lnTo>
                <a:lnTo>
                  <a:pt x="456" y="510"/>
                </a:lnTo>
                <a:lnTo>
                  <a:pt x="444" y="508"/>
                </a:lnTo>
                <a:lnTo>
                  <a:pt x="442" y="500"/>
                </a:lnTo>
                <a:lnTo>
                  <a:pt x="436" y="492"/>
                </a:lnTo>
                <a:lnTo>
                  <a:pt x="426" y="482"/>
                </a:lnTo>
                <a:lnTo>
                  <a:pt x="418" y="476"/>
                </a:lnTo>
                <a:lnTo>
                  <a:pt x="408" y="480"/>
                </a:lnTo>
                <a:lnTo>
                  <a:pt x="392" y="482"/>
                </a:lnTo>
                <a:lnTo>
                  <a:pt x="380" y="480"/>
                </a:lnTo>
                <a:lnTo>
                  <a:pt x="378" y="476"/>
                </a:lnTo>
                <a:lnTo>
                  <a:pt x="374" y="468"/>
                </a:lnTo>
                <a:lnTo>
                  <a:pt x="372" y="462"/>
                </a:lnTo>
                <a:lnTo>
                  <a:pt x="364" y="460"/>
                </a:lnTo>
                <a:lnTo>
                  <a:pt x="348" y="446"/>
                </a:lnTo>
                <a:lnTo>
                  <a:pt x="332" y="436"/>
                </a:lnTo>
                <a:lnTo>
                  <a:pt x="322" y="434"/>
                </a:lnTo>
                <a:lnTo>
                  <a:pt x="312" y="434"/>
                </a:lnTo>
                <a:lnTo>
                  <a:pt x="312" y="428"/>
                </a:lnTo>
                <a:lnTo>
                  <a:pt x="304" y="426"/>
                </a:lnTo>
                <a:lnTo>
                  <a:pt x="302" y="432"/>
                </a:lnTo>
                <a:lnTo>
                  <a:pt x="302" y="440"/>
                </a:lnTo>
                <a:lnTo>
                  <a:pt x="292" y="442"/>
                </a:lnTo>
                <a:lnTo>
                  <a:pt x="290" y="434"/>
                </a:lnTo>
                <a:lnTo>
                  <a:pt x="284" y="430"/>
                </a:lnTo>
                <a:lnTo>
                  <a:pt x="284" y="438"/>
                </a:lnTo>
                <a:lnTo>
                  <a:pt x="274" y="436"/>
                </a:lnTo>
                <a:lnTo>
                  <a:pt x="260" y="438"/>
                </a:lnTo>
                <a:lnTo>
                  <a:pt x="264" y="444"/>
                </a:lnTo>
                <a:lnTo>
                  <a:pt x="278" y="444"/>
                </a:lnTo>
                <a:lnTo>
                  <a:pt x="284" y="448"/>
                </a:lnTo>
                <a:lnTo>
                  <a:pt x="308" y="448"/>
                </a:lnTo>
                <a:lnTo>
                  <a:pt x="314" y="454"/>
                </a:lnTo>
                <a:lnTo>
                  <a:pt x="320" y="460"/>
                </a:lnTo>
                <a:lnTo>
                  <a:pt x="326" y="458"/>
                </a:lnTo>
                <a:lnTo>
                  <a:pt x="330" y="454"/>
                </a:lnTo>
                <a:lnTo>
                  <a:pt x="338" y="456"/>
                </a:lnTo>
                <a:lnTo>
                  <a:pt x="342" y="460"/>
                </a:lnTo>
                <a:lnTo>
                  <a:pt x="344" y="470"/>
                </a:lnTo>
                <a:lnTo>
                  <a:pt x="350" y="472"/>
                </a:lnTo>
                <a:lnTo>
                  <a:pt x="358" y="470"/>
                </a:lnTo>
                <a:lnTo>
                  <a:pt x="370" y="472"/>
                </a:lnTo>
                <a:lnTo>
                  <a:pt x="372" y="476"/>
                </a:lnTo>
                <a:lnTo>
                  <a:pt x="376" y="482"/>
                </a:lnTo>
                <a:lnTo>
                  <a:pt x="382" y="486"/>
                </a:lnTo>
                <a:lnTo>
                  <a:pt x="394" y="488"/>
                </a:lnTo>
                <a:lnTo>
                  <a:pt x="408" y="492"/>
                </a:lnTo>
                <a:lnTo>
                  <a:pt x="418" y="494"/>
                </a:lnTo>
                <a:lnTo>
                  <a:pt x="428" y="500"/>
                </a:lnTo>
                <a:lnTo>
                  <a:pt x="428" y="506"/>
                </a:lnTo>
                <a:lnTo>
                  <a:pt x="426" y="514"/>
                </a:lnTo>
                <a:lnTo>
                  <a:pt x="430" y="526"/>
                </a:lnTo>
                <a:lnTo>
                  <a:pt x="430" y="538"/>
                </a:lnTo>
                <a:lnTo>
                  <a:pt x="440" y="544"/>
                </a:lnTo>
                <a:lnTo>
                  <a:pt x="442" y="554"/>
                </a:lnTo>
                <a:lnTo>
                  <a:pt x="446" y="562"/>
                </a:lnTo>
                <a:lnTo>
                  <a:pt x="440" y="564"/>
                </a:lnTo>
                <a:lnTo>
                  <a:pt x="440" y="572"/>
                </a:lnTo>
                <a:lnTo>
                  <a:pt x="430" y="568"/>
                </a:lnTo>
                <a:lnTo>
                  <a:pt x="422" y="558"/>
                </a:lnTo>
                <a:lnTo>
                  <a:pt x="412" y="556"/>
                </a:lnTo>
                <a:lnTo>
                  <a:pt x="406" y="550"/>
                </a:lnTo>
                <a:lnTo>
                  <a:pt x="402" y="542"/>
                </a:lnTo>
                <a:lnTo>
                  <a:pt x="392" y="540"/>
                </a:lnTo>
                <a:lnTo>
                  <a:pt x="384" y="542"/>
                </a:lnTo>
                <a:lnTo>
                  <a:pt x="380" y="546"/>
                </a:lnTo>
                <a:lnTo>
                  <a:pt x="376" y="552"/>
                </a:lnTo>
                <a:lnTo>
                  <a:pt x="368" y="550"/>
                </a:lnTo>
                <a:lnTo>
                  <a:pt x="368" y="544"/>
                </a:lnTo>
                <a:lnTo>
                  <a:pt x="372" y="538"/>
                </a:lnTo>
                <a:lnTo>
                  <a:pt x="370" y="536"/>
                </a:lnTo>
                <a:lnTo>
                  <a:pt x="366" y="540"/>
                </a:lnTo>
                <a:lnTo>
                  <a:pt x="362" y="544"/>
                </a:lnTo>
                <a:lnTo>
                  <a:pt x="354" y="544"/>
                </a:lnTo>
                <a:lnTo>
                  <a:pt x="346" y="548"/>
                </a:lnTo>
                <a:lnTo>
                  <a:pt x="342" y="554"/>
                </a:lnTo>
                <a:lnTo>
                  <a:pt x="334" y="556"/>
                </a:lnTo>
                <a:lnTo>
                  <a:pt x="328" y="560"/>
                </a:lnTo>
                <a:lnTo>
                  <a:pt x="330" y="566"/>
                </a:lnTo>
                <a:lnTo>
                  <a:pt x="338" y="568"/>
                </a:lnTo>
                <a:lnTo>
                  <a:pt x="346" y="570"/>
                </a:lnTo>
                <a:lnTo>
                  <a:pt x="346" y="574"/>
                </a:lnTo>
                <a:lnTo>
                  <a:pt x="348" y="586"/>
                </a:lnTo>
                <a:lnTo>
                  <a:pt x="352" y="592"/>
                </a:lnTo>
                <a:lnTo>
                  <a:pt x="356" y="596"/>
                </a:lnTo>
                <a:lnTo>
                  <a:pt x="366" y="600"/>
                </a:lnTo>
                <a:lnTo>
                  <a:pt x="372" y="598"/>
                </a:lnTo>
                <a:lnTo>
                  <a:pt x="370" y="592"/>
                </a:lnTo>
                <a:lnTo>
                  <a:pt x="370" y="586"/>
                </a:lnTo>
                <a:lnTo>
                  <a:pt x="376" y="584"/>
                </a:lnTo>
                <a:lnTo>
                  <a:pt x="376" y="592"/>
                </a:lnTo>
                <a:lnTo>
                  <a:pt x="378" y="596"/>
                </a:lnTo>
                <a:lnTo>
                  <a:pt x="386" y="598"/>
                </a:lnTo>
                <a:lnTo>
                  <a:pt x="388" y="604"/>
                </a:lnTo>
                <a:lnTo>
                  <a:pt x="392" y="612"/>
                </a:lnTo>
                <a:lnTo>
                  <a:pt x="386" y="616"/>
                </a:lnTo>
                <a:lnTo>
                  <a:pt x="376" y="616"/>
                </a:lnTo>
                <a:lnTo>
                  <a:pt x="366" y="622"/>
                </a:lnTo>
                <a:lnTo>
                  <a:pt x="364" y="628"/>
                </a:lnTo>
                <a:lnTo>
                  <a:pt x="360" y="632"/>
                </a:lnTo>
                <a:lnTo>
                  <a:pt x="358" y="640"/>
                </a:lnTo>
                <a:lnTo>
                  <a:pt x="352" y="634"/>
                </a:lnTo>
                <a:lnTo>
                  <a:pt x="350" y="626"/>
                </a:lnTo>
                <a:lnTo>
                  <a:pt x="352" y="618"/>
                </a:lnTo>
                <a:lnTo>
                  <a:pt x="344" y="614"/>
                </a:lnTo>
                <a:lnTo>
                  <a:pt x="334" y="610"/>
                </a:lnTo>
                <a:lnTo>
                  <a:pt x="322" y="610"/>
                </a:lnTo>
                <a:lnTo>
                  <a:pt x="312" y="606"/>
                </a:lnTo>
                <a:lnTo>
                  <a:pt x="310" y="610"/>
                </a:lnTo>
                <a:lnTo>
                  <a:pt x="310" y="624"/>
                </a:lnTo>
                <a:lnTo>
                  <a:pt x="322" y="636"/>
                </a:lnTo>
                <a:lnTo>
                  <a:pt x="332" y="650"/>
                </a:lnTo>
                <a:lnTo>
                  <a:pt x="338" y="662"/>
                </a:lnTo>
                <a:lnTo>
                  <a:pt x="346" y="670"/>
                </a:lnTo>
                <a:lnTo>
                  <a:pt x="352" y="684"/>
                </a:lnTo>
                <a:lnTo>
                  <a:pt x="356" y="694"/>
                </a:lnTo>
                <a:lnTo>
                  <a:pt x="362" y="700"/>
                </a:lnTo>
                <a:lnTo>
                  <a:pt x="362" y="706"/>
                </a:lnTo>
                <a:lnTo>
                  <a:pt x="358" y="712"/>
                </a:lnTo>
                <a:lnTo>
                  <a:pt x="358" y="720"/>
                </a:lnTo>
                <a:lnTo>
                  <a:pt x="362" y="726"/>
                </a:lnTo>
                <a:lnTo>
                  <a:pt x="368" y="732"/>
                </a:lnTo>
                <a:lnTo>
                  <a:pt x="374" y="736"/>
                </a:lnTo>
                <a:lnTo>
                  <a:pt x="378" y="740"/>
                </a:lnTo>
                <a:lnTo>
                  <a:pt x="380" y="746"/>
                </a:lnTo>
                <a:lnTo>
                  <a:pt x="372" y="750"/>
                </a:lnTo>
                <a:lnTo>
                  <a:pt x="366" y="744"/>
                </a:lnTo>
                <a:lnTo>
                  <a:pt x="362" y="740"/>
                </a:lnTo>
                <a:lnTo>
                  <a:pt x="356" y="740"/>
                </a:lnTo>
                <a:lnTo>
                  <a:pt x="352" y="732"/>
                </a:lnTo>
                <a:lnTo>
                  <a:pt x="346" y="730"/>
                </a:lnTo>
                <a:lnTo>
                  <a:pt x="340" y="724"/>
                </a:lnTo>
                <a:lnTo>
                  <a:pt x="334" y="724"/>
                </a:lnTo>
                <a:lnTo>
                  <a:pt x="334" y="718"/>
                </a:lnTo>
                <a:lnTo>
                  <a:pt x="334" y="710"/>
                </a:lnTo>
                <a:lnTo>
                  <a:pt x="324" y="710"/>
                </a:lnTo>
                <a:lnTo>
                  <a:pt x="310" y="712"/>
                </a:lnTo>
                <a:lnTo>
                  <a:pt x="308" y="718"/>
                </a:lnTo>
                <a:lnTo>
                  <a:pt x="306" y="726"/>
                </a:lnTo>
                <a:lnTo>
                  <a:pt x="304" y="736"/>
                </a:lnTo>
                <a:lnTo>
                  <a:pt x="304" y="748"/>
                </a:lnTo>
                <a:lnTo>
                  <a:pt x="308" y="752"/>
                </a:lnTo>
                <a:lnTo>
                  <a:pt x="310" y="756"/>
                </a:lnTo>
                <a:lnTo>
                  <a:pt x="308" y="762"/>
                </a:lnTo>
                <a:lnTo>
                  <a:pt x="302" y="760"/>
                </a:lnTo>
                <a:lnTo>
                  <a:pt x="298" y="756"/>
                </a:lnTo>
                <a:lnTo>
                  <a:pt x="290" y="754"/>
                </a:lnTo>
                <a:lnTo>
                  <a:pt x="294" y="744"/>
                </a:lnTo>
                <a:lnTo>
                  <a:pt x="292" y="736"/>
                </a:lnTo>
                <a:lnTo>
                  <a:pt x="288" y="730"/>
                </a:lnTo>
                <a:lnTo>
                  <a:pt x="282" y="720"/>
                </a:lnTo>
                <a:lnTo>
                  <a:pt x="278" y="716"/>
                </a:lnTo>
                <a:lnTo>
                  <a:pt x="274" y="708"/>
                </a:lnTo>
                <a:lnTo>
                  <a:pt x="268" y="706"/>
                </a:lnTo>
                <a:lnTo>
                  <a:pt x="262" y="706"/>
                </a:lnTo>
                <a:lnTo>
                  <a:pt x="260" y="702"/>
                </a:lnTo>
                <a:lnTo>
                  <a:pt x="258" y="696"/>
                </a:lnTo>
                <a:lnTo>
                  <a:pt x="252" y="692"/>
                </a:lnTo>
                <a:lnTo>
                  <a:pt x="244" y="694"/>
                </a:lnTo>
                <a:lnTo>
                  <a:pt x="238" y="698"/>
                </a:lnTo>
                <a:lnTo>
                  <a:pt x="236" y="706"/>
                </a:lnTo>
                <a:lnTo>
                  <a:pt x="238" y="712"/>
                </a:lnTo>
                <a:lnTo>
                  <a:pt x="240" y="716"/>
                </a:lnTo>
                <a:lnTo>
                  <a:pt x="242" y="724"/>
                </a:lnTo>
                <a:lnTo>
                  <a:pt x="238" y="732"/>
                </a:lnTo>
                <a:lnTo>
                  <a:pt x="232" y="728"/>
                </a:lnTo>
                <a:lnTo>
                  <a:pt x="228" y="726"/>
                </a:lnTo>
                <a:lnTo>
                  <a:pt x="222" y="726"/>
                </a:lnTo>
                <a:lnTo>
                  <a:pt x="218" y="730"/>
                </a:lnTo>
                <a:lnTo>
                  <a:pt x="216" y="722"/>
                </a:lnTo>
                <a:lnTo>
                  <a:pt x="212" y="712"/>
                </a:lnTo>
                <a:lnTo>
                  <a:pt x="212" y="706"/>
                </a:lnTo>
                <a:lnTo>
                  <a:pt x="204" y="698"/>
                </a:lnTo>
                <a:lnTo>
                  <a:pt x="196" y="690"/>
                </a:lnTo>
                <a:lnTo>
                  <a:pt x="196" y="680"/>
                </a:lnTo>
                <a:lnTo>
                  <a:pt x="200" y="668"/>
                </a:lnTo>
                <a:lnTo>
                  <a:pt x="206" y="660"/>
                </a:lnTo>
                <a:lnTo>
                  <a:pt x="196" y="642"/>
                </a:lnTo>
                <a:lnTo>
                  <a:pt x="186" y="632"/>
                </a:lnTo>
                <a:lnTo>
                  <a:pt x="178" y="626"/>
                </a:lnTo>
                <a:lnTo>
                  <a:pt x="168" y="622"/>
                </a:lnTo>
                <a:lnTo>
                  <a:pt x="158" y="614"/>
                </a:lnTo>
                <a:lnTo>
                  <a:pt x="150" y="602"/>
                </a:lnTo>
                <a:lnTo>
                  <a:pt x="138" y="600"/>
                </a:lnTo>
                <a:lnTo>
                  <a:pt x="132" y="596"/>
                </a:lnTo>
                <a:lnTo>
                  <a:pt x="134" y="588"/>
                </a:lnTo>
                <a:lnTo>
                  <a:pt x="150" y="578"/>
                </a:lnTo>
                <a:lnTo>
                  <a:pt x="150" y="564"/>
                </a:lnTo>
                <a:lnTo>
                  <a:pt x="152" y="550"/>
                </a:lnTo>
                <a:lnTo>
                  <a:pt x="160" y="546"/>
                </a:lnTo>
                <a:lnTo>
                  <a:pt x="170" y="552"/>
                </a:lnTo>
                <a:lnTo>
                  <a:pt x="182" y="548"/>
                </a:lnTo>
                <a:lnTo>
                  <a:pt x="190" y="538"/>
                </a:lnTo>
                <a:lnTo>
                  <a:pt x="194" y="528"/>
                </a:lnTo>
                <a:lnTo>
                  <a:pt x="202" y="524"/>
                </a:lnTo>
                <a:lnTo>
                  <a:pt x="212" y="522"/>
                </a:lnTo>
                <a:lnTo>
                  <a:pt x="222" y="530"/>
                </a:lnTo>
                <a:lnTo>
                  <a:pt x="240" y="538"/>
                </a:lnTo>
                <a:lnTo>
                  <a:pt x="258" y="534"/>
                </a:lnTo>
                <a:lnTo>
                  <a:pt x="276" y="540"/>
                </a:lnTo>
                <a:lnTo>
                  <a:pt x="288" y="546"/>
                </a:lnTo>
                <a:lnTo>
                  <a:pt x="298" y="550"/>
                </a:lnTo>
                <a:lnTo>
                  <a:pt x="306" y="556"/>
                </a:lnTo>
                <a:lnTo>
                  <a:pt x="314" y="556"/>
                </a:lnTo>
                <a:lnTo>
                  <a:pt x="320" y="550"/>
                </a:lnTo>
                <a:lnTo>
                  <a:pt x="312" y="542"/>
                </a:lnTo>
                <a:lnTo>
                  <a:pt x="318" y="538"/>
                </a:lnTo>
                <a:lnTo>
                  <a:pt x="330" y="536"/>
                </a:lnTo>
                <a:lnTo>
                  <a:pt x="340" y="530"/>
                </a:lnTo>
                <a:lnTo>
                  <a:pt x="344" y="522"/>
                </a:lnTo>
                <a:lnTo>
                  <a:pt x="336" y="520"/>
                </a:lnTo>
                <a:lnTo>
                  <a:pt x="330" y="518"/>
                </a:lnTo>
                <a:lnTo>
                  <a:pt x="322" y="522"/>
                </a:lnTo>
                <a:lnTo>
                  <a:pt x="314" y="522"/>
                </a:lnTo>
                <a:lnTo>
                  <a:pt x="304" y="520"/>
                </a:lnTo>
                <a:lnTo>
                  <a:pt x="298" y="514"/>
                </a:lnTo>
                <a:lnTo>
                  <a:pt x="286" y="514"/>
                </a:lnTo>
                <a:lnTo>
                  <a:pt x="276" y="516"/>
                </a:lnTo>
                <a:lnTo>
                  <a:pt x="272" y="510"/>
                </a:lnTo>
                <a:lnTo>
                  <a:pt x="268" y="504"/>
                </a:lnTo>
                <a:lnTo>
                  <a:pt x="256" y="508"/>
                </a:lnTo>
                <a:lnTo>
                  <a:pt x="252" y="512"/>
                </a:lnTo>
                <a:lnTo>
                  <a:pt x="242" y="514"/>
                </a:lnTo>
                <a:lnTo>
                  <a:pt x="234" y="512"/>
                </a:lnTo>
                <a:lnTo>
                  <a:pt x="220" y="512"/>
                </a:lnTo>
                <a:lnTo>
                  <a:pt x="206" y="514"/>
                </a:lnTo>
                <a:lnTo>
                  <a:pt x="198" y="518"/>
                </a:lnTo>
                <a:lnTo>
                  <a:pt x="190" y="520"/>
                </a:lnTo>
                <a:lnTo>
                  <a:pt x="184" y="524"/>
                </a:lnTo>
                <a:lnTo>
                  <a:pt x="174" y="526"/>
                </a:lnTo>
                <a:lnTo>
                  <a:pt x="166" y="532"/>
                </a:lnTo>
                <a:lnTo>
                  <a:pt x="152" y="526"/>
                </a:lnTo>
                <a:lnTo>
                  <a:pt x="146" y="520"/>
                </a:lnTo>
                <a:lnTo>
                  <a:pt x="142" y="526"/>
                </a:lnTo>
                <a:lnTo>
                  <a:pt x="138" y="534"/>
                </a:lnTo>
                <a:lnTo>
                  <a:pt x="126" y="534"/>
                </a:lnTo>
                <a:lnTo>
                  <a:pt x="120" y="526"/>
                </a:lnTo>
                <a:lnTo>
                  <a:pt x="116" y="516"/>
                </a:lnTo>
                <a:lnTo>
                  <a:pt x="108" y="512"/>
                </a:lnTo>
                <a:lnTo>
                  <a:pt x="108" y="502"/>
                </a:lnTo>
                <a:lnTo>
                  <a:pt x="94" y="494"/>
                </a:lnTo>
                <a:lnTo>
                  <a:pt x="90" y="484"/>
                </a:lnTo>
                <a:lnTo>
                  <a:pt x="82" y="484"/>
                </a:lnTo>
                <a:lnTo>
                  <a:pt x="76" y="488"/>
                </a:lnTo>
                <a:lnTo>
                  <a:pt x="78" y="496"/>
                </a:lnTo>
                <a:lnTo>
                  <a:pt x="78" y="504"/>
                </a:lnTo>
                <a:lnTo>
                  <a:pt x="72" y="506"/>
                </a:lnTo>
                <a:lnTo>
                  <a:pt x="64" y="508"/>
                </a:lnTo>
                <a:lnTo>
                  <a:pt x="60" y="502"/>
                </a:lnTo>
                <a:lnTo>
                  <a:pt x="60" y="490"/>
                </a:lnTo>
                <a:lnTo>
                  <a:pt x="64" y="482"/>
                </a:lnTo>
                <a:lnTo>
                  <a:pt x="70" y="476"/>
                </a:lnTo>
                <a:lnTo>
                  <a:pt x="74" y="470"/>
                </a:lnTo>
                <a:lnTo>
                  <a:pt x="80" y="460"/>
                </a:lnTo>
                <a:lnTo>
                  <a:pt x="92" y="460"/>
                </a:lnTo>
                <a:lnTo>
                  <a:pt x="100" y="460"/>
                </a:lnTo>
                <a:lnTo>
                  <a:pt x="108" y="464"/>
                </a:lnTo>
                <a:lnTo>
                  <a:pt x="112" y="456"/>
                </a:lnTo>
                <a:lnTo>
                  <a:pt x="112" y="448"/>
                </a:lnTo>
                <a:lnTo>
                  <a:pt x="106" y="444"/>
                </a:lnTo>
                <a:lnTo>
                  <a:pt x="96" y="450"/>
                </a:lnTo>
                <a:lnTo>
                  <a:pt x="92" y="448"/>
                </a:lnTo>
                <a:lnTo>
                  <a:pt x="84" y="446"/>
                </a:lnTo>
                <a:lnTo>
                  <a:pt x="78" y="448"/>
                </a:lnTo>
                <a:lnTo>
                  <a:pt x="76" y="454"/>
                </a:lnTo>
                <a:lnTo>
                  <a:pt x="70" y="458"/>
                </a:lnTo>
                <a:lnTo>
                  <a:pt x="64" y="446"/>
                </a:lnTo>
                <a:lnTo>
                  <a:pt x="44" y="434"/>
                </a:lnTo>
                <a:lnTo>
                  <a:pt x="32" y="422"/>
                </a:lnTo>
                <a:lnTo>
                  <a:pt x="20" y="418"/>
                </a:lnTo>
                <a:lnTo>
                  <a:pt x="10" y="398"/>
                </a:lnTo>
                <a:lnTo>
                  <a:pt x="2" y="392"/>
                </a:lnTo>
                <a:lnTo>
                  <a:pt x="0" y="376"/>
                </a:lnTo>
                <a:lnTo>
                  <a:pt x="14" y="368"/>
                </a:lnTo>
                <a:lnTo>
                  <a:pt x="14" y="358"/>
                </a:lnTo>
                <a:lnTo>
                  <a:pt x="22" y="358"/>
                </a:lnTo>
                <a:lnTo>
                  <a:pt x="22" y="348"/>
                </a:lnTo>
                <a:lnTo>
                  <a:pt x="12" y="334"/>
                </a:lnTo>
                <a:lnTo>
                  <a:pt x="24" y="316"/>
                </a:lnTo>
                <a:lnTo>
                  <a:pt x="38" y="316"/>
                </a:lnTo>
                <a:lnTo>
                  <a:pt x="44" y="308"/>
                </a:lnTo>
                <a:lnTo>
                  <a:pt x="44" y="288"/>
                </a:lnTo>
                <a:lnTo>
                  <a:pt x="52" y="262"/>
                </a:lnTo>
                <a:lnTo>
                  <a:pt x="64" y="260"/>
                </a:lnTo>
                <a:lnTo>
                  <a:pt x="72" y="234"/>
                </a:lnTo>
                <a:lnTo>
                  <a:pt x="62" y="226"/>
                </a:lnTo>
                <a:lnTo>
                  <a:pt x="60" y="212"/>
                </a:lnTo>
                <a:lnTo>
                  <a:pt x="88" y="204"/>
                </a:lnTo>
                <a:lnTo>
                  <a:pt x="102" y="196"/>
                </a:lnTo>
                <a:lnTo>
                  <a:pt x="120" y="200"/>
                </a:lnTo>
                <a:lnTo>
                  <a:pt x="132" y="186"/>
                </a:lnTo>
                <a:lnTo>
                  <a:pt x="154" y="156"/>
                </a:lnTo>
                <a:lnTo>
                  <a:pt x="166" y="156"/>
                </a:lnTo>
                <a:lnTo>
                  <a:pt x="182" y="150"/>
                </a:lnTo>
                <a:lnTo>
                  <a:pt x="202" y="150"/>
                </a:lnTo>
                <a:lnTo>
                  <a:pt x="226" y="140"/>
                </a:lnTo>
                <a:lnTo>
                  <a:pt x="224" y="118"/>
                </a:lnTo>
                <a:lnTo>
                  <a:pt x="240" y="11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29" name="Freeform 30"/>
          <p:cNvSpPr>
            <a:spLocks/>
          </p:cNvSpPr>
          <p:nvPr/>
        </p:nvSpPr>
        <p:spPr bwMode="auto">
          <a:xfrm>
            <a:off x="6589713" y="5851525"/>
            <a:ext cx="65087" cy="66675"/>
          </a:xfrm>
          <a:custGeom>
            <a:avLst/>
            <a:gdLst>
              <a:gd name="T0" fmla="*/ 2147483647 w 50"/>
              <a:gd name="T1" fmla="*/ 2147483647 h 52"/>
              <a:gd name="T2" fmla="*/ 2147483647 w 50"/>
              <a:gd name="T3" fmla="*/ 2147483647 h 52"/>
              <a:gd name="T4" fmla="*/ 2147483647 w 50"/>
              <a:gd name="T5" fmla="*/ 2147483647 h 52"/>
              <a:gd name="T6" fmla="*/ 2147483647 w 50"/>
              <a:gd name="T7" fmla="*/ 2147483647 h 52"/>
              <a:gd name="T8" fmla="*/ 2147483647 w 50"/>
              <a:gd name="T9" fmla="*/ 2147483647 h 52"/>
              <a:gd name="T10" fmla="*/ 2147483647 w 50"/>
              <a:gd name="T11" fmla="*/ 2147483647 h 52"/>
              <a:gd name="T12" fmla="*/ 2147483647 w 50"/>
              <a:gd name="T13" fmla="*/ 2147483647 h 52"/>
              <a:gd name="T14" fmla="*/ 2147483647 w 50"/>
              <a:gd name="T15" fmla="*/ 2147483647 h 52"/>
              <a:gd name="T16" fmla="*/ 2147483647 w 50"/>
              <a:gd name="T17" fmla="*/ 2147483647 h 52"/>
              <a:gd name="T18" fmla="*/ 2147483647 w 50"/>
              <a:gd name="T19" fmla="*/ 2147483647 h 52"/>
              <a:gd name="T20" fmla="*/ 2147483647 w 50"/>
              <a:gd name="T21" fmla="*/ 2147483647 h 52"/>
              <a:gd name="T22" fmla="*/ 2147483647 w 50"/>
              <a:gd name="T23" fmla="*/ 2147483647 h 52"/>
              <a:gd name="T24" fmla="*/ 2147483647 w 50"/>
              <a:gd name="T25" fmla="*/ 2147483647 h 52"/>
              <a:gd name="T26" fmla="*/ 2147483647 w 50"/>
              <a:gd name="T27" fmla="*/ 2147483647 h 52"/>
              <a:gd name="T28" fmla="*/ 2147483647 w 50"/>
              <a:gd name="T29" fmla="*/ 2147483647 h 52"/>
              <a:gd name="T30" fmla="*/ 2147483647 w 50"/>
              <a:gd name="T31" fmla="*/ 2147483647 h 52"/>
              <a:gd name="T32" fmla="*/ 2147483647 w 50"/>
              <a:gd name="T33" fmla="*/ 2147483647 h 52"/>
              <a:gd name="T34" fmla="*/ 2147483647 w 50"/>
              <a:gd name="T35" fmla="*/ 2147483647 h 52"/>
              <a:gd name="T36" fmla="*/ 2147483647 w 50"/>
              <a:gd name="T37" fmla="*/ 2147483647 h 52"/>
              <a:gd name="T38" fmla="*/ 2147483647 w 50"/>
              <a:gd name="T39" fmla="*/ 2147483647 h 52"/>
              <a:gd name="T40" fmla="*/ 0 w 50"/>
              <a:gd name="T41" fmla="*/ 2147483647 h 52"/>
              <a:gd name="T42" fmla="*/ 0 w 50"/>
              <a:gd name="T43" fmla="*/ 2147483647 h 52"/>
              <a:gd name="T44" fmla="*/ 2147483647 w 50"/>
              <a:gd name="T45" fmla="*/ 2147483647 h 52"/>
              <a:gd name="T46" fmla="*/ 2147483647 w 50"/>
              <a:gd name="T47" fmla="*/ 2147483647 h 52"/>
              <a:gd name="T48" fmla="*/ 2147483647 w 50"/>
              <a:gd name="T49" fmla="*/ 2147483647 h 52"/>
              <a:gd name="T50" fmla="*/ 2147483647 w 50"/>
              <a:gd name="T51" fmla="*/ 2147483647 h 52"/>
              <a:gd name="T52" fmla="*/ 2147483647 w 50"/>
              <a:gd name="T53" fmla="*/ 0 h 52"/>
              <a:gd name="T54" fmla="*/ 2147483647 w 50"/>
              <a:gd name="T55" fmla="*/ 0 h 52"/>
              <a:gd name="T56" fmla="*/ 2147483647 w 50"/>
              <a:gd name="T57" fmla="*/ 2147483647 h 52"/>
              <a:gd name="T58" fmla="*/ 2147483647 w 50"/>
              <a:gd name="T59" fmla="*/ 2147483647 h 52"/>
              <a:gd name="T60" fmla="*/ 2147483647 w 50"/>
              <a:gd name="T61" fmla="*/ 2147483647 h 52"/>
              <a:gd name="T62" fmla="*/ 2147483647 w 50"/>
              <a:gd name="T63" fmla="*/ 2147483647 h 52"/>
              <a:gd name="T64" fmla="*/ 2147483647 w 50"/>
              <a:gd name="T65" fmla="*/ 2147483647 h 52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0" t="0" r="r" b="b"/>
            <a:pathLst>
              <a:path w="50" h="52">
                <a:moveTo>
                  <a:pt x="36" y="16"/>
                </a:moveTo>
                <a:lnTo>
                  <a:pt x="26" y="16"/>
                </a:lnTo>
                <a:lnTo>
                  <a:pt x="26" y="22"/>
                </a:lnTo>
                <a:lnTo>
                  <a:pt x="32" y="28"/>
                </a:lnTo>
                <a:lnTo>
                  <a:pt x="38" y="30"/>
                </a:lnTo>
                <a:lnTo>
                  <a:pt x="44" y="36"/>
                </a:lnTo>
                <a:lnTo>
                  <a:pt x="50" y="42"/>
                </a:lnTo>
                <a:lnTo>
                  <a:pt x="50" y="46"/>
                </a:lnTo>
                <a:lnTo>
                  <a:pt x="48" y="48"/>
                </a:lnTo>
                <a:lnTo>
                  <a:pt x="46" y="50"/>
                </a:lnTo>
                <a:lnTo>
                  <a:pt x="40" y="52"/>
                </a:lnTo>
                <a:lnTo>
                  <a:pt x="34" y="52"/>
                </a:lnTo>
                <a:lnTo>
                  <a:pt x="22" y="50"/>
                </a:lnTo>
                <a:lnTo>
                  <a:pt x="18" y="46"/>
                </a:lnTo>
                <a:lnTo>
                  <a:pt x="16" y="44"/>
                </a:lnTo>
                <a:lnTo>
                  <a:pt x="14" y="42"/>
                </a:lnTo>
                <a:lnTo>
                  <a:pt x="14" y="34"/>
                </a:lnTo>
                <a:lnTo>
                  <a:pt x="10" y="34"/>
                </a:lnTo>
                <a:lnTo>
                  <a:pt x="8" y="42"/>
                </a:lnTo>
                <a:lnTo>
                  <a:pt x="2" y="42"/>
                </a:lnTo>
                <a:lnTo>
                  <a:pt x="0" y="32"/>
                </a:lnTo>
                <a:lnTo>
                  <a:pt x="0" y="24"/>
                </a:lnTo>
                <a:lnTo>
                  <a:pt x="8" y="20"/>
                </a:lnTo>
                <a:lnTo>
                  <a:pt x="18" y="16"/>
                </a:lnTo>
                <a:lnTo>
                  <a:pt x="18" y="6"/>
                </a:lnTo>
                <a:lnTo>
                  <a:pt x="26" y="6"/>
                </a:lnTo>
                <a:lnTo>
                  <a:pt x="26" y="0"/>
                </a:lnTo>
                <a:lnTo>
                  <a:pt x="32" y="0"/>
                </a:lnTo>
                <a:lnTo>
                  <a:pt x="34" y="6"/>
                </a:lnTo>
                <a:lnTo>
                  <a:pt x="40" y="10"/>
                </a:lnTo>
                <a:lnTo>
                  <a:pt x="42" y="16"/>
                </a:lnTo>
                <a:lnTo>
                  <a:pt x="38" y="20"/>
                </a:lnTo>
                <a:lnTo>
                  <a:pt x="36" y="1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30" name="Freeform 31"/>
          <p:cNvSpPr>
            <a:spLocks/>
          </p:cNvSpPr>
          <p:nvPr/>
        </p:nvSpPr>
        <p:spPr bwMode="auto">
          <a:xfrm>
            <a:off x="6634163" y="5945188"/>
            <a:ext cx="49212" cy="38100"/>
          </a:xfrm>
          <a:custGeom>
            <a:avLst/>
            <a:gdLst>
              <a:gd name="T0" fmla="*/ 2147483647 w 38"/>
              <a:gd name="T1" fmla="*/ 2147483647 h 30"/>
              <a:gd name="T2" fmla="*/ 2147483647 w 38"/>
              <a:gd name="T3" fmla="*/ 0 h 30"/>
              <a:gd name="T4" fmla="*/ 2147483647 w 38"/>
              <a:gd name="T5" fmla="*/ 2147483647 h 30"/>
              <a:gd name="T6" fmla="*/ 2147483647 w 38"/>
              <a:gd name="T7" fmla="*/ 2147483647 h 30"/>
              <a:gd name="T8" fmla="*/ 2147483647 w 38"/>
              <a:gd name="T9" fmla="*/ 2147483647 h 30"/>
              <a:gd name="T10" fmla="*/ 2147483647 w 38"/>
              <a:gd name="T11" fmla="*/ 2147483647 h 30"/>
              <a:gd name="T12" fmla="*/ 2147483647 w 38"/>
              <a:gd name="T13" fmla="*/ 2147483647 h 30"/>
              <a:gd name="T14" fmla="*/ 2147483647 w 38"/>
              <a:gd name="T15" fmla="*/ 2147483647 h 30"/>
              <a:gd name="T16" fmla="*/ 2147483647 w 38"/>
              <a:gd name="T17" fmla="*/ 2147483647 h 30"/>
              <a:gd name="T18" fmla="*/ 2147483647 w 38"/>
              <a:gd name="T19" fmla="*/ 2147483647 h 30"/>
              <a:gd name="T20" fmla="*/ 2147483647 w 38"/>
              <a:gd name="T21" fmla="*/ 2147483647 h 30"/>
              <a:gd name="T22" fmla="*/ 2147483647 w 38"/>
              <a:gd name="T23" fmla="*/ 2147483647 h 30"/>
              <a:gd name="T24" fmla="*/ 2147483647 w 38"/>
              <a:gd name="T25" fmla="*/ 2147483647 h 30"/>
              <a:gd name="T26" fmla="*/ 2147483647 w 38"/>
              <a:gd name="T27" fmla="*/ 2147483647 h 30"/>
              <a:gd name="T28" fmla="*/ 0 w 38"/>
              <a:gd name="T29" fmla="*/ 2147483647 h 30"/>
              <a:gd name="T30" fmla="*/ 2147483647 w 38"/>
              <a:gd name="T31" fmla="*/ 2147483647 h 3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38" h="30">
                <a:moveTo>
                  <a:pt x="2" y="4"/>
                </a:moveTo>
                <a:lnTo>
                  <a:pt x="8" y="0"/>
                </a:lnTo>
                <a:lnTo>
                  <a:pt x="12" y="4"/>
                </a:lnTo>
                <a:lnTo>
                  <a:pt x="16" y="6"/>
                </a:lnTo>
                <a:lnTo>
                  <a:pt x="26" y="8"/>
                </a:lnTo>
                <a:lnTo>
                  <a:pt x="28" y="8"/>
                </a:lnTo>
                <a:lnTo>
                  <a:pt x="32" y="12"/>
                </a:lnTo>
                <a:lnTo>
                  <a:pt x="38" y="18"/>
                </a:lnTo>
                <a:lnTo>
                  <a:pt x="32" y="22"/>
                </a:lnTo>
                <a:lnTo>
                  <a:pt x="30" y="28"/>
                </a:lnTo>
                <a:lnTo>
                  <a:pt x="22" y="30"/>
                </a:lnTo>
                <a:lnTo>
                  <a:pt x="18" y="28"/>
                </a:lnTo>
                <a:lnTo>
                  <a:pt x="10" y="22"/>
                </a:lnTo>
                <a:lnTo>
                  <a:pt x="2" y="16"/>
                </a:lnTo>
                <a:lnTo>
                  <a:pt x="0" y="12"/>
                </a:lnTo>
                <a:lnTo>
                  <a:pt x="2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31" name="Freeform 32"/>
          <p:cNvSpPr>
            <a:spLocks/>
          </p:cNvSpPr>
          <p:nvPr/>
        </p:nvSpPr>
        <p:spPr bwMode="auto">
          <a:xfrm>
            <a:off x="7297738" y="5945188"/>
            <a:ext cx="33337" cy="46037"/>
          </a:xfrm>
          <a:custGeom>
            <a:avLst/>
            <a:gdLst>
              <a:gd name="T0" fmla="*/ 2147483647 w 26"/>
              <a:gd name="T1" fmla="*/ 2147483647 h 36"/>
              <a:gd name="T2" fmla="*/ 2147483647 w 26"/>
              <a:gd name="T3" fmla="*/ 2147483647 h 36"/>
              <a:gd name="T4" fmla="*/ 2147483647 w 26"/>
              <a:gd name="T5" fmla="*/ 2147483647 h 36"/>
              <a:gd name="T6" fmla="*/ 2147483647 w 26"/>
              <a:gd name="T7" fmla="*/ 0 h 36"/>
              <a:gd name="T8" fmla="*/ 2147483647 w 26"/>
              <a:gd name="T9" fmla="*/ 2147483647 h 36"/>
              <a:gd name="T10" fmla="*/ 2147483647 w 26"/>
              <a:gd name="T11" fmla="*/ 2147483647 h 36"/>
              <a:gd name="T12" fmla="*/ 2147483647 w 26"/>
              <a:gd name="T13" fmla="*/ 2147483647 h 36"/>
              <a:gd name="T14" fmla="*/ 2147483647 w 26"/>
              <a:gd name="T15" fmla="*/ 2147483647 h 36"/>
              <a:gd name="T16" fmla="*/ 2147483647 w 26"/>
              <a:gd name="T17" fmla="*/ 2147483647 h 36"/>
              <a:gd name="T18" fmla="*/ 2147483647 w 26"/>
              <a:gd name="T19" fmla="*/ 2147483647 h 36"/>
              <a:gd name="T20" fmla="*/ 2147483647 w 26"/>
              <a:gd name="T21" fmla="*/ 2147483647 h 36"/>
              <a:gd name="T22" fmla="*/ 2147483647 w 26"/>
              <a:gd name="T23" fmla="*/ 2147483647 h 36"/>
              <a:gd name="T24" fmla="*/ 0 w 26"/>
              <a:gd name="T25" fmla="*/ 2147483647 h 36"/>
              <a:gd name="T26" fmla="*/ 2147483647 w 26"/>
              <a:gd name="T27" fmla="*/ 2147483647 h 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6" h="36">
                <a:moveTo>
                  <a:pt x="2" y="16"/>
                </a:moveTo>
                <a:lnTo>
                  <a:pt x="8" y="10"/>
                </a:lnTo>
                <a:lnTo>
                  <a:pt x="12" y="2"/>
                </a:lnTo>
                <a:lnTo>
                  <a:pt x="18" y="0"/>
                </a:lnTo>
                <a:lnTo>
                  <a:pt x="24" y="6"/>
                </a:lnTo>
                <a:lnTo>
                  <a:pt x="26" y="12"/>
                </a:lnTo>
                <a:lnTo>
                  <a:pt x="26" y="18"/>
                </a:lnTo>
                <a:lnTo>
                  <a:pt x="26" y="24"/>
                </a:lnTo>
                <a:lnTo>
                  <a:pt x="22" y="30"/>
                </a:lnTo>
                <a:lnTo>
                  <a:pt x="16" y="36"/>
                </a:lnTo>
                <a:lnTo>
                  <a:pt x="10" y="36"/>
                </a:lnTo>
                <a:lnTo>
                  <a:pt x="4" y="28"/>
                </a:lnTo>
                <a:lnTo>
                  <a:pt x="0" y="22"/>
                </a:lnTo>
                <a:lnTo>
                  <a:pt x="2" y="1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32" name="Freeform 33"/>
          <p:cNvSpPr>
            <a:spLocks/>
          </p:cNvSpPr>
          <p:nvPr/>
        </p:nvSpPr>
        <p:spPr bwMode="auto">
          <a:xfrm>
            <a:off x="7178675" y="5835650"/>
            <a:ext cx="49213" cy="44450"/>
          </a:xfrm>
          <a:custGeom>
            <a:avLst/>
            <a:gdLst>
              <a:gd name="T0" fmla="*/ 2147483647 w 38"/>
              <a:gd name="T1" fmla="*/ 2147483647 h 34"/>
              <a:gd name="T2" fmla="*/ 2147483647 w 38"/>
              <a:gd name="T3" fmla="*/ 2147483647 h 34"/>
              <a:gd name="T4" fmla="*/ 0 w 38"/>
              <a:gd name="T5" fmla="*/ 2147483647 h 34"/>
              <a:gd name="T6" fmla="*/ 2147483647 w 38"/>
              <a:gd name="T7" fmla="*/ 0 h 34"/>
              <a:gd name="T8" fmla="*/ 2147483647 w 38"/>
              <a:gd name="T9" fmla="*/ 0 h 34"/>
              <a:gd name="T10" fmla="*/ 2147483647 w 38"/>
              <a:gd name="T11" fmla="*/ 2147483647 h 34"/>
              <a:gd name="T12" fmla="*/ 2147483647 w 38"/>
              <a:gd name="T13" fmla="*/ 2147483647 h 34"/>
              <a:gd name="T14" fmla="*/ 2147483647 w 38"/>
              <a:gd name="T15" fmla="*/ 2147483647 h 34"/>
              <a:gd name="T16" fmla="*/ 2147483647 w 38"/>
              <a:gd name="T17" fmla="*/ 2147483647 h 34"/>
              <a:gd name="T18" fmla="*/ 2147483647 w 38"/>
              <a:gd name="T19" fmla="*/ 2147483647 h 34"/>
              <a:gd name="T20" fmla="*/ 2147483647 w 38"/>
              <a:gd name="T21" fmla="*/ 2147483647 h 34"/>
              <a:gd name="T22" fmla="*/ 2147483647 w 38"/>
              <a:gd name="T23" fmla="*/ 2147483647 h 34"/>
              <a:gd name="T24" fmla="*/ 2147483647 w 38"/>
              <a:gd name="T25" fmla="*/ 2147483647 h 34"/>
              <a:gd name="T26" fmla="*/ 2147483647 w 38"/>
              <a:gd name="T27" fmla="*/ 2147483647 h 34"/>
              <a:gd name="T28" fmla="*/ 2147483647 w 38"/>
              <a:gd name="T29" fmla="*/ 2147483647 h 34"/>
              <a:gd name="T30" fmla="*/ 2147483647 w 38"/>
              <a:gd name="T31" fmla="*/ 2147483647 h 34"/>
              <a:gd name="T32" fmla="*/ 2147483647 w 38"/>
              <a:gd name="T33" fmla="*/ 2147483647 h 34"/>
              <a:gd name="T34" fmla="*/ 2147483647 w 38"/>
              <a:gd name="T35" fmla="*/ 2147483647 h 34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0" t="0" r="r" b="b"/>
            <a:pathLst>
              <a:path w="38" h="34">
                <a:moveTo>
                  <a:pt x="14" y="16"/>
                </a:moveTo>
                <a:lnTo>
                  <a:pt x="6" y="14"/>
                </a:lnTo>
                <a:lnTo>
                  <a:pt x="0" y="8"/>
                </a:lnTo>
                <a:lnTo>
                  <a:pt x="2" y="0"/>
                </a:lnTo>
                <a:lnTo>
                  <a:pt x="8" y="0"/>
                </a:lnTo>
                <a:lnTo>
                  <a:pt x="12" y="2"/>
                </a:lnTo>
                <a:lnTo>
                  <a:pt x="16" y="4"/>
                </a:lnTo>
                <a:lnTo>
                  <a:pt x="20" y="8"/>
                </a:lnTo>
                <a:lnTo>
                  <a:pt x="28" y="6"/>
                </a:lnTo>
                <a:lnTo>
                  <a:pt x="30" y="10"/>
                </a:lnTo>
                <a:lnTo>
                  <a:pt x="32" y="14"/>
                </a:lnTo>
                <a:lnTo>
                  <a:pt x="32" y="20"/>
                </a:lnTo>
                <a:lnTo>
                  <a:pt x="38" y="26"/>
                </a:lnTo>
                <a:lnTo>
                  <a:pt x="36" y="34"/>
                </a:lnTo>
                <a:lnTo>
                  <a:pt x="26" y="30"/>
                </a:lnTo>
                <a:lnTo>
                  <a:pt x="24" y="24"/>
                </a:lnTo>
                <a:lnTo>
                  <a:pt x="18" y="20"/>
                </a:lnTo>
                <a:lnTo>
                  <a:pt x="14" y="16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33" name="Freeform 34"/>
          <p:cNvSpPr>
            <a:spLocks/>
          </p:cNvSpPr>
          <p:nvPr/>
        </p:nvSpPr>
        <p:spPr bwMode="auto">
          <a:xfrm>
            <a:off x="7227888" y="5876925"/>
            <a:ext cx="38100" cy="23813"/>
          </a:xfrm>
          <a:custGeom>
            <a:avLst/>
            <a:gdLst>
              <a:gd name="T0" fmla="*/ 0 w 30"/>
              <a:gd name="T1" fmla="*/ 2147483647 h 18"/>
              <a:gd name="T2" fmla="*/ 2147483647 w 30"/>
              <a:gd name="T3" fmla="*/ 2147483647 h 18"/>
              <a:gd name="T4" fmla="*/ 2147483647 w 30"/>
              <a:gd name="T5" fmla="*/ 0 h 18"/>
              <a:gd name="T6" fmla="*/ 2147483647 w 30"/>
              <a:gd name="T7" fmla="*/ 2147483647 h 18"/>
              <a:gd name="T8" fmla="*/ 2147483647 w 30"/>
              <a:gd name="T9" fmla="*/ 2147483647 h 18"/>
              <a:gd name="T10" fmla="*/ 2147483647 w 30"/>
              <a:gd name="T11" fmla="*/ 2147483647 h 18"/>
              <a:gd name="T12" fmla="*/ 2147483647 w 30"/>
              <a:gd name="T13" fmla="*/ 2147483647 h 18"/>
              <a:gd name="T14" fmla="*/ 2147483647 w 30"/>
              <a:gd name="T15" fmla="*/ 2147483647 h 18"/>
              <a:gd name="T16" fmla="*/ 2147483647 w 30"/>
              <a:gd name="T17" fmla="*/ 2147483647 h 18"/>
              <a:gd name="T18" fmla="*/ 2147483647 w 30"/>
              <a:gd name="T19" fmla="*/ 2147483647 h 18"/>
              <a:gd name="T20" fmla="*/ 0 w 30"/>
              <a:gd name="T21" fmla="*/ 2147483647 h 18"/>
              <a:gd name="T22" fmla="*/ 0 w 30"/>
              <a:gd name="T23" fmla="*/ 2147483647 h 18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0" t="0" r="r" b="b"/>
            <a:pathLst>
              <a:path w="30" h="18">
                <a:moveTo>
                  <a:pt x="0" y="2"/>
                </a:moveTo>
                <a:lnTo>
                  <a:pt x="8" y="2"/>
                </a:lnTo>
                <a:lnTo>
                  <a:pt x="16" y="0"/>
                </a:lnTo>
                <a:lnTo>
                  <a:pt x="24" y="2"/>
                </a:lnTo>
                <a:lnTo>
                  <a:pt x="30" y="6"/>
                </a:lnTo>
                <a:lnTo>
                  <a:pt x="28" y="14"/>
                </a:lnTo>
                <a:lnTo>
                  <a:pt x="24" y="18"/>
                </a:lnTo>
                <a:lnTo>
                  <a:pt x="16" y="16"/>
                </a:lnTo>
                <a:lnTo>
                  <a:pt x="8" y="12"/>
                </a:lnTo>
                <a:lnTo>
                  <a:pt x="4" y="10"/>
                </a:lnTo>
                <a:lnTo>
                  <a:pt x="0" y="8"/>
                </a:lnTo>
                <a:lnTo>
                  <a:pt x="0" y="2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34" name="Freeform 35"/>
          <p:cNvSpPr>
            <a:spLocks/>
          </p:cNvSpPr>
          <p:nvPr/>
        </p:nvSpPr>
        <p:spPr bwMode="auto">
          <a:xfrm>
            <a:off x="7265988" y="5959475"/>
            <a:ext cx="20637" cy="31750"/>
          </a:xfrm>
          <a:custGeom>
            <a:avLst/>
            <a:gdLst>
              <a:gd name="T0" fmla="*/ 2147483647 w 16"/>
              <a:gd name="T1" fmla="*/ 2147483647 h 24"/>
              <a:gd name="T2" fmla="*/ 2147483647 w 16"/>
              <a:gd name="T3" fmla="*/ 2147483647 h 24"/>
              <a:gd name="T4" fmla="*/ 2147483647 w 16"/>
              <a:gd name="T5" fmla="*/ 2147483647 h 24"/>
              <a:gd name="T6" fmla="*/ 2147483647 w 16"/>
              <a:gd name="T7" fmla="*/ 2147483647 h 24"/>
              <a:gd name="T8" fmla="*/ 2147483647 w 16"/>
              <a:gd name="T9" fmla="*/ 2147483647 h 24"/>
              <a:gd name="T10" fmla="*/ 0 w 16"/>
              <a:gd name="T11" fmla="*/ 2147483647 h 24"/>
              <a:gd name="T12" fmla="*/ 0 w 16"/>
              <a:gd name="T13" fmla="*/ 2147483647 h 24"/>
              <a:gd name="T14" fmla="*/ 2147483647 w 16"/>
              <a:gd name="T15" fmla="*/ 2147483647 h 24"/>
              <a:gd name="T16" fmla="*/ 2147483647 w 16"/>
              <a:gd name="T17" fmla="*/ 2147483647 h 24"/>
              <a:gd name="T18" fmla="*/ 2147483647 w 16"/>
              <a:gd name="T19" fmla="*/ 0 h 24"/>
              <a:gd name="T20" fmla="*/ 2147483647 w 16"/>
              <a:gd name="T21" fmla="*/ 2147483647 h 24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6" h="24">
                <a:moveTo>
                  <a:pt x="16" y="2"/>
                </a:moveTo>
                <a:lnTo>
                  <a:pt x="16" y="14"/>
                </a:lnTo>
                <a:lnTo>
                  <a:pt x="16" y="20"/>
                </a:lnTo>
                <a:lnTo>
                  <a:pt x="14" y="24"/>
                </a:lnTo>
                <a:lnTo>
                  <a:pt x="4" y="24"/>
                </a:lnTo>
                <a:lnTo>
                  <a:pt x="0" y="18"/>
                </a:lnTo>
                <a:lnTo>
                  <a:pt x="0" y="10"/>
                </a:lnTo>
                <a:lnTo>
                  <a:pt x="2" y="6"/>
                </a:lnTo>
                <a:lnTo>
                  <a:pt x="8" y="2"/>
                </a:lnTo>
                <a:lnTo>
                  <a:pt x="10" y="0"/>
                </a:lnTo>
                <a:lnTo>
                  <a:pt x="16" y="2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35" name="Freeform 36"/>
          <p:cNvSpPr>
            <a:spLocks/>
          </p:cNvSpPr>
          <p:nvPr/>
        </p:nvSpPr>
        <p:spPr bwMode="auto">
          <a:xfrm>
            <a:off x="7134225" y="5895975"/>
            <a:ext cx="15875" cy="28575"/>
          </a:xfrm>
          <a:custGeom>
            <a:avLst/>
            <a:gdLst>
              <a:gd name="T0" fmla="*/ 2147483647 w 12"/>
              <a:gd name="T1" fmla="*/ 2147483647 h 22"/>
              <a:gd name="T2" fmla="*/ 2147483647 w 12"/>
              <a:gd name="T3" fmla="*/ 2147483647 h 22"/>
              <a:gd name="T4" fmla="*/ 2147483647 w 12"/>
              <a:gd name="T5" fmla="*/ 2147483647 h 22"/>
              <a:gd name="T6" fmla="*/ 0 w 12"/>
              <a:gd name="T7" fmla="*/ 2147483647 h 22"/>
              <a:gd name="T8" fmla="*/ 0 w 12"/>
              <a:gd name="T9" fmla="*/ 2147483647 h 22"/>
              <a:gd name="T10" fmla="*/ 2147483647 w 12"/>
              <a:gd name="T11" fmla="*/ 2147483647 h 22"/>
              <a:gd name="T12" fmla="*/ 2147483647 w 12"/>
              <a:gd name="T13" fmla="*/ 2147483647 h 22"/>
              <a:gd name="T14" fmla="*/ 2147483647 w 12"/>
              <a:gd name="T15" fmla="*/ 0 h 22"/>
              <a:gd name="T16" fmla="*/ 2147483647 w 12"/>
              <a:gd name="T17" fmla="*/ 0 h 22"/>
              <a:gd name="T18" fmla="*/ 2147483647 w 12"/>
              <a:gd name="T19" fmla="*/ 2147483647 h 22"/>
              <a:gd name="T20" fmla="*/ 2147483647 w 12"/>
              <a:gd name="T21" fmla="*/ 2147483647 h 2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2" h="22">
                <a:moveTo>
                  <a:pt x="12" y="10"/>
                </a:moveTo>
                <a:lnTo>
                  <a:pt x="8" y="12"/>
                </a:lnTo>
                <a:lnTo>
                  <a:pt x="6" y="18"/>
                </a:lnTo>
                <a:lnTo>
                  <a:pt x="0" y="22"/>
                </a:lnTo>
                <a:lnTo>
                  <a:pt x="0" y="14"/>
                </a:lnTo>
                <a:lnTo>
                  <a:pt x="2" y="6"/>
                </a:lnTo>
                <a:lnTo>
                  <a:pt x="2" y="2"/>
                </a:lnTo>
                <a:lnTo>
                  <a:pt x="6" y="0"/>
                </a:lnTo>
                <a:lnTo>
                  <a:pt x="10" y="0"/>
                </a:lnTo>
                <a:lnTo>
                  <a:pt x="12" y="6"/>
                </a:lnTo>
                <a:lnTo>
                  <a:pt x="12" y="10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36" name="Freeform 37"/>
          <p:cNvSpPr>
            <a:spLocks/>
          </p:cNvSpPr>
          <p:nvPr/>
        </p:nvSpPr>
        <p:spPr bwMode="auto">
          <a:xfrm>
            <a:off x="7188200" y="5391150"/>
            <a:ext cx="28575" cy="20638"/>
          </a:xfrm>
          <a:custGeom>
            <a:avLst/>
            <a:gdLst>
              <a:gd name="T0" fmla="*/ 2147483647 w 22"/>
              <a:gd name="T1" fmla="*/ 0 h 16"/>
              <a:gd name="T2" fmla="*/ 2147483647 w 22"/>
              <a:gd name="T3" fmla="*/ 2147483647 h 16"/>
              <a:gd name="T4" fmla="*/ 2147483647 w 22"/>
              <a:gd name="T5" fmla="*/ 2147483647 h 16"/>
              <a:gd name="T6" fmla="*/ 2147483647 w 22"/>
              <a:gd name="T7" fmla="*/ 2147483647 h 16"/>
              <a:gd name="T8" fmla="*/ 2147483647 w 22"/>
              <a:gd name="T9" fmla="*/ 2147483647 h 16"/>
              <a:gd name="T10" fmla="*/ 2147483647 w 22"/>
              <a:gd name="T11" fmla="*/ 2147483647 h 16"/>
              <a:gd name="T12" fmla="*/ 2147483647 w 22"/>
              <a:gd name="T13" fmla="*/ 2147483647 h 16"/>
              <a:gd name="T14" fmla="*/ 0 w 22"/>
              <a:gd name="T15" fmla="*/ 2147483647 h 16"/>
              <a:gd name="T16" fmla="*/ 2147483647 w 22"/>
              <a:gd name="T17" fmla="*/ 2147483647 h 16"/>
              <a:gd name="T18" fmla="*/ 2147483647 w 22"/>
              <a:gd name="T19" fmla="*/ 2147483647 h 16"/>
              <a:gd name="T20" fmla="*/ 2147483647 w 22"/>
              <a:gd name="T21" fmla="*/ 0 h 1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22" h="16">
                <a:moveTo>
                  <a:pt x="10" y="0"/>
                </a:moveTo>
                <a:lnTo>
                  <a:pt x="18" y="2"/>
                </a:lnTo>
                <a:lnTo>
                  <a:pt x="22" y="6"/>
                </a:lnTo>
                <a:lnTo>
                  <a:pt x="22" y="10"/>
                </a:lnTo>
                <a:lnTo>
                  <a:pt x="20" y="14"/>
                </a:lnTo>
                <a:lnTo>
                  <a:pt x="14" y="16"/>
                </a:lnTo>
                <a:lnTo>
                  <a:pt x="6" y="16"/>
                </a:lnTo>
                <a:lnTo>
                  <a:pt x="0" y="12"/>
                </a:lnTo>
                <a:lnTo>
                  <a:pt x="2" y="6"/>
                </a:lnTo>
                <a:lnTo>
                  <a:pt x="4" y="2"/>
                </a:lnTo>
                <a:lnTo>
                  <a:pt x="10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37" name="Freeform 38"/>
          <p:cNvSpPr>
            <a:spLocks/>
          </p:cNvSpPr>
          <p:nvPr/>
        </p:nvSpPr>
        <p:spPr bwMode="auto">
          <a:xfrm>
            <a:off x="7154863" y="5481638"/>
            <a:ext cx="46037" cy="36512"/>
          </a:xfrm>
          <a:custGeom>
            <a:avLst/>
            <a:gdLst>
              <a:gd name="T0" fmla="*/ 2147483647 w 36"/>
              <a:gd name="T1" fmla="*/ 2147483647 h 28"/>
              <a:gd name="T2" fmla="*/ 2147483647 w 36"/>
              <a:gd name="T3" fmla="*/ 2147483647 h 28"/>
              <a:gd name="T4" fmla="*/ 2147483647 w 36"/>
              <a:gd name="T5" fmla="*/ 2147483647 h 28"/>
              <a:gd name="T6" fmla="*/ 2147483647 w 36"/>
              <a:gd name="T7" fmla="*/ 2147483647 h 28"/>
              <a:gd name="T8" fmla="*/ 2147483647 w 36"/>
              <a:gd name="T9" fmla="*/ 2147483647 h 28"/>
              <a:gd name="T10" fmla="*/ 2147483647 w 36"/>
              <a:gd name="T11" fmla="*/ 0 h 28"/>
              <a:gd name="T12" fmla="*/ 2147483647 w 36"/>
              <a:gd name="T13" fmla="*/ 2147483647 h 28"/>
              <a:gd name="T14" fmla="*/ 2147483647 w 36"/>
              <a:gd name="T15" fmla="*/ 2147483647 h 28"/>
              <a:gd name="T16" fmla="*/ 2147483647 w 36"/>
              <a:gd name="T17" fmla="*/ 2147483647 h 28"/>
              <a:gd name="T18" fmla="*/ 2147483647 w 36"/>
              <a:gd name="T19" fmla="*/ 2147483647 h 28"/>
              <a:gd name="T20" fmla="*/ 2147483647 w 36"/>
              <a:gd name="T21" fmla="*/ 2147483647 h 28"/>
              <a:gd name="T22" fmla="*/ 2147483647 w 36"/>
              <a:gd name="T23" fmla="*/ 2147483647 h 28"/>
              <a:gd name="T24" fmla="*/ 2147483647 w 36"/>
              <a:gd name="T25" fmla="*/ 2147483647 h 28"/>
              <a:gd name="T26" fmla="*/ 2147483647 w 36"/>
              <a:gd name="T27" fmla="*/ 2147483647 h 28"/>
              <a:gd name="T28" fmla="*/ 0 w 36"/>
              <a:gd name="T29" fmla="*/ 2147483647 h 28"/>
              <a:gd name="T30" fmla="*/ 2147483647 w 36"/>
              <a:gd name="T31" fmla="*/ 2147483647 h 28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36" h="28">
                <a:moveTo>
                  <a:pt x="6" y="8"/>
                </a:moveTo>
                <a:lnTo>
                  <a:pt x="14" y="4"/>
                </a:lnTo>
                <a:lnTo>
                  <a:pt x="22" y="8"/>
                </a:lnTo>
                <a:lnTo>
                  <a:pt x="26" y="6"/>
                </a:lnTo>
                <a:lnTo>
                  <a:pt x="30" y="2"/>
                </a:lnTo>
                <a:lnTo>
                  <a:pt x="36" y="0"/>
                </a:lnTo>
                <a:lnTo>
                  <a:pt x="36" y="10"/>
                </a:lnTo>
                <a:lnTo>
                  <a:pt x="36" y="16"/>
                </a:lnTo>
                <a:lnTo>
                  <a:pt x="32" y="26"/>
                </a:lnTo>
                <a:lnTo>
                  <a:pt x="22" y="28"/>
                </a:lnTo>
                <a:lnTo>
                  <a:pt x="16" y="26"/>
                </a:lnTo>
                <a:lnTo>
                  <a:pt x="12" y="28"/>
                </a:lnTo>
                <a:lnTo>
                  <a:pt x="4" y="28"/>
                </a:lnTo>
                <a:lnTo>
                  <a:pt x="2" y="20"/>
                </a:lnTo>
                <a:lnTo>
                  <a:pt x="0" y="14"/>
                </a:lnTo>
                <a:lnTo>
                  <a:pt x="6" y="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8038" name="Group 39"/>
          <p:cNvGrpSpPr>
            <a:grpSpLocks/>
          </p:cNvGrpSpPr>
          <p:nvPr/>
        </p:nvGrpSpPr>
        <p:grpSpPr bwMode="auto">
          <a:xfrm>
            <a:off x="7227888" y="5075238"/>
            <a:ext cx="538162" cy="1120775"/>
            <a:chOff x="4553" y="3197"/>
            <a:chExt cx="339" cy="706"/>
          </a:xfrm>
        </p:grpSpPr>
        <p:sp>
          <p:nvSpPr>
            <p:cNvPr id="128145" name="Freeform 40"/>
            <p:cNvSpPr>
              <a:spLocks/>
            </p:cNvSpPr>
            <p:nvPr/>
          </p:nvSpPr>
          <p:spPr bwMode="auto">
            <a:xfrm>
              <a:off x="4566" y="3197"/>
              <a:ext cx="230" cy="239"/>
            </a:xfrm>
            <a:custGeom>
              <a:avLst/>
              <a:gdLst>
                <a:gd name="T0" fmla="*/ 46 w 282"/>
                <a:gd name="T1" fmla="*/ 3 h 294"/>
                <a:gd name="T2" fmla="*/ 46 w 282"/>
                <a:gd name="T3" fmla="*/ 7 h 294"/>
                <a:gd name="T4" fmla="*/ 51 w 282"/>
                <a:gd name="T5" fmla="*/ 12 h 294"/>
                <a:gd name="T6" fmla="*/ 56 w 282"/>
                <a:gd name="T7" fmla="*/ 16 h 294"/>
                <a:gd name="T8" fmla="*/ 67 w 282"/>
                <a:gd name="T9" fmla="*/ 19 h 294"/>
                <a:gd name="T10" fmla="*/ 75 w 282"/>
                <a:gd name="T11" fmla="*/ 20 h 294"/>
                <a:gd name="T12" fmla="*/ 83 w 282"/>
                <a:gd name="T13" fmla="*/ 21 h 294"/>
                <a:gd name="T14" fmla="*/ 82 w 282"/>
                <a:gd name="T15" fmla="*/ 26 h 294"/>
                <a:gd name="T16" fmla="*/ 82 w 282"/>
                <a:gd name="T17" fmla="*/ 28 h 294"/>
                <a:gd name="T18" fmla="*/ 79 w 282"/>
                <a:gd name="T19" fmla="*/ 32 h 294"/>
                <a:gd name="T20" fmla="*/ 75 w 282"/>
                <a:gd name="T21" fmla="*/ 33 h 294"/>
                <a:gd name="T22" fmla="*/ 73 w 282"/>
                <a:gd name="T23" fmla="*/ 33 h 294"/>
                <a:gd name="T24" fmla="*/ 71 w 282"/>
                <a:gd name="T25" fmla="*/ 33 h 294"/>
                <a:gd name="T26" fmla="*/ 69 w 282"/>
                <a:gd name="T27" fmla="*/ 30 h 294"/>
                <a:gd name="T28" fmla="*/ 67 w 282"/>
                <a:gd name="T29" fmla="*/ 33 h 294"/>
                <a:gd name="T30" fmla="*/ 60 w 282"/>
                <a:gd name="T31" fmla="*/ 33 h 294"/>
                <a:gd name="T32" fmla="*/ 56 w 282"/>
                <a:gd name="T33" fmla="*/ 33 h 294"/>
                <a:gd name="T34" fmla="*/ 52 w 282"/>
                <a:gd name="T35" fmla="*/ 39 h 294"/>
                <a:gd name="T36" fmla="*/ 46 w 282"/>
                <a:gd name="T37" fmla="*/ 39 h 294"/>
                <a:gd name="T38" fmla="*/ 45 w 282"/>
                <a:gd name="T39" fmla="*/ 39 h 294"/>
                <a:gd name="T40" fmla="*/ 40 w 282"/>
                <a:gd name="T41" fmla="*/ 43 h 294"/>
                <a:gd name="T42" fmla="*/ 40 w 282"/>
                <a:gd name="T43" fmla="*/ 48 h 294"/>
                <a:gd name="T44" fmla="*/ 37 w 282"/>
                <a:gd name="T45" fmla="*/ 53 h 294"/>
                <a:gd name="T46" fmla="*/ 34 w 282"/>
                <a:gd name="T47" fmla="*/ 56 h 294"/>
                <a:gd name="T48" fmla="*/ 28 w 282"/>
                <a:gd name="T49" fmla="*/ 62 h 294"/>
                <a:gd name="T50" fmla="*/ 21 w 282"/>
                <a:gd name="T51" fmla="*/ 67 h 294"/>
                <a:gd name="T52" fmla="*/ 18 w 282"/>
                <a:gd name="T53" fmla="*/ 73 h 294"/>
                <a:gd name="T54" fmla="*/ 15 w 282"/>
                <a:gd name="T55" fmla="*/ 79 h 294"/>
                <a:gd name="T56" fmla="*/ 12 w 282"/>
                <a:gd name="T57" fmla="*/ 84 h 294"/>
                <a:gd name="T58" fmla="*/ 10 w 282"/>
                <a:gd name="T59" fmla="*/ 81 h 294"/>
                <a:gd name="T60" fmla="*/ 12 w 282"/>
                <a:gd name="T61" fmla="*/ 76 h 294"/>
                <a:gd name="T62" fmla="*/ 10 w 282"/>
                <a:gd name="T63" fmla="*/ 73 h 294"/>
                <a:gd name="T64" fmla="*/ 14 w 282"/>
                <a:gd name="T65" fmla="*/ 69 h 294"/>
                <a:gd name="T66" fmla="*/ 18 w 282"/>
                <a:gd name="T67" fmla="*/ 65 h 294"/>
                <a:gd name="T68" fmla="*/ 22 w 282"/>
                <a:gd name="T69" fmla="*/ 62 h 294"/>
                <a:gd name="T70" fmla="*/ 24 w 282"/>
                <a:gd name="T71" fmla="*/ 61 h 294"/>
                <a:gd name="T72" fmla="*/ 23 w 282"/>
                <a:gd name="T73" fmla="*/ 57 h 294"/>
                <a:gd name="T74" fmla="*/ 19 w 282"/>
                <a:gd name="T75" fmla="*/ 61 h 294"/>
                <a:gd name="T76" fmla="*/ 9 w 282"/>
                <a:gd name="T77" fmla="*/ 63 h 294"/>
                <a:gd name="T78" fmla="*/ 2 w 282"/>
                <a:gd name="T79" fmla="*/ 62 h 294"/>
                <a:gd name="T80" fmla="*/ 4 w 282"/>
                <a:gd name="T81" fmla="*/ 54 h 294"/>
                <a:gd name="T82" fmla="*/ 6 w 282"/>
                <a:gd name="T83" fmla="*/ 44 h 294"/>
                <a:gd name="T84" fmla="*/ 12 w 282"/>
                <a:gd name="T85" fmla="*/ 32 h 294"/>
                <a:gd name="T86" fmla="*/ 2 w 282"/>
                <a:gd name="T87" fmla="*/ 22 h 294"/>
                <a:gd name="T88" fmla="*/ 2 w 282"/>
                <a:gd name="T89" fmla="*/ 18 h 294"/>
                <a:gd name="T90" fmla="*/ 6 w 282"/>
                <a:gd name="T91" fmla="*/ 15 h 294"/>
                <a:gd name="T92" fmla="*/ 7 w 282"/>
                <a:gd name="T93" fmla="*/ 11 h 294"/>
                <a:gd name="T94" fmla="*/ 16 w 282"/>
                <a:gd name="T95" fmla="*/ 7 h 294"/>
                <a:gd name="T96" fmla="*/ 23 w 282"/>
                <a:gd name="T97" fmla="*/ 4 h 294"/>
                <a:gd name="T98" fmla="*/ 27 w 282"/>
                <a:gd name="T99" fmla="*/ 2 h 294"/>
                <a:gd name="T100" fmla="*/ 34 w 282"/>
                <a:gd name="T101" fmla="*/ 6 h 294"/>
                <a:gd name="T102" fmla="*/ 41 w 282"/>
                <a:gd name="T103" fmla="*/ 4 h 294"/>
                <a:gd name="T104" fmla="*/ 45 w 282"/>
                <a:gd name="T105" fmla="*/ 0 h 294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0" t="0" r="r" b="b"/>
              <a:pathLst>
                <a:path w="282" h="294">
                  <a:moveTo>
                    <a:pt x="152" y="0"/>
                  </a:moveTo>
                  <a:lnTo>
                    <a:pt x="160" y="10"/>
                  </a:lnTo>
                  <a:lnTo>
                    <a:pt x="156" y="16"/>
                  </a:lnTo>
                  <a:lnTo>
                    <a:pt x="156" y="24"/>
                  </a:lnTo>
                  <a:lnTo>
                    <a:pt x="162" y="32"/>
                  </a:lnTo>
                  <a:lnTo>
                    <a:pt x="172" y="42"/>
                  </a:lnTo>
                  <a:lnTo>
                    <a:pt x="182" y="54"/>
                  </a:lnTo>
                  <a:lnTo>
                    <a:pt x="192" y="58"/>
                  </a:lnTo>
                  <a:lnTo>
                    <a:pt x="208" y="62"/>
                  </a:lnTo>
                  <a:lnTo>
                    <a:pt x="226" y="64"/>
                  </a:lnTo>
                  <a:lnTo>
                    <a:pt x="246" y="66"/>
                  </a:lnTo>
                  <a:lnTo>
                    <a:pt x="258" y="70"/>
                  </a:lnTo>
                  <a:lnTo>
                    <a:pt x="272" y="72"/>
                  </a:lnTo>
                  <a:lnTo>
                    <a:pt x="282" y="72"/>
                  </a:lnTo>
                  <a:lnTo>
                    <a:pt x="282" y="80"/>
                  </a:lnTo>
                  <a:lnTo>
                    <a:pt x="280" y="88"/>
                  </a:lnTo>
                  <a:lnTo>
                    <a:pt x="276" y="94"/>
                  </a:lnTo>
                  <a:lnTo>
                    <a:pt x="278" y="98"/>
                  </a:lnTo>
                  <a:lnTo>
                    <a:pt x="278" y="106"/>
                  </a:lnTo>
                  <a:lnTo>
                    <a:pt x="270" y="108"/>
                  </a:lnTo>
                  <a:lnTo>
                    <a:pt x="262" y="110"/>
                  </a:lnTo>
                  <a:lnTo>
                    <a:pt x="256" y="112"/>
                  </a:lnTo>
                  <a:lnTo>
                    <a:pt x="252" y="114"/>
                  </a:lnTo>
                  <a:lnTo>
                    <a:pt x="246" y="114"/>
                  </a:lnTo>
                  <a:lnTo>
                    <a:pt x="244" y="114"/>
                  </a:lnTo>
                  <a:lnTo>
                    <a:pt x="242" y="112"/>
                  </a:lnTo>
                  <a:lnTo>
                    <a:pt x="240" y="110"/>
                  </a:lnTo>
                  <a:lnTo>
                    <a:pt x="234" y="106"/>
                  </a:lnTo>
                  <a:lnTo>
                    <a:pt x="234" y="112"/>
                  </a:lnTo>
                  <a:lnTo>
                    <a:pt x="226" y="112"/>
                  </a:lnTo>
                  <a:lnTo>
                    <a:pt x="218" y="112"/>
                  </a:lnTo>
                  <a:lnTo>
                    <a:pt x="206" y="112"/>
                  </a:lnTo>
                  <a:lnTo>
                    <a:pt x="198" y="114"/>
                  </a:lnTo>
                  <a:lnTo>
                    <a:pt x="190" y="118"/>
                  </a:lnTo>
                  <a:lnTo>
                    <a:pt x="184" y="126"/>
                  </a:lnTo>
                  <a:lnTo>
                    <a:pt x="178" y="134"/>
                  </a:lnTo>
                  <a:lnTo>
                    <a:pt x="170" y="136"/>
                  </a:lnTo>
                  <a:lnTo>
                    <a:pt x="160" y="134"/>
                  </a:lnTo>
                  <a:lnTo>
                    <a:pt x="158" y="134"/>
                  </a:lnTo>
                  <a:lnTo>
                    <a:pt x="152" y="136"/>
                  </a:lnTo>
                  <a:lnTo>
                    <a:pt x="140" y="142"/>
                  </a:lnTo>
                  <a:lnTo>
                    <a:pt x="136" y="148"/>
                  </a:lnTo>
                  <a:lnTo>
                    <a:pt x="136" y="150"/>
                  </a:lnTo>
                  <a:lnTo>
                    <a:pt x="136" y="166"/>
                  </a:lnTo>
                  <a:lnTo>
                    <a:pt x="130" y="174"/>
                  </a:lnTo>
                  <a:lnTo>
                    <a:pt x="124" y="182"/>
                  </a:lnTo>
                  <a:lnTo>
                    <a:pt x="120" y="188"/>
                  </a:lnTo>
                  <a:lnTo>
                    <a:pt x="114" y="196"/>
                  </a:lnTo>
                  <a:lnTo>
                    <a:pt x="100" y="204"/>
                  </a:lnTo>
                  <a:lnTo>
                    <a:pt x="94" y="214"/>
                  </a:lnTo>
                  <a:lnTo>
                    <a:pt x="84" y="220"/>
                  </a:lnTo>
                  <a:lnTo>
                    <a:pt x="72" y="232"/>
                  </a:lnTo>
                  <a:lnTo>
                    <a:pt x="68" y="246"/>
                  </a:lnTo>
                  <a:lnTo>
                    <a:pt x="60" y="254"/>
                  </a:lnTo>
                  <a:lnTo>
                    <a:pt x="54" y="264"/>
                  </a:lnTo>
                  <a:lnTo>
                    <a:pt x="52" y="272"/>
                  </a:lnTo>
                  <a:lnTo>
                    <a:pt x="46" y="280"/>
                  </a:lnTo>
                  <a:lnTo>
                    <a:pt x="42" y="290"/>
                  </a:lnTo>
                  <a:lnTo>
                    <a:pt x="34" y="294"/>
                  </a:lnTo>
                  <a:lnTo>
                    <a:pt x="34" y="282"/>
                  </a:lnTo>
                  <a:lnTo>
                    <a:pt x="40" y="274"/>
                  </a:lnTo>
                  <a:lnTo>
                    <a:pt x="40" y="266"/>
                  </a:lnTo>
                  <a:lnTo>
                    <a:pt x="38" y="262"/>
                  </a:lnTo>
                  <a:lnTo>
                    <a:pt x="34" y="256"/>
                  </a:lnTo>
                  <a:lnTo>
                    <a:pt x="40" y="244"/>
                  </a:lnTo>
                  <a:lnTo>
                    <a:pt x="48" y="238"/>
                  </a:lnTo>
                  <a:lnTo>
                    <a:pt x="58" y="230"/>
                  </a:lnTo>
                  <a:lnTo>
                    <a:pt x="60" y="226"/>
                  </a:lnTo>
                  <a:lnTo>
                    <a:pt x="70" y="220"/>
                  </a:lnTo>
                  <a:lnTo>
                    <a:pt x="74" y="214"/>
                  </a:lnTo>
                  <a:lnTo>
                    <a:pt x="78" y="212"/>
                  </a:lnTo>
                  <a:lnTo>
                    <a:pt x="82" y="210"/>
                  </a:lnTo>
                  <a:lnTo>
                    <a:pt x="84" y="206"/>
                  </a:lnTo>
                  <a:lnTo>
                    <a:pt x="76" y="198"/>
                  </a:lnTo>
                  <a:lnTo>
                    <a:pt x="68" y="202"/>
                  </a:lnTo>
                  <a:lnTo>
                    <a:pt x="62" y="210"/>
                  </a:lnTo>
                  <a:lnTo>
                    <a:pt x="44" y="216"/>
                  </a:lnTo>
                  <a:lnTo>
                    <a:pt x="30" y="218"/>
                  </a:lnTo>
                  <a:lnTo>
                    <a:pt x="12" y="220"/>
                  </a:lnTo>
                  <a:lnTo>
                    <a:pt x="6" y="214"/>
                  </a:lnTo>
                  <a:lnTo>
                    <a:pt x="4" y="210"/>
                  </a:lnTo>
                  <a:lnTo>
                    <a:pt x="14" y="188"/>
                  </a:lnTo>
                  <a:lnTo>
                    <a:pt x="26" y="174"/>
                  </a:lnTo>
                  <a:lnTo>
                    <a:pt x="18" y="154"/>
                  </a:lnTo>
                  <a:lnTo>
                    <a:pt x="18" y="136"/>
                  </a:lnTo>
                  <a:lnTo>
                    <a:pt x="42" y="110"/>
                  </a:lnTo>
                  <a:lnTo>
                    <a:pt x="26" y="80"/>
                  </a:lnTo>
                  <a:lnTo>
                    <a:pt x="2" y="78"/>
                  </a:lnTo>
                  <a:lnTo>
                    <a:pt x="0" y="66"/>
                  </a:lnTo>
                  <a:lnTo>
                    <a:pt x="8" y="60"/>
                  </a:lnTo>
                  <a:lnTo>
                    <a:pt x="16" y="56"/>
                  </a:lnTo>
                  <a:lnTo>
                    <a:pt x="20" y="52"/>
                  </a:lnTo>
                  <a:lnTo>
                    <a:pt x="20" y="42"/>
                  </a:lnTo>
                  <a:lnTo>
                    <a:pt x="26" y="36"/>
                  </a:lnTo>
                  <a:lnTo>
                    <a:pt x="34" y="34"/>
                  </a:lnTo>
                  <a:lnTo>
                    <a:pt x="54" y="24"/>
                  </a:lnTo>
                  <a:lnTo>
                    <a:pt x="60" y="12"/>
                  </a:lnTo>
                  <a:lnTo>
                    <a:pt x="78" y="12"/>
                  </a:lnTo>
                  <a:lnTo>
                    <a:pt x="82" y="4"/>
                  </a:lnTo>
                  <a:lnTo>
                    <a:pt x="90" y="8"/>
                  </a:lnTo>
                  <a:lnTo>
                    <a:pt x="102" y="18"/>
                  </a:lnTo>
                  <a:lnTo>
                    <a:pt x="116" y="18"/>
                  </a:lnTo>
                  <a:lnTo>
                    <a:pt x="118" y="14"/>
                  </a:lnTo>
                  <a:lnTo>
                    <a:pt x="138" y="12"/>
                  </a:lnTo>
                  <a:lnTo>
                    <a:pt x="138" y="4"/>
                  </a:lnTo>
                  <a:lnTo>
                    <a:pt x="152" y="0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46" name="Freeform 41"/>
            <p:cNvSpPr>
              <a:spLocks/>
            </p:cNvSpPr>
            <p:nvPr/>
          </p:nvSpPr>
          <p:spPr bwMode="auto">
            <a:xfrm>
              <a:off x="4706" y="3352"/>
              <a:ext cx="28" cy="19"/>
            </a:xfrm>
            <a:custGeom>
              <a:avLst/>
              <a:gdLst>
                <a:gd name="T0" fmla="*/ 10 w 34"/>
                <a:gd name="T1" fmla="*/ 2 h 24"/>
                <a:gd name="T2" fmla="*/ 11 w 34"/>
                <a:gd name="T3" fmla="*/ 2 h 24"/>
                <a:gd name="T4" fmla="*/ 8 w 34"/>
                <a:gd name="T5" fmla="*/ 3 h 24"/>
                <a:gd name="T6" fmla="*/ 8 w 34"/>
                <a:gd name="T7" fmla="*/ 5 h 24"/>
                <a:gd name="T8" fmla="*/ 5 w 34"/>
                <a:gd name="T9" fmla="*/ 6 h 24"/>
                <a:gd name="T10" fmla="*/ 2 w 34"/>
                <a:gd name="T11" fmla="*/ 5 h 24"/>
                <a:gd name="T12" fmla="*/ 2 w 34"/>
                <a:gd name="T13" fmla="*/ 4 h 24"/>
                <a:gd name="T14" fmla="*/ 0 w 34"/>
                <a:gd name="T15" fmla="*/ 2 h 24"/>
                <a:gd name="T16" fmla="*/ 2 w 34"/>
                <a:gd name="T17" fmla="*/ 2 h 24"/>
                <a:gd name="T18" fmla="*/ 3 w 34"/>
                <a:gd name="T19" fmla="*/ 0 h 24"/>
                <a:gd name="T20" fmla="*/ 6 w 34"/>
                <a:gd name="T21" fmla="*/ 2 h 24"/>
                <a:gd name="T22" fmla="*/ 7 w 34"/>
                <a:gd name="T23" fmla="*/ 2 h 24"/>
                <a:gd name="T24" fmla="*/ 9 w 34"/>
                <a:gd name="T25" fmla="*/ 2 h 24"/>
                <a:gd name="T26" fmla="*/ 10 w 34"/>
                <a:gd name="T27" fmla="*/ 2 h 24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0" t="0" r="r" b="b"/>
              <a:pathLst>
                <a:path w="34" h="24">
                  <a:moveTo>
                    <a:pt x="32" y="2"/>
                  </a:moveTo>
                  <a:lnTo>
                    <a:pt x="34" y="8"/>
                  </a:lnTo>
                  <a:lnTo>
                    <a:pt x="26" y="12"/>
                  </a:lnTo>
                  <a:lnTo>
                    <a:pt x="26" y="18"/>
                  </a:lnTo>
                  <a:lnTo>
                    <a:pt x="16" y="24"/>
                  </a:lnTo>
                  <a:lnTo>
                    <a:pt x="8" y="18"/>
                  </a:lnTo>
                  <a:lnTo>
                    <a:pt x="2" y="16"/>
                  </a:lnTo>
                  <a:lnTo>
                    <a:pt x="0" y="10"/>
                  </a:lnTo>
                  <a:lnTo>
                    <a:pt x="2" y="2"/>
                  </a:lnTo>
                  <a:lnTo>
                    <a:pt x="10" y="0"/>
                  </a:lnTo>
                  <a:lnTo>
                    <a:pt x="18" y="4"/>
                  </a:lnTo>
                  <a:lnTo>
                    <a:pt x="24" y="2"/>
                  </a:lnTo>
                  <a:lnTo>
                    <a:pt x="28" y="2"/>
                  </a:lnTo>
                  <a:lnTo>
                    <a:pt x="32" y="2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47" name="Freeform 42"/>
            <p:cNvSpPr>
              <a:spLocks/>
            </p:cNvSpPr>
            <p:nvPr/>
          </p:nvSpPr>
          <p:spPr bwMode="auto">
            <a:xfrm>
              <a:off x="4820" y="3769"/>
              <a:ext cx="39" cy="70"/>
            </a:xfrm>
            <a:custGeom>
              <a:avLst/>
              <a:gdLst>
                <a:gd name="T0" fmla="*/ 6 w 48"/>
                <a:gd name="T1" fmla="*/ 24 h 86"/>
                <a:gd name="T2" fmla="*/ 2 w 48"/>
                <a:gd name="T3" fmla="*/ 24 h 86"/>
                <a:gd name="T4" fmla="*/ 2 w 48"/>
                <a:gd name="T5" fmla="*/ 18 h 86"/>
                <a:gd name="T6" fmla="*/ 0 w 48"/>
                <a:gd name="T7" fmla="*/ 15 h 86"/>
                <a:gd name="T8" fmla="*/ 2 w 48"/>
                <a:gd name="T9" fmla="*/ 11 h 86"/>
                <a:gd name="T10" fmla="*/ 4 w 48"/>
                <a:gd name="T11" fmla="*/ 6 h 86"/>
                <a:gd name="T12" fmla="*/ 9 w 48"/>
                <a:gd name="T13" fmla="*/ 4 h 86"/>
                <a:gd name="T14" fmla="*/ 13 w 48"/>
                <a:gd name="T15" fmla="*/ 0 h 86"/>
                <a:gd name="T16" fmla="*/ 14 w 48"/>
                <a:gd name="T17" fmla="*/ 4 h 86"/>
                <a:gd name="T18" fmla="*/ 13 w 48"/>
                <a:gd name="T19" fmla="*/ 7 h 86"/>
                <a:gd name="T20" fmla="*/ 12 w 48"/>
                <a:gd name="T21" fmla="*/ 12 h 86"/>
                <a:gd name="T22" fmla="*/ 12 w 48"/>
                <a:gd name="T23" fmla="*/ 16 h 86"/>
                <a:gd name="T24" fmla="*/ 9 w 48"/>
                <a:gd name="T25" fmla="*/ 18 h 86"/>
                <a:gd name="T26" fmla="*/ 7 w 48"/>
                <a:gd name="T27" fmla="*/ 20 h 86"/>
                <a:gd name="T28" fmla="*/ 6 w 48"/>
                <a:gd name="T29" fmla="*/ 24 h 8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0" t="0" r="r" b="b"/>
              <a:pathLst>
                <a:path w="48" h="86">
                  <a:moveTo>
                    <a:pt x="20" y="86"/>
                  </a:moveTo>
                  <a:lnTo>
                    <a:pt x="8" y="84"/>
                  </a:lnTo>
                  <a:lnTo>
                    <a:pt x="8" y="60"/>
                  </a:lnTo>
                  <a:lnTo>
                    <a:pt x="0" y="52"/>
                  </a:lnTo>
                  <a:lnTo>
                    <a:pt x="4" y="36"/>
                  </a:lnTo>
                  <a:lnTo>
                    <a:pt x="14" y="20"/>
                  </a:lnTo>
                  <a:lnTo>
                    <a:pt x="32" y="14"/>
                  </a:lnTo>
                  <a:lnTo>
                    <a:pt x="44" y="0"/>
                  </a:lnTo>
                  <a:lnTo>
                    <a:pt x="48" y="12"/>
                  </a:lnTo>
                  <a:lnTo>
                    <a:pt x="46" y="26"/>
                  </a:lnTo>
                  <a:lnTo>
                    <a:pt x="40" y="42"/>
                  </a:lnTo>
                  <a:lnTo>
                    <a:pt x="40" y="54"/>
                  </a:lnTo>
                  <a:lnTo>
                    <a:pt x="30" y="62"/>
                  </a:lnTo>
                  <a:lnTo>
                    <a:pt x="24" y="68"/>
                  </a:lnTo>
                  <a:lnTo>
                    <a:pt x="20" y="86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48" name="Freeform 43"/>
            <p:cNvSpPr>
              <a:spLocks/>
            </p:cNvSpPr>
            <p:nvPr/>
          </p:nvSpPr>
          <p:spPr bwMode="auto">
            <a:xfrm>
              <a:off x="4778" y="3862"/>
              <a:ext cx="18" cy="41"/>
            </a:xfrm>
            <a:custGeom>
              <a:avLst/>
              <a:gdLst>
                <a:gd name="T0" fmla="*/ 4 w 22"/>
                <a:gd name="T1" fmla="*/ 0 h 50"/>
                <a:gd name="T2" fmla="*/ 4 w 22"/>
                <a:gd name="T3" fmla="*/ 5 h 50"/>
                <a:gd name="T4" fmla="*/ 5 w 22"/>
                <a:gd name="T5" fmla="*/ 7 h 50"/>
                <a:gd name="T6" fmla="*/ 7 w 22"/>
                <a:gd name="T7" fmla="*/ 12 h 50"/>
                <a:gd name="T8" fmla="*/ 4 w 22"/>
                <a:gd name="T9" fmla="*/ 16 h 50"/>
                <a:gd name="T10" fmla="*/ 2 w 22"/>
                <a:gd name="T11" fmla="*/ 11 h 50"/>
                <a:gd name="T12" fmla="*/ 0 w 22"/>
                <a:gd name="T13" fmla="*/ 6 h 50"/>
                <a:gd name="T14" fmla="*/ 2 w 22"/>
                <a:gd name="T15" fmla="*/ 2 h 50"/>
                <a:gd name="T16" fmla="*/ 4 w 22"/>
                <a:gd name="T17" fmla="*/ 0 h 5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22" h="50">
                  <a:moveTo>
                    <a:pt x="12" y="0"/>
                  </a:moveTo>
                  <a:lnTo>
                    <a:pt x="12" y="16"/>
                  </a:lnTo>
                  <a:lnTo>
                    <a:pt x="16" y="26"/>
                  </a:lnTo>
                  <a:lnTo>
                    <a:pt x="22" y="40"/>
                  </a:lnTo>
                  <a:lnTo>
                    <a:pt x="12" y="50"/>
                  </a:lnTo>
                  <a:lnTo>
                    <a:pt x="4" y="34"/>
                  </a:lnTo>
                  <a:lnTo>
                    <a:pt x="0" y="18"/>
                  </a:lnTo>
                  <a:lnTo>
                    <a:pt x="4" y="6"/>
                  </a:lnTo>
                  <a:lnTo>
                    <a:pt x="12" y="0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49" name="Freeform 44"/>
            <p:cNvSpPr>
              <a:spLocks/>
            </p:cNvSpPr>
            <p:nvPr/>
          </p:nvSpPr>
          <p:spPr bwMode="auto">
            <a:xfrm>
              <a:off x="4598" y="3239"/>
              <a:ext cx="294" cy="524"/>
            </a:xfrm>
            <a:custGeom>
              <a:avLst/>
              <a:gdLst>
                <a:gd name="T0" fmla="*/ 102 w 360"/>
                <a:gd name="T1" fmla="*/ 177 h 642"/>
                <a:gd name="T2" fmla="*/ 91 w 360"/>
                <a:gd name="T3" fmla="*/ 182 h 642"/>
                <a:gd name="T4" fmla="*/ 86 w 360"/>
                <a:gd name="T5" fmla="*/ 184 h 642"/>
                <a:gd name="T6" fmla="*/ 76 w 360"/>
                <a:gd name="T7" fmla="*/ 184 h 642"/>
                <a:gd name="T8" fmla="*/ 65 w 360"/>
                <a:gd name="T9" fmla="*/ 190 h 642"/>
                <a:gd name="T10" fmla="*/ 75 w 360"/>
                <a:gd name="T11" fmla="*/ 182 h 642"/>
                <a:gd name="T12" fmla="*/ 84 w 360"/>
                <a:gd name="T13" fmla="*/ 175 h 642"/>
                <a:gd name="T14" fmla="*/ 87 w 360"/>
                <a:gd name="T15" fmla="*/ 170 h 642"/>
                <a:gd name="T16" fmla="*/ 67 w 360"/>
                <a:gd name="T17" fmla="*/ 176 h 642"/>
                <a:gd name="T18" fmla="*/ 57 w 360"/>
                <a:gd name="T19" fmla="*/ 180 h 642"/>
                <a:gd name="T20" fmla="*/ 64 w 360"/>
                <a:gd name="T21" fmla="*/ 172 h 642"/>
                <a:gd name="T22" fmla="*/ 65 w 360"/>
                <a:gd name="T23" fmla="*/ 167 h 642"/>
                <a:gd name="T24" fmla="*/ 57 w 360"/>
                <a:gd name="T25" fmla="*/ 165 h 642"/>
                <a:gd name="T26" fmla="*/ 52 w 360"/>
                <a:gd name="T27" fmla="*/ 161 h 642"/>
                <a:gd name="T28" fmla="*/ 47 w 360"/>
                <a:gd name="T29" fmla="*/ 153 h 642"/>
                <a:gd name="T30" fmla="*/ 49 w 360"/>
                <a:gd name="T31" fmla="*/ 141 h 642"/>
                <a:gd name="T32" fmla="*/ 38 w 360"/>
                <a:gd name="T33" fmla="*/ 141 h 642"/>
                <a:gd name="T34" fmla="*/ 32 w 360"/>
                <a:gd name="T35" fmla="*/ 136 h 642"/>
                <a:gd name="T36" fmla="*/ 27 w 360"/>
                <a:gd name="T37" fmla="*/ 142 h 642"/>
                <a:gd name="T38" fmla="*/ 16 w 360"/>
                <a:gd name="T39" fmla="*/ 137 h 642"/>
                <a:gd name="T40" fmla="*/ 23 w 360"/>
                <a:gd name="T41" fmla="*/ 131 h 642"/>
                <a:gd name="T42" fmla="*/ 16 w 360"/>
                <a:gd name="T43" fmla="*/ 123 h 642"/>
                <a:gd name="T44" fmla="*/ 23 w 360"/>
                <a:gd name="T45" fmla="*/ 123 h 642"/>
                <a:gd name="T46" fmla="*/ 27 w 360"/>
                <a:gd name="T47" fmla="*/ 132 h 642"/>
                <a:gd name="T48" fmla="*/ 38 w 360"/>
                <a:gd name="T49" fmla="*/ 129 h 642"/>
                <a:gd name="T50" fmla="*/ 35 w 360"/>
                <a:gd name="T51" fmla="*/ 125 h 642"/>
                <a:gd name="T52" fmla="*/ 28 w 360"/>
                <a:gd name="T53" fmla="*/ 119 h 642"/>
                <a:gd name="T54" fmla="*/ 32 w 360"/>
                <a:gd name="T55" fmla="*/ 111 h 642"/>
                <a:gd name="T56" fmla="*/ 28 w 360"/>
                <a:gd name="T57" fmla="*/ 108 h 642"/>
                <a:gd name="T58" fmla="*/ 25 w 360"/>
                <a:gd name="T59" fmla="*/ 100 h 642"/>
                <a:gd name="T60" fmla="*/ 21 w 360"/>
                <a:gd name="T61" fmla="*/ 93 h 642"/>
                <a:gd name="T62" fmla="*/ 25 w 360"/>
                <a:gd name="T63" fmla="*/ 87 h 642"/>
                <a:gd name="T64" fmla="*/ 23 w 360"/>
                <a:gd name="T65" fmla="*/ 85 h 642"/>
                <a:gd name="T66" fmla="*/ 11 w 360"/>
                <a:gd name="T67" fmla="*/ 91 h 642"/>
                <a:gd name="T68" fmla="*/ 2 w 360"/>
                <a:gd name="T69" fmla="*/ 93 h 642"/>
                <a:gd name="T70" fmla="*/ 2 w 360"/>
                <a:gd name="T71" fmla="*/ 78 h 642"/>
                <a:gd name="T72" fmla="*/ 5 w 360"/>
                <a:gd name="T73" fmla="*/ 68 h 642"/>
                <a:gd name="T74" fmla="*/ 9 w 360"/>
                <a:gd name="T75" fmla="*/ 59 h 642"/>
                <a:gd name="T76" fmla="*/ 16 w 360"/>
                <a:gd name="T77" fmla="*/ 53 h 642"/>
                <a:gd name="T78" fmla="*/ 25 w 360"/>
                <a:gd name="T79" fmla="*/ 49 h 642"/>
                <a:gd name="T80" fmla="*/ 37 w 360"/>
                <a:gd name="T81" fmla="*/ 52 h 642"/>
                <a:gd name="T82" fmla="*/ 45 w 360"/>
                <a:gd name="T83" fmla="*/ 49 h 642"/>
                <a:gd name="T84" fmla="*/ 49 w 360"/>
                <a:gd name="T85" fmla="*/ 46 h 642"/>
                <a:gd name="T86" fmla="*/ 63 w 360"/>
                <a:gd name="T87" fmla="*/ 42 h 642"/>
                <a:gd name="T88" fmla="*/ 78 w 360"/>
                <a:gd name="T89" fmla="*/ 39 h 642"/>
                <a:gd name="T90" fmla="*/ 75 w 360"/>
                <a:gd name="T91" fmla="*/ 34 h 642"/>
                <a:gd name="T92" fmla="*/ 74 w 360"/>
                <a:gd name="T93" fmla="*/ 29 h 642"/>
                <a:gd name="T94" fmla="*/ 86 w 360"/>
                <a:gd name="T95" fmla="*/ 23 h 642"/>
                <a:gd name="T96" fmla="*/ 96 w 360"/>
                <a:gd name="T97" fmla="*/ 20 h 642"/>
                <a:gd name="T98" fmla="*/ 89 w 360"/>
                <a:gd name="T99" fmla="*/ 19 h 642"/>
                <a:gd name="T100" fmla="*/ 79 w 360"/>
                <a:gd name="T101" fmla="*/ 19 h 642"/>
                <a:gd name="T102" fmla="*/ 71 w 360"/>
                <a:gd name="T103" fmla="*/ 16 h 642"/>
                <a:gd name="T104" fmla="*/ 72 w 360"/>
                <a:gd name="T105" fmla="*/ 11 h 642"/>
                <a:gd name="T106" fmla="*/ 74 w 360"/>
                <a:gd name="T107" fmla="*/ 4 h 642"/>
                <a:gd name="T108" fmla="*/ 98 w 360"/>
                <a:gd name="T109" fmla="*/ 2 h 642"/>
                <a:gd name="T110" fmla="*/ 107 w 360"/>
                <a:gd name="T111" fmla="*/ 180 h 642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</a:gdLst>
              <a:ahLst/>
              <a:cxnLst>
                <a:cxn ang="T112">
                  <a:pos x="T0" y="T1"/>
                </a:cxn>
                <a:cxn ang="T113">
                  <a:pos x="T2" y="T3"/>
                </a:cxn>
                <a:cxn ang="T114">
                  <a:pos x="T4" y="T5"/>
                </a:cxn>
                <a:cxn ang="T115">
                  <a:pos x="T6" y="T7"/>
                </a:cxn>
                <a:cxn ang="T116">
                  <a:pos x="T8" y="T9"/>
                </a:cxn>
                <a:cxn ang="T117">
                  <a:pos x="T10" y="T11"/>
                </a:cxn>
                <a:cxn ang="T118">
                  <a:pos x="T12" y="T13"/>
                </a:cxn>
                <a:cxn ang="T119">
                  <a:pos x="T14" y="T15"/>
                </a:cxn>
                <a:cxn ang="T120">
                  <a:pos x="T16" y="T17"/>
                </a:cxn>
                <a:cxn ang="T121">
                  <a:pos x="T18" y="T19"/>
                </a:cxn>
                <a:cxn ang="T122">
                  <a:pos x="T20" y="T21"/>
                </a:cxn>
                <a:cxn ang="T123">
                  <a:pos x="T22" y="T23"/>
                </a:cxn>
                <a:cxn ang="T124">
                  <a:pos x="T24" y="T25"/>
                </a:cxn>
                <a:cxn ang="T125">
                  <a:pos x="T26" y="T27"/>
                </a:cxn>
                <a:cxn ang="T126">
                  <a:pos x="T28" y="T29"/>
                </a:cxn>
                <a:cxn ang="T127">
                  <a:pos x="T30" y="T31"/>
                </a:cxn>
                <a:cxn ang="T128">
                  <a:pos x="T32" y="T33"/>
                </a:cxn>
                <a:cxn ang="T129">
                  <a:pos x="T34" y="T35"/>
                </a:cxn>
                <a:cxn ang="T130">
                  <a:pos x="T36" y="T37"/>
                </a:cxn>
                <a:cxn ang="T131">
                  <a:pos x="T38" y="T39"/>
                </a:cxn>
                <a:cxn ang="T132">
                  <a:pos x="T40" y="T41"/>
                </a:cxn>
                <a:cxn ang="T133">
                  <a:pos x="T42" y="T43"/>
                </a:cxn>
                <a:cxn ang="T134">
                  <a:pos x="T44" y="T45"/>
                </a:cxn>
                <a:cxn ang="T135">
                  <a:pos x="T46" y="T47"/>
                </a:cxn>
                <a:cxn ang="T136">
                  <a:pos x="T48" y="T49"/>
                </a:cxn>
                <a:cxn ang="T137">
                  <a:pos x="T50" y="T51"/>
                </a:cxn>
                <a:cxn ang="T138">
                  <a:pos x="T52" y="T53"/>
                </a:cxn>
                <a:cxn ang="T139">
                  <a:pos x="T54" y="T55"/>
                </a:cxn>
                <a:cxn ang="T140">
                  <a:pos x="T56" y="T57"/>
                </a:cxn>
                <a:cxn ang="T141">
                  <a:pos x="T58" y="T59"/>
                </a:cxn>
                <a:cxn ang="T142">
                  <a:pos x="T60" y="T61"/>
                </a:cxn>
                <a:cxn ang="T143">
                  <a:pos x="T62" y="T63"/>
                </a:cxn>
                <a:cxn ang="T144">
                  <a:pos x="T64" y="T65"/>
                </a:cxn>
                <a:cxn ang="T145">
                  <a:pos x="T66" y="T67"/>
                </a:cxn>
                <a:cxn ang="T146">
                  <a:pos x="T68" y="T69"/>
                </a:cxn>
                <a:cxn ang="T147">
                  <a:pos x="T70" y="T71"/>
                </a:cxn>
                <a:cxn ang="T148">
                  <a:pos x="T72" y="T73"/>
                </a:cxn>
                <a:cxn ang="T149">
                  <a:pos x="T74" y="T75"/>
                </a:cxn>
                <a:cxn ang="T150">
                  <a:pos x="T76" y="T77"/>
                </a:cxn>
                <a:cxn ang="T151">
                  <a:pos x="T78" y="T79"/>
                </a:cxn>
                <a:cxn ang="T152">
                  <a:pos x="T80" y="T81"/>
                </a:cxn>
                <a:cxn ang="T153">
                  <a:pos x="T82" y="T83"/>
                </a:cxn>
                <a:cxn ang="T154">
                  <a:pos x="T84" y="T85"/>
                </a:cxn>
                <a:cxn ang="T155">
                  <a:pos x="T86" y="T87"/>
                </a:cxn>
                <a:cxn ang="T156">
                  <a:pos x="T88" y="T89"/>
                </a:cxn>
                <a:cxn ang="T157">
                  <a:pos x="T90" y="T91"/>
                </a:cxn>
                <a:cxn ang="T158">
                  <a:pos x="T92" y="T93"/>
                </a:cxn>
                <a:cxn ang="T159">
                  <a:pos x="T94" y="T95"/>
                </a:cxn>
                <a:cxn ang="T160">
                  <a:pos x="T96" y="T97"/>
                </a:cxn>
                <a:cxn ang="T161">
                  <a:pos x="T98" y="T99"/>
                </a:cxn>
                <a:cxn ang="T162">
                  <a:pos x="T100" y="T101"/>
                </a:cxn>
                <a:cxn ang="T163">
                  <a:pos x="T102" y="T103"/>
                </a:cxn>
                <a:cxn ang="T164">
                  <a:pos x="T104" y="T105"/>
                </a:cxn>
                <a:cxn ang="T165">
                  <a:pos x="T106" y="T107"/>
                </a:cxn>
                <a:cxn ang="T166">
                  <a:pos x="T108" y="T109"/>
                </a:cxn>
                <a:cxn ang="T167">
                  <a:pos x="T110" y="T111"/>
                </a:cxn>
              </a:cxnLst>
              <a:rect l="0" t="0" r="r" b="b"/>
              <a:pathLst>
                <a:path w="360" h="642">
                  <a:moveTo>
                    <a:pt x="360" y="610"/>
                  </a:moveTo>
                  <a:lnTo>
                    <a:pt x="346" y="606"/>
                  </a:lnTo>
                  <a:lnTo>
                    <a:pt x="344" y="600"/>
                  </a:lnTo>
                  <a:lnTo>
                    <a:pt x="326" y="594"/>
                  </a:lnTo>
                  <a:lnTo>
                    <a:pt x="308" y="598"/>
                  </a:lnTo>
                  <a:lnTo>
                    <a:pt x="308" y="614"/>
                  </a:lnTo>
                  <a:lnTo>
                    <a:pt x="298" y="630"/>
                  </a:lnTo>
                  <a:lnTo>
                    <a:pt x="292" y="640"/>
                  </a:lnTo>
                  <a:lnTo>
                    <a:pt x="288" y="622"/>
                  </a:lnTo>
                  <a:lnTo>
                    <a:pt x="284" y="614"/>
                  </a:lnTo>
                  <a:lnTo>
                    <a:pt x="276" y="620"/>
                  </a:lnTo>
                  <a:lnTo>
                    <a:pt x="256" y="624"/>
                  </a:lnTo>
                  <a:lnTo>
                    <a:pt x="252" y="634"/>
                  </a:lnTo>
                  <a:lnTo>
                    <a:pt x="240" y="638"/>
                  </a:lnTo>
                  <a:lnTo>
                    <a:pt x="220" y="642"/>
                  </a:lnTo>
                  <a:lnTo>
                    <a:pt x="228" y="630"/>
                  </a:lnTo>
                  <a:lnTo>
                    <a:pt x="240" y="620"/>
                  </a:lnTo>
                  <a:lnTo>
                    <a:pt x="254" y="618"/>
                  </a:lnTo>
                  <a:lnTo>
                    <a:pt x="274" y="610"/>
                  </a:lnTo>
                  <a:lnTo>
                    <a:pt x="284" y="598"/>
                  </a:lnTo>
                  <a:lnTo>
                    <a:pt x="284" y="590"/>
                  </a:lnTo>
                  <a:lnTo>
                    <a:pt x="298" y="580"/>
                  </a:lnTo>
                  <a:lnTo>
                    <a:pt x="308" y="572"/>
                  </a:lnTo>
                  <a:lnTo>
                    <a:pt x="294" y="576"/>
                  </a:lnTo>
                  <a:lnTo>
                    <a:pt x="264" y="586"/>
                  </a:lnTo>
                  <a:lnTo>
                    <a:pt x="250" y="592"/>
                  </a:lnTo>
                  <a:lnTo>
                    <a:pt x="228" y="598"/>
                  </a:lnTo>
                  <a:lnTo>
                    <a:pt x="212" y="602"/>
                  </a:lnTo>
                  <a:lnTo>
                    <a:pt x="204" y="612"/>
                  </a:lnTo>
                  <a:lnTo>
                    <a:pt x="192" y="606"/>
                  </a:lnTo>
                  <a:lnTo>
                    <a:pt x="196" y="590"/>
                  </a:lnTo>
                  <a:lnTo>
                    <a:pt x="204" y="582"/>
                  </a:lnTo>
                  <a:lnTo>
                    <a:pt x="216" y="582"/>
                  </a:lnTo>
                  <a:lnTo>
                    <a:pt x="228" y="574"/>
                  </a:lnTo>
                  <a:lnTo>
                    <a:pt x="228" y="564"/>
                  </a:lnTo>
                  <a:lnTo>
                    <a:pt x="220" y="566"/>
                  </a:lnTo>
                  <a:lnTo>
                    <a:pt x="208" y="562"/>
                  </a:lnTo>
                  <a:lnTo>
                    <a:pt x="202" y="550"/>
                  </a:lnTo>
                  <a:lnTo>
                    <a:pt x="192" y="556"/>
                  </a:lnTo>
                  <a:lnTo>
                    <a:pt x="186" y="562"/>
                  </a:lnTo>
                  <a:lnTo>
                    <a:pt x="180" y="554"/>
                  </a:lnTo>
                  <a:lnTo>
                    <a:pt x="176" y="542"/>
                  </a:lnTo>
                  <a:lnTo>
                    <a:pt x="172" y="528"/>
                  </a:lnTo>
                  <a:lnTo>
                    <a:pt x="154" y="526"/>
                  </a:lnTo>
                  <a:lnTo>
                    <a:pt x="160" y="516"/>
                  </a:lnTo>
                  <a:lnTo>
                    <a:pt x="172" y="506"/>
                  </a:lnTo>
                  <a:lnTo>
                    <a:pt x="168" y="494"/>
                  </a:lnTo>
                  <a:lnTo>
                    <a:pt x="168" y="478"/>
                  </a:lnTo>
                  <a:lnTo>
                    <a:pt x="156" y="480"/>
                  </a:lnTo>
                  <a:lnTo>
                    <a:pt x="140" y="476"/>
                  </a:lnTo>
                  <a:lnTo>
                    <a:pt x="130" y="478"/>
                  </a:lnTo>
                  <a:lnTo>
                    <a:pt x="120" y="482"/>
                  </a:lnTo>
                  <a:lnTo>
                    <a:pt x="120" y="470"/>
                  </a:lnTo>
                  <a:lnTo>
                    <a:pt x="108" y="462"/>
                  </a:lnTo>
                  <a:lnTo>
                    <a:pt x="98" y="462"/>
                  </a:lnTo>
                  <a:lnTo>
                    <a:pt x="96" y="474"/>
                  </a:lnTo>
                  <a:lnTo>
                    <a:pt x="92" y="480"/>
                  </a:lnTo>
                  <a:lnTo>
                    <a:pt x="84" y="472"/>
                  </a:lnTo>
                  <a:lnTo>
                    <a:pt x="74" y="468"/>
                  </a:lnTo>
                  <a:lnTo>
                    <a:pt x="58" y="466"/>
                  </a:lnTo>
                  <a:lnTo>
                    <a:pt x="58" y="456"/>
                  </a:lnTo>
                  <a:lnTo>
                    <a:pt x="68" y="452"/>
                  </a:lnTo>
                  <a:lnTo>
                    <a:pt x="76" y="444"/>
                  </a:lnTo>
                  <a:lnTo>
                    <a:pt x="76" y="436"/>
                  </a:lnTo>
                  <a:lnTo>
                    <a:pt x="62" y="430"/>
                  </a:lnTo>
                  <a:lnTo>
                    <a:pt x="56" y="418"/>
                  </a:lnTo>
                  <a:lnTo>
                    <a:pt x="60" y="408"/>
                  </a:lnTo>
                  <a:lnTo>
                    <a:pt x="70" y="410"/>
                  </a:lnTo>
                  <a:lnTo>
                    <a:pt x="76" y="418"/>
                  </a:lnTo>
                  <a:lnTo>
                    <a:pt x="90" y="426"/>
                  </a:lnTo>
                  <a:lnTo>
                    <a:pt x="90" y="436"/>
                  </a:lnTo>
                  <a:lnTo>
                    <a:pt x="92" y="446"/>
                  </a:lnTo>
                  <a:lnTo>
                    <a:pt x="100" y="436"/>
                  </a:lnTo>
                  <a:lnTo>
                    <a:pt x="112" y="438"/>
                  </a:lnTo>
                  <a:lnTo>
                    <a:pt x="126" y="434"/>
                  </a:lnTo>
                  <a:lnTo>
                    <a:pt x="136" y="430"/>
                  </a:lnTo>
                  <a:lnTo>
                    <a:pt x="134" y="424"/>
                  </a:lnTo>
                  <a:lnTo>
                    <a:pt x="120" y="422"/>
                  </a:lnTo>
                  <a:lnTo>
                    <a:pt x="108" y="416"/>
                  </a:lnTo>
                  <a:lnTo>
                    <a:pt x="104" y="408"/>
                  </a:lnTo>
                  <a:lnTo>
                    <a:pt x="96" y="402"/>
                  </a:lnTo>
                  <a:lnTo>
                    <a:pt x="92" y="392"/>
                  </a:lnTo>
                  <a:lnTo>
                    <a:pt x="100" y="386"/>
                  </a:lnTo>
                  <a:lnTo>
                    <a:pt x="108" y="376"/>
                  </a:lnTo>
                  <a:lnTo>
                    <a:pt x="120" y="370"/>
                  </a:lnTo>
                  <a:lnTo>
                    <a:pt x="108" y="366"/>
                  </a:lnTo>
                  <a:lnTo>
                    <a:pt x="94" y="366"/>
                  </a:lnTo>
                  <a:lnTo>
                    <a:pt x="92" y="354"/>
                  </a:lnTo>
                  <a:lnTo>
                    <a:pt x="92" y="342"/>
                  </a:lnTo>
                  <a:lnTo>
                    <a:pt x="82" y="338"/>
                  </a:lnTo>
                  <a:lnTo>
                    <a:pt x="76" y="332"/>
                  </a:lnTo>
                  <a:lnTo>
                    <a:pt x="66" y="326"/>
                  </a:lnTo>
                  <a:lnTo>
                    <a:pt x="72" y="314"/>
                  </a:lnTo>
                  <a:lnTo>
                    <a:pt x="80" y="304"/>
                  </a:lnTo>
                  <a:lnTo>
                    <a:pt x="84" y="300"/>
                  </a:lnTo>
                  <a:lnTo>
                    <a:pt x="86" y="294"/>
                  </a:lnTo>
                  <a:lnTo>
                    <a:pt x="84" y="290"/>
                  </a:lnTo>
                  <a:lnTo>
                    <a:pt x="82" y="288"/>
                  </a:lnTo>
                  <a:lnTo>
                    <a:pt x="76" y="286"/>
                  </a:lnTo>
                  <a:lnTo>
                    <a:pt x="60" y="290"/>
                  </a:lnTo>
                  <a:lnTo>
                    <a:pt x="48" y="300"/>
                  </a:lnTo>
                  <a:lnTo>
                    <a:pt x="36" y="308"/>
                  </a:lnTo>
                  <a:lnTo>
                    <a:pt x="24" y="312"/>
                  </a:lnTo>
                  <a:lnTo>
                    <a:pt x="12" y="322"/>
                  </a:lnTo>
                  <a:lnTo>
                    <a:pt x="2" y="314"/>
                  </a:lnTo>
                  <a:lnTo>
                    <a:pt x="6" y="296"/>
                  </a:lnTo>
                  <a:lnTo>
                    <a:pt x="4" y="276"/>
                  </a:lnTo>
                  <a:lnTo>
                    <a:pt x="2" y="262"/>
                  </a:lnTo>
                  <a:lnTo>
                    <a:pt x="0" y="248"/>
                  </a:lnTo>
                  <a:lnTo>
                    <a:pt x="12" y="242"/>
                  </a:lnTo>
                  <a:lnTo>
                    <a:pt x="16" y="230"/>
                  </a:lnTo>
                  <a:lnTo>
                    <a:pt x="12" y="220"/>
                  </a:lnTo>
                  <a:lnTo>
                    <a:pt x="24" y="210"/>
                  </a:lnTo>
                  <a:lnTo>
                    <a:pt x="30" y="198"/>
                  </a:lnTo>
                  <a:lnTo>
                    <a:pt x="40" y="188"/>
                  </a:lnTo>
                  <a:lnTo>
                    <a:pt x="48" y="180"/>
                  </a:lnTo>
                  <a:lnTo>
                    <a:pt x="56" y="180"/>
                  </a:lnTo>
                  <a:lnTo>
                    <a:pt x="64" y="178"/>
                  </a:lnTo>
                  <a:lnTo>
                    <a:pt x="74" y="168"/>
                  </a:lnTo>
                  <a:lnTo>
                    <a:pt x="84" y="166"/>
                  </a:lnTo>
                  <a:lnTo>
                    <a:pt x="94" y="162"/>
                  </a:lnTo>
                  <a:lnTo>
                    <a:pt x="100" y="174"/>
                  </a:lnTo>
                  <a:lnTo>
                    <a:pt x="122" y="176"/>
                  </a:lnTo>
                  <a:lnTo>
                    <a:pt x="132" y="170"/>
                  </a:lnTo>
                  <a:lnTo>
                    <a:pt x="142" y="168"/>
                  </a:lnTo>
                  <a:lnTo>
                    <a:pt x="150" y="166"/>
                  </a:lnTo>
                  <a:lnTo>
                    <a:pt x="152" y="160"/>
                  </a:lnTo>
                  <a:lnTo>
                    <a:pt x="158" y="156"/>
                  </a:lnTo>
                  <a:lnTo>
                    <a:pt x="166" y="154"/>
                  </a:lnTo>
                  <a:lnTo>
                    <a:pt x="176" y="150"/>
                  </a:lnTo>
                  <a:lnTo>
                    <a:pt x="192" y="144"/>
                  </a:lnTo>
                  <a:lnTo>
                    <a:pt x="212" y="142"/>
                  </a:lnTo>
                  <a:lnTo>
                    <a:pt x="228" y="140"/>
                  </a:lnTo>
                  <a:lnTo>
                    <a:pt x="242" y="132"/>
                  </a:lnTo>
                  <a:lnTo>
                    <a:pt x="264" y="132"/>
                  </a:lnTo>
                  <a:lnTo>
                    <a:pt x="274" y="120"/>
                  </a:lnTo>
                  <a:lnTo>
                    <a:pt x="264" y="118"/>
                  </a:lnTo>
                  <a:lnTo>
                    <a:pt x="254" y="118"/>
                  </a:lnTo>
                  <a:lnTo>
                    <a:pt x="240" y="116"/>
                  </a:lnTo>
                  <a:lnTo>
                    <a:pt x="238" y="108"/>
                  </a:lnTo>
                  <a:lnTo>
                    <a:pt x="250" y="98"/>
                  </a:lnTo>
                  <a:lnTo>
                    <a:pt x="270" y="94"/>
                  </a:lnTo>
                  <a:lnTo>
                    <a:pt x="286" y="82"/>
                  </a:lnTo>
                  <a:lnTo>
                    <a:pt x="290" y="78"/>
                  </a:lnTo>
                  <a:lnTo>
                    <a:pt x="298" y="74"/>
                  </a:lnTo>
                  <a:lnTo>
                    <a:pt x="312" y="70"/>
                  </a:lnTo>
                  <a:lnTo>
                    <a:pt x="324" y="66"/>
                  </a:lnTo>
                  <a:lnTo>
                    <a:pt x="330" y="62"/>
                  </a:lnTo>
                  <a:lnTo>
                    <a:pt x="320" y="60"/>
                  </a:lnTo>
                  <a:lnTo>
                    <a:pt x="300" y="64"/>
                  </a:lnTo>
                  <a:lnTo>
                    <a:pt x="288" y="72"/>
                  </a:lnTo>
                  <a:lnTo>
                    <a:pt x="276" y="66"/>
                  </a:lnTo>
                  <a:lnTo>
                    <a:pt x="268" y="62"/>
                  </a:lnTo>
                  <a:lnTo>
                    <a:pt x="256" y="60"/>
                  </a:lnTo>
                  <a:lnTo>
                    <a:pt x="250" y="56"/>
                  </a:lnTo>
                  <a:lnTo>
                    <a:pt x="240" y="52"/>
                  </a:lnTo>
                  <a:lnTo>
                    <a:pt x="238" y="46"/>
                  </a:lnTo>
                  <a:lnTo>
                    <a:pt x="238" y="40"/>
                  </a:lnTo>
                  <a:lnTo>
                    <a:pt x="242" y="34"/>
                  </a:lnTo>
                  <a:lnTo>
                    <a:pt x="244" y="28"/>
                  </a:lnTo>
                  <a:lnTo>
                    <a:pt x="246" y="20"/>
                  </a:lnTo>
                  <a:lnTo>
                    <a:pt x="250" y="14"/>
                  </a:lnTo>
                  <a:lnTo>
                    <a:pt x="272" y="12"/>
                  </a:lnTo>
                  <a:lnTo>
                    <a:pt x="296" y="10"/>
                  </a:lnTo>
                  <a:lnTo>
                    <a:pt x="330" y="6"/>
                  </a:lnTo>
                  <a:lnTo>
                    <a:pt x="350" y="2"/>
                  </a:lnTo>
                  <a:lnTo>
                    <a:pt x="360" y="0"/>
                  </a:lnTo>
                  <a:lnTo>
                    <a:pt x="360" y="610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50" name="Freeform 45"/>
            <p:cNvSpPr>
              <a:spLocks/>
            </p:cNvSpPr>
            <p:nvPr/>
          </p:nvSpPr>
          <p:spPr bwMode="auto">
            <a:xfrm>
              <a:off x="4735" y="3741"/>
              <a:ext cx="31" cy="31"/>
            </a:xfrm>
            <a:custGeom>
              <a:avLst/>
              <a:gdLst>
                <a:gd name="T0" fmla="*/ 4 w 38"/>
                <a:gd name="T1" fmla="*/ 5 h 38"/>
                <a:gd name="T2" fmla="*/ 7 w 38"/>
                <a:gd name="T3" fmla="*/ 2 h 38"/>
                <a:gd name="T4" fmla="*/ 9 w 38"/>
                <a:gd name="T5" fmla="*/ 0 h 38"/>
                <a:gd name="T6" fmla="*/ 11 w 38"/>
                <a:gd name="T7" fmla="*/ 2 h 38"/>
                <a:gd name="T8" fmla="*/ 11 w 38"/>
                <a:gd name="T9" fmla="*/ 2 h 38"/>
                <a:gd name="T10" fmla="*/ 9 w 38"/>
                <a:gd name="T11" fmla="*/ 5 h 38"/>
                <a:gd name="T12" fmla="*/ 7 w 38"/>
                <a:gd name="T13" fmla="*/ 7 h 38"/>
                <a:gd name="T14" fmla="*/ 5 w 38"/>
                <a:gd name="T15" fmla="*/ 9 h 38"/>
                <a:gd name="T16" fmla="*/ 5 w 38"/>
                <a:gd name="T17" fmla="*/ 9 h 38"/>
                <a:gd name="T18" fmla="*/ 4 w 38"/>
                <a:gd name="T19" fmla="*/ 11 h 38"/>
                <a:gd name="T20" fmla="*/ 2 w 38"/>
                <a:gd name="T21" fmla="*/ 11 h 38"/>
                <a:gd name="T22" fmla="*/ 2 w 38"/>
                <a:gd name="T23" fmla="*/ 11 h 38"/>
                <a:gd name="T24" fmla="*/ 0 w 38"/>
                <a:gd name="T25" fmla="*/ 9 h 38"/>
                <a:gd name="T26" fmla="*/ 2 w 38"/>
                <a:gd name="T27" fmla="*/ 7 h 38"/>
                <a:gd name="T28" fmla="*/ 3 w 38"/>
                <a:gd name="T29" fmla="*/ 7 h 38"/>
                <a:gd name="T30" fmla="*/ 4 w 38"/>
                <a:gd name="T31" fmla="*/ 5 h 38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0" t="0" r="r" b="b"/>
              <a:pathLst>
                <a:path w="38" h="38">
                  <a:moveTo>
                    <a:pt x="14" y="16"/>
                  </a:moveTo>
                  <a:lnTo>
                    <a:pt x="24" y="4"/>
                  </a:lnTo>
                  <a:lnTo>
                    <a:pt x="32" y="0"/>
                  </a:lnTo>
                  <a:lnTo>
                    <a:pt x="38" y="2"/>
                  </a:lnTo>
                  <a:lnTo>
                    <a:pt x="38" y="8"/>
                  </a:lnTo>
                  <a:lnTo>
                    <a:pt x="30" y="16"/>
                  </a:lnTo>
                  <a:lnTo>
                    <a:pt x="22" y="24"/>
                  </a:lnTo>
                  <a:lnTo>
                    <a:pt x="16" y="28"/>
                  </a:lnTo>
                  <a:lnTo>
                    <a:pt x="16" y="32"/>
                  </a:lnTo>
                  <a:lnTo>
                    <a:pt x="12" y="36"/>
                  </a:lnTo>
                  <a:lnTo>
                    <a:pt x="6" y="38"/>
                  </a:lnTo>
                  <a:lnTo>
                    <a:pt x="2" y="38"/>
                  </a:lnTo>
                  <a:lnTo>
                    <a:pt x="0" y="30"/>
                  </a:lnTo>
                  <a:lnTo>
                    <a:pt x="4" y="24"/>
                  </a:lnTo>
                  <a:lnTo>
                    <a:pt x="10" y="22"/>
                  </a:lnTo>
                  <a:lnTo>
                    <a:pt x="14" y="16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51" name="Freeform 46"/>
            <p:cNvSpPr>
              <a:spLocks/>
            </p:cNvSpPr>
            <p:nvPr/>
          </p:nvSpPr>
          <p:spPr bwMode="auto">
            <a:xfrm>
              <a:off x="4603" y="3590"/>
              <a:ext cx="31" cy="44"/>
            </a:xfrm>
            <a:custGeom>
              <a:avLst/>
              <a:gdLst>
                <a:gd name="T0" fmla="*/ 5 w 38"/>
                <a:gd name="T1" fmla="*/ 7 h 54"/>
                <a:gd name="T2" fmla="*/ 3 w 38"/>
                <a:gd name="T3" fmla="*/ 6 h 54"/>
                <a:gd name="T4" fmla="*/ 2 w 38"/>
                <a:gd name="T5" fmla="*/ 4 h 54"/>
                <a:gd name="T6" fmla="*/ 0 w 38"/>
                <a:gd name="T7" fmla="*/ 2 h 54"/>
                <a:gd name="T8" fmla="*/ 2 w 38"/>
                <a:gd name="T9" fmla="*/ 2 h 54"/>
                <a:gd name="T10" fmla="*/ 4 w 38"/>
                <a:gd name="T11" fmla="*/ 0 h 54"/>
                <a:gd name="T12" fmla="*/ 7 w 38"/>
                <a:gd name="T13" fmla="*/ 0 h 54"/>
                <a:gd name="T14" fmla="*/ 9 w 38"/>
                <a:gd name="T15" fmla="*/ 2 h 54"/>
                <a:gd name="T16" fmla="*/ 11 w 38"/>
                <a:gd name="T17" fmla="*/ 4 h 54"/>
                <a:gd name="T18" fmla="*/ 11 w 38"/>
                <a:gd name="T19" fmla="*/ 6 h 54"/>
                <a:gd name="T20" fmla="*/ 11 w 38"/>
                <a:gd name="T21" fmla="*/ 7 h 54"/>
                <a:gd name="T22" fmla="*/ 11 w 38"/>
                <a:gd name="T23" fmla="*/ 9 h 54"/>
                <a:gd name="T24" fmla="*/ 11 w 38"/>
                <a:gd name="T25" fmla="*/ 11 h 54"/>
                <a:gd name="T26" fmla="*/ 11 w 38"/>
                <a:gd name="T27" fmla="*/ 13 h 54"/>
                <a:gd name="T28" fmla="*/ 9 w 38"/>
                <a:gd name="T29" fmla="*/ 15 h 54"/>
                <a:gd name="T30" fmla="*/ 7 w 38"/>
                <a:gd name="T31" fmla="*/ 16 h 54"/>
                <a:gd name="T32" fmla="*/ 6 w 38"/>
                <a:gd name="T33" fmla="*/ 15 h 54"/>
                <a:gd name="T34" fmla="*/ 3 w 38"/>
                <a:gd name="T35" fmla="*/ 13 h 54"/>
                <a:gd name="T36" fmla="*/ 5 w 38"/>
                <a:gd name="T37" fmla="*/ 11 h 54"/>
                <a:gd name="T38" fmla="*/ 6 w 38"/>
                <a:gd name="T39" fmla="*/ 10 h 54"/>
                <a:gd name="T40" fmla="*/ 7 w 38"/>
                <a:gd name="T41" fmla="*/ 7 h 54"/>
                <a:gd name="T42" fmla="*/ 5 w 38"/>
                <a:gd name="T43" fmla="*/ 7 h 54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</a:gdLst>
              <a:ahLst/>
              <a:cxnLst>
                <a:cxn ang="T44">
                  <a:pos x="T0" y="T1"/>
                </a:cxn>
                <a:cxn ang="T45">
                  <a:pos x="T2" y="T3"/>
                </a:cxn>
                <a:cxn ang="T46">
                  <a:pos x="T4" y="T5"/>
                </a:cxn>
                <a:cxn ang="T47">
                  <a:pos x="T6" y="T7"/>
                </a:cxn>
                <a:cxn ang="T48">
                  <a:pos x="T8" y="T9"/>
                </a:cxn>
                <a:cxn ang="T49">
                  <a:pos x="T10" y="T11"/>
                </a:cxn>
                <a:cxn ang="T50">
                  <a:pos x="T12" y="T13"/>
                </a:cxn>
                <a:cxn ang="T51">
                  <a:pos x="T14" y="T15"/>
                </a:cxn>
                <a:cxn ang="T52">
                  <a:pos x="T16" y="T17"/>
                </a:cxn>
                <a:cxn ang="T53">
                  <a:pos x="T18" y="T19"/>
                </a:cxn>
                <a:cxn ang="T54">
                  <a:pos x="T20" y="T21"/>
                </a:cxn>
                <a:cxn ang="T55">
                  <a:pos x="T22" y="T23"/>
                </a:cxn>
                <a:cxn ang="T56">
                  <a:pos x="T24" y="T25"/>
                </a:cxn>
                <a:cxn ang="T57">
                  <a:pos x="T26" y="T27"/>
                </a:cxn>
                <a:cxn ang="T58">
                  <a:pos x="T28" y="T29"/>
                </a:cxn>
                <a:cxn ang="T59">
                  <a:pos x="T30" y="T31"/>
                </a:cxn>
                <a:cxn ang="T60">
                  <a:pos x="T32" y="T33"/>
                </a:cxn>
                <a:cxn ang="T61">
                  <a:pos x="T34" y="T35"/>
                </a:cxn>
                <a:cxn ang="T62">
                  <a:pos x="T36" y="T37"/>
                </a:cxn>
                <a:cxn ang="T63">
                  <a:pos x="T38" y="T39"/>
                </a:cxn>
                <a:cxn ang="T64">
                  <a:pos x="T40" y="T41"/>
                </a:cxn>
                <a:cxn ang="T65">
                  <a:pos x="T42" y="T43"/>
                </a:cxn>
              </a:cxnLst>
              <a:rect l="0" t="0" r="r" b="b"/>
              <a:pathLst>
                <a:path w="38" h="54">
                  <a:moveTo>
                    <a:pt x="16" y="22"/>
                  </a:moveTo>
                  <a:lnTo>
                    <a:pt x="10" y="18"/>
                  </a:lnTo>
                  <a:lnTo>
                    <a:pt x="4" y="14"/>
                  </a:lnTo>
                  <a:lnTo>
                    <a:pt x="0" y="6"/>
                  </a:lnTo>
                  <a:lnTo>
                    <a:pt x="6" y="2"/>
                  </a:lnTo>
                  <a:lnTo>
                    <a:pt x="12" y="0"/>
                  </a:lnTo>
                  <a:lnTo>
                    <a:pt x="22" y="0"/>
                  </a:lnTo>
                  <a:lnTo>
                    <a:pt x="32" y="4"/>
                  </a:lnTo>
                  <a:lnTo>
                    <a:pt x="36" y="12"/>
                  </a:lnTo>
                  <a:lnTo>
                    <a:pt x="36" y="18"/>
                  </a:lnTo>
                  <a:lnTo>
                    <a:pt x="38" y="26"/>
                  </a:lnTo>
                  <a:lnTo>
                    <a:pt x="38" y="30"/>
                  </a:lnTo>
                  <a:lnTo>
                    <a:pt x="36" y="38"/>
                  </a:lnTo>
                  <a:lnTo>
                    <a:pt x="34" y="46"/>
                  </a:lnTo>
                  <a:lnTo>
                    <a:pt x="32" y="52"/>
                  </a:lnTo>
                  <a:lnTo>
                    <a:pt x="24" y="54"/>
                  </a:lnTo>
                  <a:lnTo>
                    <a:pt x="18" y="52"/>
                  </a:lnTo>
                  <a:lnTo>
                    <a:pt x="10" y="46"/>
                  </a:lnTo>
                  <a:lnTo>
                    <a:pt x="16" y="38"/>
                  </a:lnTo>
                  <a:lnTo>
                    <a:pt x="20" y="34"/>
                  </a:lnTo>
                  <a:lnTo>
                    <a:pt x="22" y="26"/>
                  </a:lnTo>
                  <a:lnTo>
                    <a:pt x="16" y="22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52" name="Freeform 47"/>
            <p:cNvSpPr>
              <a:spLocks/>
            </p:cNvSpPr>
            <p:nvPr/>
          </p:nvSpPr>
          <p:spPr bwMode="auto">
            <a:xfrm>
              <a:off x="4637" y="3681"/>
              <a:ext cx="27" cy="23"/>
            </a:xfrm>
            <a:custGeom>
              <a:avLst/>
              <a:gdLst>
                <a:gd name="T0" fmla="*/ 12 w 32"/>
                <a:gd name="T1" fmla="*/ 0 h 28"/>
                <a:gd name="T2" fmla="*/ 12 w 32"/>
                <a:gd name="T3" fmla="*/ 2 h 28"/>
                <a:gd name="T4" fmla="*/ 10 w 32"/>
                <a:gd name="T5" fmla="*/ 4 h 28"/>
                <a:gd name="T6" fmla="*/ 7 w 32"/>
                <a:gd name="T7" fmla="*/ 5 h 28"/>
                <a:gd name="T8" fmla="*/ 6 w 32"/>
                <a:gd name="T9" fmla="*/ 7 h 28"/>
                <a:gd name="T10" fmla="*/ 4 w 32"/>
                <a:gd name="T11" fmla="*/ 8 h 28"/>
                <a:gd name="T12" fmla="*/ 2 w 32"/>
                <a:gd name="T13" fmla="*/ 9 h 28"/>
                <a:gd name="T14" fmla="*/ 0 w 32"/>
                <a:gd name="T15" fmla="*/ 7 h 28"/>
                <a:gd name="T16" fmla="*/ 3 w 32"/>
                <a:gd name="T17" fmla="*/ 5 h 28"/>
                <a:gd name="T18" fmla="*/ 3 w 32"/>
                <a:gd name="T19" fmla="*/ 3 h 28"/>
                <a:gd name="T20" fmla="*/ 6 w 32"/>
                <a:gd name="T21" fmla="*/ 2 h 28"/>
                <a:gd name="T22" fmla="*/ 8 w 32"/>
                <a:gd name="T23" fmla="*/ 2 h 28"/>
                <a:gd name="T24" fmla="*/ 10 w 32"/>
                <a:gd name="T25" fmla="*/ 0 h 28"/>
                <a:gd name="T26" fmla="*/ 12 w 32"/>
                <a:gd name="T27" fmla="*/ 0 h 28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0" t="0" r="r" b="b"/>
              <a:pathLst>
                <a:path w="32" h="28">
                  <a:moveTo>
                    <a:pt x="32" y="0"/>
                  </a:moveTo>
                  <a:lnTo>
                    <a:pt x="32" y="8"/>
                  </a:lnTo>
                  <a:lnTo>
                    <a:pt x="28" y="12"/>
                  </a:lnTo>
                  <a:lnTo>
                    <a:pt x="18" y="16"/>
                  </a:lnTo>
                  <a:lnTo>
                    <a:pt x="16" y="22"/>
                  </a:lnTo>
                  <a:lnTo>
                    <a:pt x="12" y="26"/>
                  </a:lnTo>
                  <a:lnTo>
                    <a:pt x="2" y="28"/>
                  </a:lnTo>
                  <a:lnTo>
                    <a:pt x="0" y="22"/>
                  </a:lnTo>
                  <a:lnTo>
                    <a:pt x="4" y="16"/>
                  </a:lnTo>
                  <a:lnTo>
                    <a:pt x="8" y="10"/>
                  </a:lnTo>
                  <a:lnTo>
                    <a:pt x="16" y="8"/>
                  </a:lnTo>
                  <a:lnTo>
                    <a:pt x="22" y="6"/>
                  </a:lnTo>
                  <a:lnTo>
                    <a:pt x="26" y="0"/>
                  </a:lnTo>
                  <a:lnTo>
                    <a:pt x="32" y="0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53" name="Freeform 48"/>
            <p:cNvSpPr>
              <a:spLocks/>
            </p:cNvSpPr>
            <p:nvPr/>
          </p:nvSpPr>
          <p:spPr bwMode="auto">
            <a:xfrm>
              <a:off x="4553" y="3420"/>
              <a:ext cx="23" cy="18"/>
            </a:xfrm>
            <a:custGeom>
              <a:avLst/>
              <a:gdLst>
                <a:gd name="T0" fmla="*/ 9 w 28"/>
                <a:gd name="T1" fmla="*/ 2 h 22"/>
                <a:gd name="T2" fmla="*/ 7 w 28"/>
                <a:gd name="T3" fmla="*/ 4 h 22"/>
                <a:gd name="T4" fmla="*/ 5 w 28"/>
                <a:gd name="T5" fmla="*/ 7 h 22"/>
                <a:gd name="T6" fmla="*/ 2 w 28"/>
                <a:gd name="T7" fmla="*/ 7 h 22"/>
                <a:gd name="T8" fmla="*/ 0 w 28"/>
                <a:gd name="T9" fmla="*/ 6 h 22"/>
                <a:gd name="T10" fmla="*/ 2 w 28"/>
                <a:gd name="T11" fmla="*/ 3 h 22"/>
                <a:gd name="T12" fmla="*/ 3 w 28"/>
                <a:gd name="T13" fmla="*/ 2 h 22"/>
                <a:gd name="T14" fmla="*/ 6 w 28"/>
                <a:gd name="T15" fmla="*/ 2 h 22"/>
                <a:gd name="T16" fmla="*/ 7 w 28"/>
                <a:gd name="T17" fmla="*/ 0 h 22"/>
                <a:gd name="T18" fmla="*/ 8 w 28"/>
                <a:gd name="T19" fmla="*/ 0 h 22"/>
                <a:gd name="T20" fmla="*/ 9 w 28"/>
                <a:gd name="T21" fmla="*/ 2 h 22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28" h="22">
                  <a:moveTo>
                    <a:pt x="28" y="4"/>
                  </a:moveTo>
                  <a:lnTo>
                    <a:pt x="24" y="14"/>
                  </a:lnTo>
                  <a:lnTo>
                    <a:pt x="14" y="22"/>
                  </a:lnTo>
                  <a:lnTo>
                    <a:pt x="4" y="22"/>
                  </a:lnTo>
                  <a:lnTo>
                    <a:pt x="0" y="20"/>
                  </a:lnTo>
                  <a:lnTo>
                    <a:pt x="2" y="10"/>
                  </a:lnTo>
                  <a:lnTo>
                    <a:pt x="10" y="4"/>
                  </a:lnTo>
                  <a:lnTo>
                    <a:pt x="18" y="2"/>
                  </a:lnTo>
                  <a:lnTo>
                    <a:pt x="22" y="0"/>
                  </a:lnTo>
                  <a:lnTo>
                    <a:pt x="26" y="0"/>
                  </a:lnTo>
                  <a:lnTo>
                    <a:pt x="28" y="4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54" name="Freeform 49"/>
            <p:cNvSpPr>
              <a:spLocks/>
            </p:cNvSpPr>
            <p:nvPr/>
          </p:nvSpPr>
          <p:spPr bwMode="auto">
            <a:xfrm>
              <a:off x="4682" y="3653"/>
              <a:ext cx="42" cy="22"/>
            </a:xfrm>
            <a:custGeom>
              <a:avLst/>
              <a:gdLst>
                <a:gd name="T0" fmla="*/ 2 w 52"/>
                <a:gd name="T1" fmla="*/ 4 h 26"/>
                <a:gd name="T2" fmla="*/ 2 w 52"/>
                <a:gd name="T3" fmla="*/ 3 h 26"/>
                <a:gd name="T4" fmla="*/ 5 w 52"/>
                <a:gd name="T5" fmla="*/ 3 h 26"/>
                <a:gd name="T6" fmla="*/ 6 w 52"/>
                <a:gd name="T7" fmla="*/ 3 h 26"/>
                <a:gd name="T8" fmla="*/ 8 w 52"/>
                <a:gd name="T9" fmla="*/ 3 h 26"/>
                <a:gd name="T10" fmla="*/ 10 w 52"/>
                <a:gd name="T11" fmla="*/ 2 h 26"/>
                <a:gd name="T12" fmla="*/ 11 w 52"/>
                <a:gd name="T13" fmla="*/ 0 h 26"/>
                <a:gd name="T14" fmla="*/ 14 w 52"/>
                <a:gd name="T15" fmla="*/ 0 h 26"/>
                <a:gd name="T16" fmla="*/ 15 w 52"/>
                <a:gd name="T17" fmla="*/ 3 h 26"/>
                <a:gd name="T18" fmla="*/ 12 w 52"/>
                <a:gd name="T19" fmla="*/ 5 h 26"/>
                <a:gd name="T20" fmla="*/ 12 w 52"/>
                <a:gd name="T21" fmla="*/ 5 h 26"/>
                <a:gd name="T22" fmla="*/ 10 w 52"/>
                <a:gd name="T23" fmla="*/ 8 h 26"/>
                <a:gd name="T24" fmla="*/ 8 w 52"/>
                <a:gd name="T25" fmla="*/ 8 h 26"/>
                <a:gd name="T26" fmla="*/ 6 w 52"/>
                <a:gd name="T27" fmla="*/ 7 h 26"/>
                <a:gd name="T28" fmla="*/ 4 w 52"/>
                <a:gd name="T29" fmla="*/ 7 h 26"/>
                <a:gd name="T30" fmla="*/ 3 w 52"/>
                <a:gd name="T31" fmla="*/ 10 h 26"/>
                <a:gd name="T32" fmla="*/ 0 w 52"/>
                <a:gd name="T33" fmla="*/ 7 h 26"/>
                <a:gd name="T34" fmla="*/ 2 w 52"/>
                <a:gd name="T35" fmla="*/ 4 h 2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0" t="0" r="r" b="b"/>
              <a:pathLst>
                <a:path w="52" h="26">
                  <a:moveTo>
                    <a:pt x="6" y="12"/>
                  </a:moveTo>
                  <a:lnTo>
                    <a:pt x="10" y="8"/>
                  </a:lnTo>
                  <a:lnTo>
                    <a:pt x="16" y="4"/>
                  </a:lnTo>
                  <a:lnTo>
                    <a:pt x="22" y="4"/>
                  </a:lnTo>
                  <a:lnTo>
                    <a:pt x="28" y="4"/>
                  </a:lnTo>
                  <a:lnTo>
                    <a:pt x="34" y="2"/>
                  </a:lnTo>
                  <a:lnTo>
                    <a:pt x="38" y="0"/>
                  </a:lnTo>
                  <a:lnTo>
                    <a:pt x="48" y="0"/>
                  </a:lnTo>
                  <a:lnTo>
                    <a:pt x="52" y="4"/>
                  </a:lnTo>
                  <a:lnTo>
                    <a:pt x="46" y="14"/>
                  </a:lnTo>
                  <a:lnTo>
                    <a:pt x="42" y="14"/>
                  </a:lnTo>
                  <a:lnTo>
                    <a:pt x="36" y="24"/>
                  </a:lnTo>
                  <a:lnTo>
                    <a:pt x="28" y="22"/>
                  </a:lnTo>
                  <a:lnTo>
                    <a:pt x="20" y="20"/>
                  </a:lnTo>
                  <a:lnTo>
                    <a:pt x="14" y="20"/>
                  </a:lnTo>
                  <a:lnTo>
                    <a:pt x="12" y="26"/>
                  </a:lnTo>
                  <a:lnTo>
                    <a:pt x="0" y="20"/>
                  </a:lnTo>
                  <a:lnTo>
                    <a:pt x="6" y="12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55" name="Freeform 50"/>
            <p:cNvSpPr>
              <a:spLocks/>
            </p:cNvSpPr>
            <p:nvPr/>
          </p:nvSpPr>
          <p:spPr bwMode="auto">
            <a:xfrm>
              <a:off x="4589" y="3502"/>
              <a:ext cx="68" cy="42"/>
            </a:xfrm>
            <a:custGeom>
              <a:avLst/>
              <a:gdLst>
                <a:gd name="T0" fmla="*/ 6 w 84"/>
                <a:gd name="T1" fmla="*/ 12 h 52"/>
                <a:gd name="T2" fmla="*/ 2 w 84"/>
                <a:gd name="T3" fmla="*/ 11 h 52"/>
                <a:gd name="T4" fmla="*/ 0 w 84"/>
                <a:gd name="T5" fmla="*/ 10 h 52"/>
                <a:gd name="T6" fmla="*/ 2 w 84"/>
                <a:gd name="T7" fmla="*/ 6 h 52"/>
                <a:gd name="T8" fmla="*/ 2 w 84"/>
                <a:gd name="T9" fmla="*/ 6 h 52"/>
                <a:gd name="T10" fmla="*/ 6 w 84"/>
                <a:gd name="T11" fmla="*/ 5 h 52"/>
                <a:gd name="T12" fmla="*/ 7 w 84"/>
                <a:gd name="T13" fmla="*/ 2 h 52"/>
                <a:gd name="T14" fmla="*/ 8 w 84"/>
                <a:gd name="T15" fmla="*/ 2 h 52"/>
                <a:gd name="T16" fmla="*/ 9 w 84"/>
                <a:gd name="T17" fmla="*/ 2 h 52"/>
                <a:gd name="T18" fmla="*/ 11 w 84"/>
                <a:gd name="T19" fmla="*/ 0 h 52"/>
                <a:gd name="T20" fmla="*/ 12 w 84"/>
                <a:gd name="T21" fmla="*/ 0 h 52"/>
                <a:gd name="T22" fmla="*/ 15 w 84"/>
                <a:gd name="T23" fmla="*/ 3 h 52"/>
                <a:gd name="T24" fmla="*/ 19 w 84"/>
                <a:gd name="T25" fmla="*/ 6 h 52"/>
                <a:gd name="T26" fmla="*/ 21 w 84"/>
                <a:gd name="T27" fmla="*/ 8 h 52"/>
                <a:gd name="T28" fmla="*/ 23 w 84"/>
                <a:gd name="T29" fmla="*/ 10 h 52"/>
                <a:gd name="T30" fmla="*/ 22 w 84"/>
                <a:gd name="T31" fmla="*/ 12 h 52"/>
                <a:gd name="T32" fmla="*/ 19 w 84"/>
                <a:gd name="T33" fmla="*/ 15 h 52"/>
                <a:gd name="T34" fmla="*/ 15 w 84"/>
                <a:gd name="T35" fmla="*/ 14 h 52"/>
                <a:gd name="T36" fmla="*/ 12 w 84"/>
                <a:gd name="T37" fmla="*/ 14 h 52"/>
                <a:gd name="T38" fmla="*/ 11 w 84"/>
                <a:gd name="T39" fmla="*/ 14 h 52"/>
                <a:gd name="T40" fmla="*/ 8 w 84"/>
                <a:gd name="T41" fmla="*/ 12 h 52"/>
                <a:gd name="T42" fmla="*/ 10 w 84"/>
                <a:gd name="T43" fmla="*/ 11 h 52"/>
                <a:gd name="T44" fmla="*/ 11 w 84"/>
                <a:gd name="T45" fmla="*/ 10 h 52"/>
                <a:gd name="T46" fmla="*/ 12 w 84"/>
                <a:gd name="T47" fmla="*/ 8 h 52"/>
                <a:gd name="T48" fmla="*/ 10 w 84"/>
                <a:gd name="T49" fmla="*/ 7 h 52"/>
                <a:gd name="T50" fmla="*/ 8 w 84"/>
                <a:gd name="T51" fmla="*/ 8 h 52"/>
                <a:gd name="T52" fmla="*/ 8 w 84"/>
                <a:gd name="T53" fmla="*/ 10 h 52"/>
                <a:gd name="T54" fmla="*/ 8 w 84"/>
                <a:gd name="T55" fmla="*/ 12 h 52"/>
                <a:gd name="T56" fmla="*/ 6 w 84"/>
                <a:gd name="T57" fmla="*/ 12 h 52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0" t="0" r="r" b="b"/>
              <a:pathLst>
                <a:path w="84" h="52">
                  <a:moveTo>
                    <a:pt x="22" y="42"/>
                  </a:moveTo>
                  <a:lnTo>
                    <a:pt x="8" y="40"/>
                  </a:lnTo>
                  <a:lnTo>
                    <a:pt x="0" y="34"/>
                  </a:lnTo>
                  <a:lnTo>
                    <a:pt x="2" y="24"/>
                  </a:lnTo>
                  <a:lnTo>
                    <a:pt x="10" y="20"/>
                  </a:lnTo>
                  <a:lnTo>
                    <a:pt x="22" y="16"/>
                  </a:lnTo>
                  <a:lnTo>
                    <a:pt x="26" y="8"/>
                  </a:lnTo>
                  <a:lnTo>
                    <a:pt x="28" y="6"/>
                  </a:lnTo>
                  <a:lnTo>
                    <a:pt x="32" y="2"/>
                  </a:lnTo>
                  <a:lnTo>
                    <a:pt x="40" y="0"/>
                  </a:lnTo>
                  <a:lnTo>
                    <a:pt x="46" y="0"/>
                  </a:lnTo>
                  <a:lnTo>
                    <a:pt x="56" y="12"/>
                  </a:lnTo>
                  <a:lnTo>
                    <a:pt x="64" y="22"/>
                  </a:lnTo>
                  <a:lnTo>
                    <a:pt x="76" y="28"/>
                  </a:lnTo>
                  <a:lnTo>
                    <a:pt x="84" y="36"/>
                  </a:lnTo>
                  <a:lnTo>
                    <a:pt x="78" y="46"/>
                  </a:lnTo>
                  <a:lnTo>
                    <a:pt x="64" y="52"/>
                  </a:lnTo>
                  <a:lnTo>
                    <a:pt x="56" y="48"/>
                  </a:lnTo>
                  <a:lnTo>
                    <a:pt x="46" y="50"/>
                  </a:lnTo>
                  <a:lnTo>
                    <a:pt x="38" y="50"/>
                  </a:lnTo>
                  <a:lnTo>
                    <a:pt x="30" y="46"/>
                  </a:lnTo>
                  <a:lnTo>
                    <a:pt x="36" y="40"/>
                  </a:lnTo>
                  <a:lnTo>
                    <a:pt x="40" y="34"/>
                  </a:lnTo>
                  <a:lnTo>
                    <a:pt x="44" y="28"/>
                  </a:lnTo>
                  <a:lnTo>
                    <a:pt x="36" y="26"/>
                  </a:lnTo>
                  <a:lnTo>
                    <a:pt x="30" y="30"/>
                  </a:lnTo>
                  <a:lnTo>
                    <a:pt x="28" y="36"/>
                  </a:lnTo>
                  <a:lnTo>
                    <a:pt x="28" y="42"/>
                  </a:lnTo>
                  <a:lnTo>
                    <a:pt x="22" y="42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56" name="Freeform 51"/>
            <p:cNvSpPr>
              <a:spLocks/>
            </p:cNvSpPr>
            <p:nvPr/>
          </p:nvSpPr>
          <p:spPr bwMode="auto">
            <a:xfrm>
              <a:off x="4688" y="3342"/>
              <a:ext cx="15" cy="11"/>
            </a:xfrm>
            <a:custGeom>
              <a:avLst/>
              <a:gdLst>
                <a:gd name="T0" fmla="*/ 3 w 18"/>
                <a:gd name="T1" fmla="*/ 2 h 14"/>
                <a:gd name="T2" fmla="*/ 5 w 18"/>
                <a:gd name="T3" fmla="*/ 0 h 14"/>
                <a:gd name="T4" fmla="*/ 7 w 18"/>
                <a:gd name="T5" fmla="*/ 2 h 14"/>
                <a:gd name="T6" fmla="*/ 7 w 18"/>
                <a:gd name="T7" fmla="*/ 2 h 14"/>
                <a:gd name="T8" fmla="*/ 4 w 18"/>
                <a:gd name="T9" fmla="*/ 4 h 14"/>
                <a:gd name="T10" fmla="*/ 3 w 18"/>
                <a:gd name="T11" fmla="*/ 4 h 14"/>
                <a:gd name="T12" fmla="*/ 0 w 18"/>
                <a:gd name="T13" fmla="*/ 2 h 14"/>
                <a:gd name="T14" fmla="*/ 2 w 18"/>
                <a:gd name="T15" fmla="*/ 2 h 14"/>
                <a:gd name="T16" fmla="*/ 3 w 18"/>
                <a:gd name="T17" fmla="*/ 2 h 14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18" h="14">
                  <a:moveTo>
                    <a:pt x="4" y="2"/>
                  </a:moveTo>
                  <a:lnTo>
                    <a:pt x="14" y="0"/>
                  </a:lnTo>
                  <a:lnTo>
                    <a:pt x="18" y="2"/>
                  </a:lnTo>
                  <a:lnTo>
                    <a:pt x="18" y="8"/>
                  </a:lnTo>
                  <a:lnTo>
                    <a:pt x="12" y="14"/>
                  </a:lnTo>
                  <a:lnTo>
                    <a:pt x="6" y="14"/>
                  </a:lnTo>
                  <a:lnTo>
                    <a:pt x="0" y="10"/>
                  </a:lnTo>
                  <a:lnTo>
                    <a:pt x="2" y="4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C0C0C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8039" name="Freeform 52"/>
          <p:cNvSpPr>
            <a:spLocks/>
          </p:cNvSpPr>
          <p:nvPr/>
        </p:nvSpPr>
        <p:spPr bwMode="auto">
          <a:xfrm>
            <a:off x="6989763" y="6154738"/>
            <a:ext cx="28575" cy="38100"/>
          </a:xfrm>
          <a:custGeom>
            <a:avLst/>
            <a:gdLst>
              <a:gd name="T0" fmla="*/ 0 w 22"/>
              <a:gd name="T1" fmla="*/ 2147483647 h 30"/>
              <a:gd name="T2" fmla="*/ 2147483647 w 22"/>
              <a:gd name="T3" fmla="*/ 0 h 30"/>
              <a:gd name="T4" fmla="*/ 2147483647 w 22"/>
              <a:gd name="T5" fmla="*/ 2147483647 h 30"/>
              <a:gd name="T6" fmla="*/ 2147483647 w 22"/>
              <a:gd name="T7" fmla="*/ 2147483647 h 30"/>
              <a:gd name="T8" fmla="*/ 2147483647 w 22"/>
              <a:gd name="T9" fmla="*/ 2147483647 h 30"/>
              <a:gd name="T10" fmla="*/ 2147483647 w 22"/>
              <a:gd name="T11" fmla="*/ 2147483647 h 30"/>
              <a:gd name="T12" fmla="*/ 2147483647 w 22"/>
              <a:gd name="T13" fmla="*/ 2147483647 h 30"/>
              <a:gd name="T14" fmla="*/ 2147483647 w 22"/>
              <a:gd name="T15" fmla="*/ 2147483647 h 30"/>
              <a:gd name="T16" fmla="*/ 2147483647 w 22"/>
              <a:gd name="T17" fmla="*/ 2147483647 h 30"/>
              <a:gd name="T18" fmla="*/ 2147483647 w 22"/>
              <a:gd name="T19" fmla="*/ 2147483647 h 30"/>
              <a:gd name="T20" fmla="*/ 0 w 22"/>
              <a:gd name="T21" fmla="*/ 2147483647 h 30"/>
              <a:gd name="T22" fmla="*/ 0 w 22"/>
              <a:gd name="T23" fmla="*/ 2147483647 h 30"/>
              <a:gd name="T24" fmla="*/ 0 w 22"/>
              <a:gd name="T25" fmla="*/ 2147483647 h 30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22" h="30">
                <a:moveTo>
                  <a:pt x="0" y="4"/>
                </a:moveTo>
                <a:lnTo>
                  <a:pt x="6" y="0"/>
                </a:lnTo>
                <a:lnTo>
                  <a:pt x="10" y="6"/>
                </a:lnTo>
                <a:lnTo>
                  <a:pt x="12" y="8"/>
                </a:lnTo>
                <a:lnTo>
                  <a:pt x="14" y="12"/>
                </a:lnTo>
                <a:lnTo>
                  <a:pt x="22" y="12"/>
                </a:lnTo>
                <a:lnTo>
                  <a:pt x="22" y="20"/>
                </a:lnTo>
                <a:lnTo>
                  <a:pt x="18" y="26"/>
                </a:lnTo>
                <a:lnTo>
                  <a:pt x="10" y="30"/>
                </a:lnTo>
                <a:lnTo>
                  <a:pt x="4" y="24"/>
                </a:lnTo>
                <a:lnTo>
                  <a:pt x="0" y="14"/>
                </a:lnTo>
                <a:lnTo>
                  <a:pt x="0" y="8"/>
                </a:lnTo>
                <a:lnTo>
                  <a:pt x="0" y="4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40" name="Freeform 53"/>
          <p:cNvSpPr>
            <a:spLocks/>
          </p:cNvSpPr>
          <p:nvPr/>
        </p:nvSpPr>
        <p:spPr bwMode="auto">
          <a:xfrm>
            <a:off x="7172325" y="6035675"/>
            <a:ext cx="31750" cy="36513"/>
          </a:xfrm>
          <a:custGeom>
            <a:avLst/>
            <a:gdLst>
              <a:gd name="T0" fmla="*/ 2147483647 w 24"/>
              <a:gd name="T1" fmla="*/ 0 h 28"/>
              <a:gd name="T2" fmla="*/ 2147483647 w 24"/>
              <a:gd name="T3" fmla="*/ 2147483647 h 28"/>
              <a:gd name="T4" fmla="*/ 2147483647 w 24"/>
              <a:gd name="T5" fmla="*/ 2147483647 h 28"/>
              <a:gd name="T6" fmla="*/ 2147483647 w 24"/>
              <a:gd name="T7" fmla="*/ 2147483647 h 28"/>
              <a:gd name="T8" fmla="*/ 2147483647 w 24"/>
              <a:gd name="T9" fmla="*/ 2147483647 h 28"/>
              <a:gd name="T10" fmla="*/ 0 w 24"/>
              <a:gd name="T11" fmla="*/ 2147483647 h 28"/>
              <a:gd name="T12" fmla="*/ 2147483647 w 24"/>
              <a:gd name="T13" fmla="*/ 2147483647 h 28"/>
              <a:gd name="T14" fmla="*/ 2147483647 w 24"/>
              <a:gd name="T15" fmla="*/ 2147483647 h 28"/>
              <a:gd name="T16" fmla="*/ 2147483647 w 24"/>
              <a:gd name="T17" fmla="*/ 2147483647 h 28"/>
              <a:gd name="T18" fmla="*/ 2147483647 w 24"/>
              <a:gd name="T19" fmla="*/ 0 h 28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24" h="28">
                <a:moveTo>
                  <a:pt x="20" y="0"/>
                </a:moveTo>
                <a:lnTo>
                  <a:pt x="24" y="4"/>
                </a:lnTo>
                <a:lnTo>
                  <a:pt x="24" y="14"/>
                </a:lnTo>
                <a:lnTo>
                  <a:pt x="18" y="24"/>
                </a:lnTo>
                <a:lnTo>
                  <a:pt x="4" y="28"/>
                </a:lnTo>
                <a:lnTo>
                  <a:pt x="0" y="22"/>
                </a:lnTo>
                <a:lnTo>
                  <a:pt x="4" y="14"/>
                </a:lnTo>
                <a:lnTo>
                  <a:pt x="12" y="12"/>
                </a:lnTo>
                <a:lnTo>
                  <a:pt x="16" y="6"/>
                </a:lnTo>
                <a:lnTo>
                  <a:pt x="20" y="0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41" name="Freeform 54"/>
          <p:cNvSpPr>
            <a:spLocks/>
          </p:cNvSpPr>
          <p:nvPr/>
        </p:nvSpPr>
        <p:spPr bwMode="auto">
          <a:xfrm>
            <a:off x="7061200" y="5370513"/>
            <a:ext cx="36513" cy="33337"/>
          </a:xfrm>
          <a:custGeom>
            <a:avLst/>
            <a:gdLst>
              <a:gd name="T0" fmla="*/ 2147483647 w 28"/>
              <a:gd name="T1" fmla="*/ 2147483647 h 26"/>
              <a:gd name="T2" fmla="*/ 2147483647 w 28"/>
              <a:gd name="T3" fmla="*/ 2147483647 h 26"/>
              <a:gd name="T4" fmla="*/ 2147483647 w 28"/>
              <a:gd name="T5" fmla="*/ 2147483647 h 26"/>
              <a:gd name="T6" fmla="*/ 2147483647 w 28"/>
              <a:gd name="T7" fmla="*/ 2147483647 h 26"/>
              <a:gd name="T8" fmla="*/ 0 w 28"/>
              <a:gd name="T9" fmla="*/ 2147483647 h 26"/>
              <a:gd name="T10" fmla="*/ 2147483647 w 28"/>
              <a:gd name="T11" fmla="*/ 2147483647 h 26"/>
              <a:gd name="T12" fmla="*/ 2147483647 w 28"/>
              <a:gd name="T13" fmla="*/ 0 h 26"/>
              <a:gd name="T14" fmla="*/ 2147483647 w 28"/>
              <a:gd name="T15" fmla="*/ 0 h 26"/>
              <a:gd name="T16" fmla="*/ 2147483647 w 28"/>
              <a:gd name="T17" fmla="*/ 2147483647 h 2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28" h="26">
                <a:moveTo>
                  <a:pt x="22" y="4"/>
                </a:moveTo>
                <a:lnTo>
                  <a:pt x="28" y="12"/>
                </a:lnTo>
                <a:lnTo>
                  <a:pt x="22" y="26"/>
                </a:lnTo>
                <a:lnTo>
                  <a:pt x="8" y="24"/>
                </a:lnTo>
                <a:lnTo>
                  <a:pt x="0" y="16"/>
                </a:lnTo>
                <a:lnTo>
                  <a:pt x="2" y="6"/>
                </a:lnTo>
                <a:lnTo>
                  <a:pt x="6" y="0"/>
                </a:lnTo>
                <a:lnTo>
                  <a:pt x="14" y="0"/>
                </a:lnTo>
                <a:lnTo>
                  <a:pt x="22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42" name="Freeform 55"/>
          <p:cNvSpPr>
            <a:spLocks/>
          </p:cNvSpPr>
          <p:nvPr/>
        </p:nvSpPr>
        <p:spPr bwMode="auto">
          <a:xfrm>
            <a:off x="6227763" y="2792413"/>
            <a:ext cx="558800" cy="442912"/>
          </a:xfrm>
          <a:custGeom>
            <a:avLst/>
            <a:gdLst>
              <a:gd name="T0" fmla="*/ 2147483647 w 432"/>
              <a:gd name="T1" fmla="*/ 2147483647 h 342"/>
              <a:gd name="T2" fmla="*/ 2147483647 w 432"/>
              <a:gd name="T3" fmla="*/ 2147483647 h 342"/>
              <a:gd name="T4" fmla="*/ 0 w 432"/>
              <a:gd name="T5" fmla="*/ 2147483647 h 342"/>
              <a:gd name="T6" fmla="*/ 2147483647 w 432"/>
              <a:gd name="T7" fmla="*/ 2147483647 h 342"/>
              <a:gd name="T8" fmla="*/ 2147483647 w 432"/>
              <a:gd name="T9" fmla="*/ 2147483647 h 342"/>
              <a:gd name="T10" fmla="*/ 2147483647 w 432"/>
              <a:gd name="T11" fmla="*/ 2147483647 h 342"/>
              <a:gd name="T12" fmla="*/ 2147483647 w 432"/>
              <a:gd name="T13" fmla="*/ 2147483647 h 342"/>
              <a:gd name="T14" fmla="*/ 2147483647 w 432"/>
              <a:gd name="T15" fmla="*/ 2147483647 h 342"/>
              <a:gd name="T16" fmla="*/ 2147483647 w 432"/>
              <a:gd name="T17" fmla="*/ 2147483647 h 342"/>
              <a:gd name="T18" fmla="*/ 2147483647 w 432"/>
              <a:gd name="T19" fmla="*/ 2147483647 h 342"/>
              <a:gd name="T20" fmla="*/ 2147483647 w 432"/>
              <a:gd name="T21" fmla="*/ 2147483647 h 342"/>
              <a:gd name="T22" fmla="*/ 2147483647 w 432"/>
              <a:gd name="T23" fmla="*/ 2147483647 h 342"/>
              <a:gd name="T24" fmla="*/ 2147483647 w 432"/>
              <a:gd name="T25" fmla="*/ 2147483647 h 342"/>
              <a:gd name="T26" fmla="*/ 2147483647 w 432"/>
              <a:gd name="T27" fmla="*/ 2147483647 h 342"/>
              <a:gd name="T28" fmla="*/ 2147483647 w 432"/>
              <a:gd name="T29" fmla="*/ 2147483647 h 342"/>
              <a:gd name="T30" fmla="*/ 2147483647 w 432"/>
              <a:gd name="T31" fmla="*/ 2147483647 h 342"/>
              <a:gd name="T32" fmla="*/ 2147483647 w 432"/>
              <a:gd name="T33" fmla="*/ 2147483647 h 342"/>
              <a:gd name="T34" fmla="*/ 2147483647 w 432"/>
              <a:gd name="T35" fmla="*/ 2147483647 h 342"/>
              <a:gd name="T36" fmla="*/ 2147483647 w 432"/>
              <a:gd name="T37" fmla="*/ 2147483647 h 342"/>
              <a:gd name="T38" fmla="*/ 2147483647 w 432"/>
              <a:gd name="T39" fmla="*/ 2147483647 h 342"/>
              <a:gd name="T40" fmla="*/ 2147483647 w 432"/>
              <a:gd name="T41" fmla="*/ 2147483647 h 342"/>
              <a:gd name="T42" fmla="*/ 2147483647 w 432"/>
              <a:gd name="T43" fmla="*/ 2147483647 h 342"/>
              <a:gd name="T44" fmla="*/ 2147483647 w 432"/>
              <a:gd name="T45" fmla="*/ 2147483647 h 342"/>
              <a:gd name="T46" fmla="*/ 2147483647 w 432"/>
              <a:gd name="T47" fmla="*/ 2147483647 h 342"/>
              <a:gd name="T48" fmla="*/ 2147483647 w 432"/>
              <a:gd name="T49" fmla="*/ 2147483647 h 342"/>
              <a:gd name="T50" fmla="*/ 2147483647 w 432"/>
              <a:gd name="T51" fmla="*/ 2147483647 h 342"/>
              <a:gd name="T52" fmla="*/ 2147483647 w 432"/>
              <a:gd name="T53" fmla="*/ 2147483647 h 342"/>
              <a:gd name="T54" fmla="*/ 2147483647 w 432"/>
              <a:gd name="T55" fmla="*/ 2147483647 h 342"/>
              <a:gd name="T56" fmla="*/ 2147483647 w 432"/>
              <a:gd name="T57" fmla="*/ 2147483647 h 342"/>
              <a:gd name="T58" fmla="*/ 2147483647 w 432"/>
              <a:gd name="T59" fmla="*/ 2147483647 h 342"/>
              <a:gd name="T60" fmla="*/ 2147483647 w 432"/>
              <a:gd name="T61" fmla="*/ 2147483647 h 342"/>
              <a:gd name="T62" fmla="*/ 2147483647 w 432"/>
              <a:gd name="T63" fmla="*/ 2147483647 h 342"/>
              <a:gd name="T64" fmla="*/ 2147483647 w 432"/>
              <a:gd name="T65" fmla="*/ 2147483647 h 342"/>
              <a:gd name="T66" fmla="*/ 2147483647 w 432"/>
              <a:gd name="T67" fmla="*/ 2147483647 h 342"/>
              <a:gd name="T68" fmla="*/ 2147483647 w 432"/>
              <a:gd name="T69" fmla="*/ 2147483647 h 342"/>
              <a:gd name="T70" fmla="*/ 2147483647 w 432"/>
              <a:gd name="T71" fmla="*/ 2147483647 h 342"/>
              <a:gd name="T72" fmla="*/ 2147483647 w 432"/>
              <a:gd name="T73" fmla="*/ 2147483647 h 342"/>
              <a:gd name="T74" fmla="*/ 2147483647 w 432"/>
              <a:gd name="T75" fmla="*/ 2147483647 h 342"/>
              <a:gd name="T76" fmla="*/ 2147483647 w 432"/>
              <a:gd name="T77" fmla="*/ 2147483647 h 342"/>
              <a:gd name="T78" fmla="*/ 2147483647 w 432"/>
              <a:gd name="T79" fmla="*/ 2147483647 h 342"/>
              <a:gd name="T80" fmla="*/ 2147483647 w 432"/>
              <a:gd name="T81" fmla="*/ 2147483647 h 342"/>
              <a:gd name="T82" fmla="*/ 2147483647 w 432"/>
              <a:gd name="T83" fmla="*/ 2147483647 h 342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432" h="342">
                <a:moveTo>
                  <a:pt x="34" y="194"/>
                </a:moveTo>
                <a:lnTo>
                  <a:pt x="26" y="170"/>
                </a:lnTo>
                <a:lnTo>
                  <a:pt x="14" y="150"/>
                </a:lnTo>
                <a:lnTo>
                  <a:pt x="2" y="130"/>
                </a:lnTo>
                <a:lnTo>
                  <a:pt x="4" y="104"/>
                </a:lnTo>
                <a:lnTo>
                  <a:pt x="0" y="94"/>
                </a:lnTo>
                <a:lnTo>
                  <a:pt x="4" y="96"/>
                </a:lnTo>
                <a:lnTo>
                  <a:pt x="10" y="92"/>
                </a:lnTo>
                <a:lnTo>
                  <a:pt x="12" y="88"/>
                </a:lnTo>
                <a:lnTo>
                  <a:pt x="16" y="78"/>
                </a:lnTo>
                <a:lnTo>
                  <a:pt x="36" y="62"/>
                </a:lnTo>
                <a:lnTo>
                  <a:pt x="66" y="42"/>
                </a:lnTo>
                <a:lnTo>
                  <a:pt x="92" y="36"/>
                </a:lnTo>
                <a:lnTo>
                  <a:pt x="112" y="42"/>
                </a:lnTo>
                <a:lnTo>
                  <a:pt x="124" y="32"/>
                </a:lnTo>
                <a:lnTo>
                  <a:pt x="134" y="42"/>
                </a:lnTo>
                <a:lnTo>
                  <a:pt x="146" y="42"/>
                </a:lnTo>
                <a:lnTo>
                  <a:pt x="154" y="32"/>
                </a:lnTo>
                <a:lnTo>
                  <a:pt x="168" y="34"/>
                </a:lnTo>
                <a:lnTo>
                  <a:pt x="182" y="24"/>
                </a:lnTo>
                <a:lnTo>
                  <a:pt x="202" y="24"/>
                </a:lnTo>
                <a:lnTo>
                  <a:pt x="208" y="34"/>
                </a:lnTo>
                <a:lnTo>
                  <a:pt x="222" y="32"/>
                </a:lnTo>
                <a:lnTo>
                  <a:pt x="228" y="24"/>
                </a:lnTo>
                <a:lnTo>
                  <a:pt x="238" y="28"/>
                </a:lnTo>
                <a:lnTo>
                  <a:pt x="248" y="12"/>
                </a:lnTo>
                <a:lnTo>
                  <a:pt x="264" y="0"/>
                </a:lnTo>
                <a:lnTo>
                  <a:pt x="272" y="14"/>
                </a:lnTo>
                <a:lnTo>
                  <a:pt x="282" y="24"/>
                </a:lnTo>
                <a:lnTo>
                  <a:pt x="296" y="28"/>
                </a:lnTo>
                <a:lnTo>
                  <a:pt x="318" y="24"/>
                </a:lnTo>
                <a:lnTo>
                  <a:pt x="328" y="28"/>
                </a:lnTo>
                <a:lnTo>
                  <a:pt x="344" y="38"/>
                </a:lnTo>
                <a:lnTo>
                  <a:pt x="360" y="46"/>
                </a:lnTo>
                <a:lnTo>
                  <a:pt x="374" y="60"/>
                </a:lnTo>
                <a:lnTo>
                  <a:pt x="388" y="70"/>
                </a:lnTo>
                <a:lnTo>
                  <a:pt x="406" y="70"/>
                </a:lnTo>
                <a:lnTo>
                  <a:pt x="404" y="112"/>
                </a:lnTo>
                <a:lnTo>
                  <a:pt x="432" y="114"/>
                </a:lnTo>
                <a:lnTo>
                  <a:pt x="422" y="140"/>
                </a:lnTo>
                <a:lnTo>
                  <a:pt x="408" y="136"/>
                </a:lnTo>
                <a:lnTo>
                  <a:pt x="396" y="146"/>
                </a:lnTo>
                <a:lnTo>
                  <a:pt x="398" y="164"/>
                </a:lnTo>
                <a:lnTo>
                  <a:pt x="380" y="172"/>
                </a:lnTo>
                <a:lnTo>
                  <a:pt x="372" y="186"/>
                </a:lnTo>
                <a:lnTo>
                  <a:pt x="370" y="208"/>
                </a:lnTo>
                <a:lnTo>
                  <a:pt x="378" y="222"/>
                </a:lnTo>
                <a:lnTo>
                  <a:pt x="372" y="232"/>
                </a:lnTo>
                <a:lnTo>
                  <a:pt x="370" y="254"/>
                </a:lnTo>
                <a:lnTo>
                  <a:pt x="386" y="256"/>
                </a:lnTo>
                <a:lnTo>
                  <a:pt x="390" y="266"/>
                </a:lnTo>
                <a:lnTo>
                  <a:pt x="386" y="276"/>
                </a:lnTo>
                <a:lnTo>
                  <a:pt x="372" y="280"/>
                </a:lnTo>
                <a:lnTo>
                  <a:pt x="370" y="266"/>
                </a:lnTo>
                <a:lnTo>
                  <a:pt x="362" y="264"/>
                </a:lnTo>
                <a:lnTo>
                  <a:pt x="358" y="270"/>
                </a:lnTo>
                <a:lnTo>
                  <a:pt x="350" y="274"/>
                </a:lnTo>
                <a:lnTo>
                  <a:pt x="336" y="290"/>
                </a:lnTo>
                <a:lnTo>
                  <a:pt x="326" y="290"/>
                </a:lnTo>
                <a:lnTo>
                  <a:pt x="318" y="296"/>
                </a:lnTo>
                <a:lnTo>
                  <a:pt x="326" y="306"/>
                </a:lnTo>
                <a:lnTo>
                  <a:pt x="324" y="314"/>
                </a:lnTo>
                <a:lnTo>
                  <a:pt x="310" y="314"/>
                </a:lnTo>
                <a:lnTo>
                  <a:pt x="292" y="334"/>
                </a:lnTo>
                <a:lnTo>
                  <a:pt x="278" y="324"/>
                </a:lnTo>
                <a:lnTo>
                  <a:pt x="264" y="328"/>
                </a:lnTo>
                <a:lnTo>
                  <a:pt x="238" y="342"/>
                </a:lnTo>
                <a:lnTo>
                  <a:pt x="226" y="342"/>
                </a:lnTo>
                <a:lnTo>
                  <a:pt x="220" y="318"/>
                </a:lnTo>
                <a:lnTo>
                  <a:pt x="206" y="302"/>
                </a:lnTo>
                <a:lnTo>
                  <a:pt x="194" y="300"/>
                </a:lnTo>
                <a:lnTo>
                  <a:pt x="174" y="288"/>
                </a:lnTo>
                <a:lnTo>
                  <a:pt x="164" y="290"/>
                </a:lnTo>
                <a:lnTo>
                  <a:pt x="152" y="280"/>
                </a:lnTo>
                <a:lnTo>
                  <a:pt x="154" y="250"/>
                </a:lnTo>
                <a:lnTo>
                  <a:pt x="160" y="236"/>
                </a:lnTo>
                <a:lnTo>
                  <a:pt x="150" y="226"/>
                </a:lnTo>
                <a:lnTo>
                  <a:pt x="138" y="216"/>
                </a:lnTo>
                <a:lnTo>
                  <a:pt x="130" y="212"/>
                </a:lnTo>
                <a:lnTo>
                  <a:pt x="108" y="212"/>
                </a:lnTo>
                <a:lnTo>
                  <a:pt x="94" y="218"/>
                </a:lnTo>
                <a:lnTo>
                  <a:pt x="68" y="210"/>
                </a:lnTo>
                <a:lnTo>
                  <a:pt x="44" y="200"/>
                </a:lnTo>
                <a:lnTo>
                  <a:pt x="34" y="19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43" name="Freeform 56"/>
          <p:cNvSpPr>
            <a:spLocks/>
          </p:cNvSpPr>
          <p:nvPr/>
        </p:nvSpPr>
        <p:spPr bwMode="auto">
          <a:xfrm>
            <a:off x="6210300" y="2522538"/>
            <a:ext cx="666750" cy="393700"/>
          </a:xfrm>
          <a:custGeom>
            <a:avLst/>
            <a:gdLst>
              <a:gd name="T0" fmla="*/ 2147483647 w 516"/>
              <a:gd name="T1" fmla="*/ 2147483647 h 304"/>
              <a:gd name="T2" fmla="*/ 2147483647 w 516"/>
              <a:gd name="T3" fmla="*/ 2147483647 h 304"/>
              <a:gd name="T4" fmla="*/ 2147483647 w 516"/>
              <a:gd name="T5" fmla="*/ 2147483647 h 304"/>
              <a:gd name="T6" fmla="*/ 2147483647 w 516"/>
              <a:gd name="T7" fmla="*/ 2147483647 h 304"/>
              <a:gd name="T8" fmla="*/ 2147483647 w 516"/>
              <a:gd name="T9" fmla="*/ 2147483647 h 304"/>
              <a:gd name="T10" fmla="*/ 2147483647 w 516"/>
              <a:gd name="T11" fmla="*/ 2147483647 h 304"/>
              <a:gd name="T12" fmla="*/ 2147483647 w 516"/>
              <a:gd name="T13" fmla="*/ 2147483647 h 304"/>
              <a:gd name="T14" fmla="*/ 2147483647 w 516"/>
              <a:gd name="T15" fmla="*/ 2147483647 h 304"/>
              <a:gd name="T16" fmla="*/ 2147483647 w 516"/>
              <a:gd name="T17" fmla="*/ 2147483647 h 304"/>
              <a:gd name="T18" fmla="*/ 2147483647 w 516"/>
              <a:gd name="T19" fmla="*/ 2147483647 h 304"/>
              <a:gd name="T20" fmla="*/ 2147483647 w 516"/>
              <a:gd name="T21" fmla="*/ 2147483647 h 304"/>
              <a:gd name="T22" fmla="*/ 2147483647 w 516"/>
              <a:gd name="T23" fmla="*/ 0 h 304"/>
              <a:gd name="T24" fmla="*/ 2147483647 w 516"/>
              <a:gd name="T25" fmla="*/ 0 h 304"/>
              <a:gd name="T26" fmla="*/ 2147483647 w 516"/>
              <a:gd name="T27" fmla="*/ 2147483647 h 304"/>
              <a:gd name="T28" fmla="*/ 2147483647 w 516"/>
              <a:gd name="T29" fmla="*/ 2147483647 h 304"/>
              <a:gd name="T30" fmla="*/ 2147483647 w 516"/>
              <a:gd name="T31" fmla="*/ 2147483647 h 304"/>
              <a:gd name="T32" fmla="*/ 2147483647 w 516"/>
              <a:gd name="T33" fmla="*/ 2147483647 h 304"/>
              <a:gd name="T34" fmla="*/ 2147483647 w 516"/>
              <a:gd name="T35" fmla="*/ 2147483647 h 304"/>
              <a:gd name="T36" fmla="*/ 2147483647 w 516"/>
              <a:gd name="T37" fmla="*/ 2147483647 h 304"/>
              <a:gd name="T38" fmla="*/ 2147483647 w 516"/>
              <a:gd name="T39" fmla="*/ 2147483647 h 304"/>
              <a:gd name="T40" fmla="*/ 2147483647 w 516"/>
              <a:gd name="T41" fmla="*/ 2147483647 h 304"/>
              <a:gd name="T42" fmla="*/ 2147483647 w 516"/>
              <a:gd name="T43" fmla="*/ 2147483647 h 304"/>
              <a:gd name="T44" fmla="*/ 2147483647 w 516"/>
              <a:gd name="T45" fmla="*/ 2147483647 h 304"/>
              <a:gd name="T46" fmla="*/ 2147483647 w 516"/>
              <a:gd name="T47" fmla="*/ 2147483647 h 304"/>
              <a:gd name="T48" fmla="*/ 2147483647 w 516"/>
              <a:gd name="T49" fmla="*/ 2147483647 h 304"/>
              <a:gd name="T50" fmla="*/ 2147483647 w 516"/>
              <a:gd name="T51" fmla="*/ 2147483647 h 304"/>
              <a:gd name="T52" fmla="*/ 2147483647 w 516"/>
              <a:gd name="T53" fmla="*/ 2147483647 h 304"/>
              <a:gd name="T54" fmla="*/ 2147483647 w 516"/>
              <a:gd name="T55" fmla="*/ 2147483647 h 304"/>
              <a:gd name="T56" fmla="*/ 2147483647 w 516"/>
              <a:gd name="T57" fmla="*/ 2147483647 h 304"/>
              <a:gd name="T58" fmla="*/ 2147483647 w 516"/>
              <a:gd name="T59" fmla="*/ 2147483647 h 304"/>
              <a:gd name="T60" fmla="*/ 2147483647 w 516"/>
              <a:gd name="T61" fmla="*/ 2147483647 h 304"/>
              <a:gd name="T62" fmla="*/ 2147483647 w 516"/>
              <a:gd name="T63" fmla="*/ 2147483647 h 304"/>
              <a:gd name="T64" fmla="*/ 2147483647 w 516"/>
              <a:gd name="T65" fmla="*/ 2147483647 h 304"/>
              <a:gd name="T66" fmla="*/ 2147483647 w 516"/>
              <a:gd name="T67" fmla="*/ 2147483647 h 304"/>
              <a:gd name="T68" fmla="*/ 2147483647 w 516"/>
              <a:gd name="T69" fmla="*/ 2147483647 h 304"/>
              <a:gd name="T70" fmla="*/ 2147483647 w 516"/>
              <a:gd name="T71" fmla="*/ 2147483647 h 304"/>
              <a:gd name="T72" fmla="*/ 2147483647 w 516"/>
              <a:gd name="T73" fmla="*/ 2147483647 h 304"/>
              <a:gd name="T74" fmla="*/ 2147483647 w 516"/>
              <a:gd name="T75" fmla="*/ 2147483647 h 304"/>
              <a:gd name="T76" fmla="*/ 2147483647 w 516"/>
              <a:gd name="T77" fmla="*/ 2147483647 h 304"/>
              <a:gd name="T78" fmla="*/ 2147483647 w 516"/>
              <a:gd name="T79" fmla="*/ 2147483647 h 304"/>
              <a:gd name="T80" fmla="*/ 2147483647 w 516"/>
              <a:gd name="T81" fmla="*/ 2147483647 h 304"/>
              <a:gd name="T82" fmla="*/ 2147483647 w 516"/>
              <a:gd name="T83" fmla="*/ 2147483647 h 304"/>
              <a:gd name="T84" fmla="*/ 2147483647 w 516"/>
              <a:gd name="T85" fmla="*/ 2147483647 h 304"/>
              <a:gd name="T86" fmla="*/ 2147483647 w 516"/>
              <a:gd name="T87" fmla="*/ 2147483647 h 304"/>
              <a:gd name="T88" fmla="*/ 2147483647 w 516"/>
              <a:gd name="T89" fmla="*/ 2147483647 h 304"/>
              <a:gd name="T90" fmla="*/ 2147483647 w 516"/>
              <a:gd name="T91" fmla="*/ 2147483647 h 304"/>
              <a:gd name="T92" fmla="*/ 2147483647 w 516"/>
              <a:gd name="T93" fmla="*/ 2147483647 h 304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0" t="0" r="r" b="b"/>
            <a:pathLst>
              <a:path w="516" h="304">
                <a:moveTo>
                  <a:pt x="2" y="204"/>
                </a:moveTo>
                <a:lnTo>
                  <a:pt x="20" y="184"/>
                </a:lnTo>
                <a:lnTo>
                  <a:pt x="20" y="168"/>
                </a:lnTo>
                <a:lnTo>
                  <a:pt x="16" y="148"/>
                </a:lnTo>
                <a:lnTo>
                  <a:pt x="24" y="122"/>
                </a:lnTo>
                <a:lnTo>
                  <a:pt x="32" y="106"/>
                </a:lnTo>
                <a:lnTo>
                  <a:pt x="48" y="102"/>
                </a:lnTo>
                <a:lnTo>
                  <a:pt x="66" y="86"/>
                </a:lnTo>
                <a:lnTo>
                  <a:pt x="84" y="74"/>
                </a:lnTo>
                <a:lnTo>
                  <a:pt x="88" y="88"/>
                </a:lnTo>
                <a:lnTo>
                  <a:pt x="110" y="102"/>
                </a:lnTo>
                <a:lnTo>
                  <a:pt x="122" y="114"/>
                </a:lnTo>
                <a:lnTo>
                  <a:pt x="136" y="124"/>
                </a:lnTo>
                <a:lnTo>
                  <a:pt x="146" y="142"/>
                </a:lnTo>
                <a:lnTo>
                  <a:pt x="158" y="156"/>
                </a:lnTo>
                <a:lnTo>
                  <a:pt x="188" y="162"/>
                </a:lnTo>
                <a:lnTo>
                  <a:pt x="204" y="142"/>
                </a:lnTo>
                <a:lnTo>
                  <a:pt x="220" y="122"/>
                </a:lnTo>
                <a:lnTo>
                  <a:pt x="218" y="88"/>
                </a:lnTo>
                <a:lnTo>
                  <a:pt x="210" y="66"/>
                </a:lnTo>
                <a:lnTo>
                  <a:pt x="200" y="46"/>
                </a:lnTo>
                <a:lnTo>
                  <a:pt x="202" y="36"/>
                </a:lnTo>
                <a:lnTo>
                  <a:pt x="218" y="22"/>
                </a:lnTo>
                <a:lnTo>
                  <a:pt x="246" y="0"/>
                </a:lnTo>
                <a:lnTo>
                  <a:pt x="258" y="4"/>
                </a:lnTo>
                <a:lnTo>
                  <a:pt x="268" y="0"/>
                </a:lnTo>
                <a:lnTo>
                  <a:pt x="288" y="12"/>
                </a:lnTo>
                <a:lnTo>
                  <a:pt x="304" y="16"/>
                </a:lnTo>
                <a:lnTo>
                  <a:pt x="318" y="16"/>
                </a:lnTo>
                <a:lnTo>
                  <a:pt x="340" y="42"/>
                </a:lnTo>
                <a:lnTo>
                  <a:pt x="354" y="42"/>
                </a:lnTo>
                <a:lnTo>
                  <a:pt x="360" y="48"/>
                </a:lnTo>
                <a:lnTo>
                  <a:pt x="366" y="46"/>
                </a:lnTo>
                <a:lnTo>
                  <a:pt x="382" y="32"/>
                </a:lnTo>
                <a:lnTo>
                  <a:pt x="400" y="34"/>
                </a:lnTo>
                <a:lnTo>
                  <a:pt x="414" y="32"/>
                </a:lnTo>
                <a:lnTo>
                  <a:pt x="430" y="34"/>
                </a:lnTo>
                <a:lnTo>
                  <a:pt x="432" y="42"/>
                </a:lnTo>
                <a:lnTo>
                  <a:pt x="450" y="50"/>
                </a:lnTo>
                <a:lnTo>
                  <a:pt x="462" y="60"/>
                </a:lnTo>
                <a:lnTo>
                  <a:pt x="462" y="70"/>
                </a:lnTo>
                <a:lnTo>
                  <a:pt x="456" y="78"/>
                </a:lnTo>
                <a:lnTo>
                  <a:pt x="462" y="86"/>
                </a:lnTo>
                <a:lnTo>
                  <a:pt x="460" y="106"/>
                </a:lnTo>
                <a:lnTo>
                  <a:pt x="476" y="108"/>
                </a:lnTo>
                <a:lnTo>
                  <a:pt x="480" y="122"/>
                </a:lnTo>
                <a:lnTo>
                  <a:pt x="494" y="138"/>
                </a:lnTo>
                <a:lnTo>
                  <a:pt x="508" y="158"/>
                </a:lnTo>
                <a:lnTo>
                  <a:pt x="516" y="170"/>
                </a:lnTo>
                <a:lnTo>
                  <a:pt x="516" y="192"/>
                </a:lnTo>
                <a:lnTo>
                  <a:pt x="506" y="194"/>
                </a:lnTo>
                <a:lnTo>
                  <a:pt x="490" y="222"/>
                </a:lnTo>
                <a:lnTo>
                  <a:pt x="488" y="250"/>
                </a:lnTo>
                <a:lnTo>
                  <a:pt x="462" y="254"/>
                </a:lnTo>
                <a:lnTo>
                  <a:pt x="448" y="250"/>
                </a:lnTo>
                <a:lnTo>
                  <a:pt x="438" y="260"/>
                </a:lnTo>
                <a:lnTo>
                  <a:pt x="438" y="270"/>
                </a:lnTo>
                <a:lnTo>
                  <a:pt x="420" y="278"/>
                </a:lnTo>
                <a:lnTo>
                  <a:pt x="402" y="278"/>
                </a:lnTo>
                <a:lnTo>
                  <a:pt x="388" y="268"/>
                </a:lnTo>
                <a:lnTo>
                  <a:pt x="374" y="254"/>
                </a:lnTo>
                <a:lnTo>
                  <a:pt x="358" y="248"/>
                </a:lnTo>
                <a:lnTo>
                  <a:pt x="342" y="236"/>
                </a:lnTo>
                <a:lnTo>
                  <a:pt x="332" y="232"/>
                </a:lnTo>
                <a:lnTo>
                  <a:pt x="310" y="236"/>
                </a:lnTo>
                <a:lnTo>
                  <a:pt x="296" y="232"/>
                </a:lnTo>
                <a:lnTo>
                  <a:pt x="288" y="224"/>
                </a:lnTo>
                <a:lnTo>
                  <a:pt x="278" y="208"/>
                </a:lnTo>
                <a:lnTo>
                  <a:pt x="262" y="220"/>
                </a:lnTo>
                <a:lnTo>
                  <a:pt x="252" y="236"/>
                </a:lnTo>
                <a:lnTo>
                  <a:pt x="242" y="232"/>
                </a:lnTo>
                <a:lnTo>
                  <a:pt x="236" y="240"/>
                </a:lnTo>
                <a:lnTo>
                  <a:pt x="222" y="242"/>
                </a:lnTo>
                <a:lnTo>
                  <a:pt x="216" y="232"/>
                </a:lnTo>
                <a:lnTo>
                  <a:pt x="196" y="232"/>
                </a:lnTo>
                <a:lnTo>
                  <a:pt x="182" y="242"/>
                </a:lnTo>
                <a:lnTo>
                  <a:pt x="168" y="240"/>
                </a:lnTo>
                <a:lnTo>
                  <a:pt x="160" y="250"/>
                </a:lnTo>
                <a:lnTo>
                  <a:pt x="148" y="250"/>
                </a:lnTo>
                <a:lnTo>
                  <a:pt x="138" y="240"/>
                </a:lnTo>
                <a:lnTo>
                  <a:pt x="130" y="248"/>
                </a:lnTo>
                <a:lnTo>
                  <a:pt x="126" y="250"/>
                </a:lnTo>
                <a:lnTo>
                  <a:pt x="106" y="244"/>
                </a:lnTo>
                <a:lnTo>
                  <a:pt x="80" y="250"/>
                </a:lnTo>
                <a:lnTo>
                  <a:pt x="48" y="270"/>
                </a:lnTo>
                <a:lnTo>
                  <a:pt x="30" y="286"/>
                </a:lnTo>
                <a:lnTo>
                  <a:pt x="26" y="296"/>
                </a:lnTo>
                <a:lnTo>
                  <a:pt x="24" y="300"/>
                </a:lnTo>
                <a:lnTo>
                  <a:pt x="18" y="304"/>
                </a:lnTo>
                <a:lnTo>
                  <a:pt x="14" y="302"/>
                </a:lnTo>
                <a:lnTo>
                  <a:pt x="4" y="288"/>
                </a:lnTo>
                <a:lnTo>
                  <a:pt x="4" y="258"/>
                </a:lnTo>
                <a:lnTo>
                  <a:pt x="0" y="222"/>
                </a:lnTo>
                <a:lnTo>
                  <a:pt x="2" y="20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44" name="Freeform 57"/>
          <p:cNvSpPr>
            <a:spLocks/>
          </p:cNvSpPr>
          <p:nvPr/>
        </p:nvSpPr>
        <p:spPr bwMode="auto">
          <a:xfrm>
            <a:off x="6237288" y="2459038"/>
            <a:ext cx="127000" cy="141287"/>
          </a:xfrm>
          <a:custGeom>
            <a:avLst/>
            <a:gdLst>
              <a:gd name="T0" fmla="*/ 2147483647 w 98"/>
              <a:gd name="T1" fmla="*/ 2147483647 h 110"/>
              <a:gd name="T2" fmla="*/ 2147483647 w 98"/>
              <a:gd name="T3" fmla="*/ 2147483647 h 110"/>
              <a:gd name="T4" fmla="*/ 2147483647 w 98"/>
              <a:gd name="T5" fmla="*/ 2147483647 h 110"/>
              <a:gd name="T6" fmla="*/ 2147483647 w 98"/>
              <a:gd name="T7" fmla="*/ 2147483647 h 110"/>
              <a:gd name="T8" fmla="*/ 2147483647 w 98"/>
              <a:gd name="T9" fmla="*/ 2147483647 h 110"/>
              <a:gd name="T10" fmla="*/ 2147483647 w 98"/>
              <a:gd name="T11" fmla="*/ 2147483647 h 110"/>
              <a:gd name="T12" fmla="*/ 2147483647 w 98"/>
              <a:gd name="T13" fmla="*/ 2147483647 h 110"/>
              <a:gd name="T14" fmla="*/ 2147483647 w 98"/>
              <a:gd name="T15" fmla="*/ 2147483647 h 110"/>
              <a:gd name="T16" fmla="*/ 2147483647 w 98"/>
              <a:gd name="T17" fmla="*/ 2147483647 h 110"/>
              <a:gd name="T18" fmla="*/ 2147483647 w 98"/>
              <a:gd name="T19" fmla="*/ 2147483647 h 110"/>
              <a:gd name="T20" fmla="*/ 2147483647 w 98"/>
              <a:gd name="T21" fmla="*/ 2147483647 h 110"/>
              <a:gd name="T22" fmla="*/ 2147483647 w 98"/>
              <a:gd name="T23" fmla="*/ 2147483647 h 110"/>
              <a:gd name="T24" fmla="*/ 2147483647 w 98"/>
              <a:gd name="T25" fmla="*/ 2147483647 h 110"/>
              <a:gd name="T26" fmla="*/ 2147483647 w 98"/>
              <a:gd name="T27" fmla="*/ 2147483647 h 110"/>
              <a:gd name="T28" fmla="*/ 2147483647 w 98"/>
              <a:gd name="T29" fmla="*/ 2147483647 h 110"/>
              <a:gd name="T30" fmla="*/ 0 w 98"/>
              <a:gd name="T31" fmla="*/ 2147483647 h 110"/>
              <a:gd name="T32" fmla="*/ 2147483647 w 98"/>
              <a:gd name="T33" fmla="*/ 2147483647 h 110"/>
              <a:gd name="T34" fmla="*/ 2147483647 w 98"/>
              <a:gd name="T35" fmla="*/ 2147483647 h 110"/>
              <a:gd name="T36" fmla="*/ 2147483647 w 98"/>
              <a:gd name="T37" fmla="*/ 2147483647 h 110"/>
              <a:gd name="T38" fmla="*/ 2147483647 w 98"/>
              <a:gd name="T39" fmla="*/ 2147483647 h 110"/>
              <a:gd name="T40" fmla="*/ 2147483647 w 98"/>
              <a:gd name="T41" fmla="*/ 2147483647 h 110"/>
              <a:gd name="T42" fmla="*/ 2147483647 w 98"/>
              <a:gd name="T43" fmla="*/ 2147483647 h 110"/>
              <a:gd name="T44" fmla="*/ 2147483647 w 98"/>
              <a:gd name="T45" fmla="*/ 2147483647 h 110"/>
              <a:gd name="T46" fmla="*/ 2147483647 w 98"/>
              <a:gd name="T47" fmla="*/ 2147483647 h 110"/>
              <a:gd name="T48" fmla="*/ 2147483647 w 98"/>
              <a:gd name="T49" fmla="*/ 2147483647 h 110"/>
              <a:gd name="T50" fmla="*/ 2147483647 w 98"/>
              <a:gd name="T51" fmla="*/ 0 h 110"/>
              <a:gd name="T52" fmla="*/ 2147483647 w 98"/>
              <a:gd name="T53" fmla="*/ 2147483647 h 110"/>
              <a:gd name="T54" fmla="*/ 2147483647 w 98"/>
              <a:gd name="T55" fmla="*/ 2147483647 h 110"/>
              <a:gd name="T56" fmla="*/ 2147483647 w 98"/>
              <a:gd name="T57" fmla="*/ 2147483647 h 110"/>
              <a:gd name="T58" fmla="*/ 2147483647 w 98"/>
              <a:gd name="T59" fmla="*/ 2147483647 h 110"/>
              <a:gd name="T60" fmla="*/ 2147483647 w 98"/>
              <a:gd name="T61" fmla="*/ 2147483647 h 110"/>
              <a:gd name="T62" fmla="*/ 2147483647 w 98"/>
              <a:gd name="T63" fmla="*/ 2147483647 h 110"/>
              <a:gd name="T64" fmla="*/ 2147483647 w 98"/>
              <a:gd name="T65" fmla="*/ 2147483647 h 110"/>
              <a:gd name="T66" fmla="*/ 2147483647 w 98"/>
              <a:gd name="T67" fmla="*/ 2147483647 h 110"/>
              <a:gd name="T68" fmla="*/ 2147483647 w 98"/>
              <a:gd name="T69" fmla="*/ 2147483647 h 110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0" t="0" r="r" b="b"/>
            <a:pathLst>
              <a:path w="98" h="110">
                <a:moveTo>
                  <a:pt x="62" y="62"/>
                </a:moveTo>
                <a:lnTo>
                  <a:pt x="38" y="66"/>
                </a:lnTo>
                <a:lnTo>
                  <a:pt x="32" y="74"/>
                </a:lnTo>
                <a:lnTo>
                  <a:pt x="32" y="84"/>
                </a:lnTo>
                <a:lnTo>
                  <a:pt x="32" y="98"/>
                </a:lnTo>
                <a:lnTo>
                  <a:pt x="22" y="110"/>
                </a:lnTo>
                <a:lnTo>
                  <a:pt x="16" y="104"/>
                </a:lnTo>
                <a:lnTo>
                  <a:pt x="18" y="92"/>
                </a:lnTo>
                <a:lnTo>
                  <a:pt x="22" y="84"/>
                </a:lnTo>
                <a:lnTo>
                  <a:pt x="20" y="76"/>
                </a:lnTo>
                <a:lnTo>
                  <a:pt x="12" y="70"/>
                </a:lnTo>
                <a:lnTo>
                  <a:pt x="6" y="68"/>
                </a:lnTo>
                <a:lnTo>
                  <a:pt x="6" y="58"/>
                </a:lnTo>
                <a:lnTo>
                  <a:pt x="8" y="50"/>
                </a:lnTo>
                <a:lnTo>
                  <a:pt x="4" y="46"/>
                </a:lnTo>
                <a:lnTo>
                  <a:pt x="0" y="40"/>
                </a:lnTo>
                <a:lnTo>
                  <a:pt x="4" y="32"/>
                </a:lnTo>
                <a:lnTo>
                  <a:pt x="12" y="40"/>
                </a:lnTo>
                <a:lnTo>
                  <a:pt x="18" y="34"/>
                </a:lnTo>
                <a:lnTo>
                  <a:pt x="28" y="22"/>
                </a:lnTo>
                <a:lnTo>
                  <a:pt x="46" y="14"/>
                </a:lnTo>
                <a:lnTo>
                  <a:pt x="60" y="14"/>
                </a:lnTo>
                <a:lnTo>
                  <a:pt x="72" y="12"/>
                </a:lnTo>
                <a:lnTo>
                  <a:pt x="78" y="12"/>
                </a:lnTo>
                <a:lnTo>
                  <a:pt x="78" y="2"/>
                </a:lnTo>
                <a:lnTo>
                  <a:pt x="88" y="0"/>
                </a:lnTo>
                <a:lnTo>
                  <a:pt x="94" y="4"/>
                </a:lnTo>
                <a:lnTo>
                  <a:pt x="98" y="14"/>
                </a:lnTo>
                <a:lnTo>
                  <a:pt x="90" y="16"/>
                </a:lnTo>
                <a:lnTo>
                  <a:pt x="80" y="18"/>
                </a:lnTo>
                <a:lnTo>
                  <a:pt x="80" y="24"/>
                </a:lnTo>
                <a:lnTo>
                  <a:pt x="82" y="36"/>
                </a:lnTo>
                <a:lnTo>
                  <a:pt x="76" y="44"/>
                </a:lnTo>
                <a:lnTo>
                  <a:pt x="70" y="52"/>
                </a:lnTo>
                <a:lnTo>
                  <a:pt x="62" y="6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45" name="Freeform 58"/>
          <p:cNvSpPr>
            <a:spLocks/>
          </p:cNvSpPr>
          <p:nvPr/>
        </p:nvSpPr>
        <p:spPr bwMode="auto">
          <a:xfrm>
            <a:off x="6240463" y="2395538"/>
            <a:ext cx="82550" cy="71437"/>
          </a:xfrm>
          <a:custGeom>
            <a:avLst/>
            <a:gdLst>
              <a:gd name="T0" fmla="*/ 2147483647 w 64"/>
              <a:gd name="T1" fmla="*/ 2147483647 h 54"/>
              <a:gd name="T2" fmla="*/ 2147483647 w 64"/>
              <a:gd name="T3" fmla="*/ 2147483647 h 54"/>
              <a:gd name="T4" fmla="*/ 2147483647 w 64"/>
              <a:gd name="T5" fmla="*/ 2147483647 h 54"/>
              <a:gd name="T6" fmla="*/ 2147483647 w 64"/>
              <a:gd name="T7" fmla="*/ 2147483647 h 54"/>
              <a:gd name="T8" fmla="*/ 2147483647 w 64"/>
              <a:gd name="T9" fmla="*/ 2147483647 h 54"/>
              <a:gd name="T10" fmla="*/ 2147483647 w 64"/>
              <a:gd name="T11" fmla="*/ 2147483647 h 54"/>
              <a:gd name="T12" fmla="*/ 2147483647 w 64"/>
              <a:gd name="T13" fmla="*/ 2147483647 h 54"/>
              <a:gd name="T14" fmla="*/ 2147483647 w 64"/>
              <a:gd name="T15" fmla="*/ 2147483647 h 54"/>
              <a:gd name="T16" fmla="*/ 2147483647 w 64"/>
              <a:gd name="T17" fmla="*/ 2147483647 h 54"/>
              <a:gd name="T18" fmla="*/ 2147483647 w 64"/>
              <a:gd name="T19" fmla="*/ 2147483647 h 54"/>
              <a:gd name="T20" fmla="*/ 0 w 64"/>
              <a:gd name="T21" fmla="*/ 2147483647 h 54"/>
              <a:gd name="T22" fmla="*/ 2147483647 w 64"/>
              <a:gd name="T23" fmla="*/ 2147483647 h 54"/>
              <a:gd name="T24" fmla="*/ 2147483647 w 64"/>
              <a:gd name="T25" fmla="*/ 2147483647 h 54"/>
              <a:gd name="T26" fmla="*/ 2147483647 w 64"/>
              <a:gd name="T27" fmla="*/ 2147483647 h 54"/>
              <a:gd name="T28" fmla="*/ 2147483647 w 64"/>
              <a:gd name="T29" fmla="*/ 2147483647 h 54"/>
              <a:gd name="T30" fmla="*/ 2147483647 w 64"/>
              <a:gd name="T31" fmla="*/ 0 h 54"/>
              <a:gd name="T32" fmla="*/ 2147483647 w 64"/>
              <a:gd name="T33" fmla="*/ 2147483647 h 54"/>
              <a:gd name="T34" fmla="*/ 2147483647 w 64"/>
              <a:gd name="T35" fmla="*/ 2147483647 h 54"/>
              <a:gd name="T36" fmla="*/ 2147483647 w 64"/>
              <a:gd name="T37" fmla="*/ 2147483647 h 54"/>
              <a:gd name="T38" fmla="*/ 2147483647 w 64"/>
              <a:gd name="T39" fmla="*/ 2147483647 h 54"/>
              <a:gd name="T40" fmla="*/ 2147483647 w 64"/>
              <a:gd name="T41" fmla="*/ 2147483647 h 54"/>
              <a:gd name="T42" fmla="*/ 2147483647 w 64"/>
              <a:gd name="T43" fmla="*/ 2147483647 h 54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0" t="0" r="r" b="b"/>
            <a:pathLst>
              <a:path w="64" h="54">
                <a:moveTo>
                  <a:pt x="58" y="38"/>
                </a:moveTo>
                <a:lnTo>
                  <a:pt x="48" y="38"/>
                </a:lnTo>
                <a:lnTo>
                  <a:pt x="44" y="42"/>
                </a:lnTo>
                <a:lnTo>
                  <a:pt x="46" y="50"/>
                </a:lnTo>
                <a:lnTo>
                  <a:pt x="42" y="54"/>
                </a:lnTo>
                <a:lnTo>
                  <a:pt x="30" y="52"/>
                </a:lnTo>
                <a:lnTo>
                  <a:pt x="30" y="42"/>
                </a:lnTo>
                <a:lnTo>
                  <a:pt x="22" y="32"/>
                </a:lnTo>
                <a:lnTo>
                  <a:pt x="14" y="34"/>
                </a:lnTo>
                <a:lnTo>
                  <a:pt x="6" y="34"/>
                </a:lnTo>
                <a:lnTo>
                  <a:pt x="0" y="28"/>
                </a:lnTo>
                <a:lnTo>
                  <a:pt x="8" y="22"/>
                </a:lnTo>
                <a:lnTo>
                  <a:pt x="20" y="20"/>
                </a:lnTo>
                <a:lnTo>
                  <a:pt x="28" y="16"/>
                </a:lnTo>
                <a:lnTo>
                  <a:pt x="30" y="8"/>
                </a:lnTo>
                <a:lnTo>
                  <a:pt x="34" y="0"/>
                </a:lnTo>
                <a:lnTo>
                  <a:pt x="40" y="10"/>
                </a:lnTo>
                <a:lnTo>
                  <a:pt x="50" y="10"/>
                </a:lnTo>
                <a:lnTo>
                  <a:pt x="56" y="14"/>
                </a:lnTo>
                <a:lnTo>
                  <a:pt x="64" y="24"/>
                </a:lnTo>
                <a:lnTo>
                  <a:pt x="62" y="30"/>
                </a:lnTo>
                <a:lnTo>
                  <a:pt x="58" y="3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46" name="Freeform 59"/>
          <p:cNvSpPr>
            <a:spLocks/>
          </p:cNvSpPr>
          <p:nvPr/>
        </p:nvSpPr>
        <p:spPr bwMode="auto">
          <a:xfrm>
            <a:off x="6329363" y="2238375"/>
            <a:ext cx="447675" cy="347663"/>
          </a:xfrm>
          <a:custGeom>
            <a:avLst/>
            <a:gdLst>
              <a:gd name="T0" fmla="*/ 2147483647 w 346"/>
              <a:gd name="T1" fmla="*/ 2147483647 h 268"/>
              <a:gd name="T2" fmla="*/ 2147483647 w 346"/>
              <a:gd name="T3" fmla="*/ 2147483647 h 268"/>
              <a:gd name="T4" fmla="*/ 2147483647 w 346"/>
              <a:gd name="T5" fmla="*/ 2147483647 h 268"/>
              <a:gd name="T6" fmla="*/ 2147483647 w 346"/>
              <a:gd name="T7" fmla="*/ 2147483647 h 268"/>
              <a:gd name="T8" fmla="*/ 2147483647 w 346"/>
              <a:gd name="T9" fmla="*/ 2147483647 h 268"/>
              <a:gd name="T10" fmla="*/ 2147483647 w 346"/>
              <a:gd name="T11" fmla="*/ 2147483647 h 268"/>
              <a:gd name="T12" fmla="*/ 2147483647 w 346"/>
              <a:gd name="T13" fmla="*/ 2147483647 h 268"/>
              <a:gd name="T14" fmla="*/ 2147483647 w 346"/>
              <a:gd name="T15" fmla="*/ 2147483647 h 268"/>
              <a:gd name="T16" fmla="*/ 2147483647 w 346"/>
              <a:gd name="T17" fmla="*/ 2147483647 h 268"/>
              <a:gd name="T18" fmla="*/ 2147483647 w 346"/>
              <a:gd name="T19" fmla="*/ 2147483647 h 268"/>
              <a:gd name="T20" fmla="*/ 2147483647 w 346"/>
              <a:gd name="T21" fmla="*/ 2147483647 h 268"/>
              <a:gd name="T22" fmla="*/ 2147483647 w 346"/>
              <a:gd name="T23" fmla="*/ 2147483647 h 268"/>
              <a:gd name="T24" fmla="*/ 2147483647 w 346"/>
              <a:gd name="T25" fmla="*/ 2147483647 h 268"/>
              <a:gd name="T26" fmla="*/ 2147483647 w 346"/>
              <a:gd name="T27" fmla="*/ 2147483647 h 268"/>
              <a:gd name="T28" fmla="*/ 2147483647 w 346"/>
              <a:gd name="T29" fmla="*/ 2147483647 h 268"/>
              <a:gd name="T30" fmla="*/ 2147483647 w 346"/>
              <a:gd name="T31" fmla="*/ 0 h 268"/>
              <a:gd name="T32" fmla="*/ 2147483647 w 346"/>
              <a:gd name="T33" fmla="*/ 2147483647 h 268"/>
              <a:gd name="T34" fmla="*/ 2147483647 w 346"/>
              <a:gd name="T35" fmla="*/ 2147483647 h 268"/>
              <a:gd name="T36" fmla="*/ 2147483647 w 346"/>
              <a:gd name="T37" fmla="*/ 2147483647 h 268"/>
              <a:gd name="T38" fmla="*/ 2147483647 w 346"/>
              <a:gd name="T39" fmla="*/ 2147483647 h 268"/>
              <a:gd name="T40" fmla="*/ 2147483647 w 346"/>
              <a:gd name="T41" fmla="*/ 2147483647 h 268"/>
              <a:gd name="T42" fmla="*/ 2147483647 w 346"/>
              <a:gd name="T43" fmla="*/ 2147483647 h 268"/>
              <a:gd name="T44" fmla="*/ 2147483647 w 346"/>
              <a:gd name="T45" fmla="*/ 2147483647 h 268"/>
              <a:gd name="T46" fmla="*/ 2147483647 w 346"/>
              <a:gd name="T47" fmla="*/ 2147483647 h 268"/>
              <a:gd name="T48" fmla="*/ 2147483647 w 346"/>
              <a:gd name="T49" fmla="*/ 2147483647 h 268"/>
              <a:gd name="T50" fmla="*/ 2147483647 w 346"/>
              <a:gd name="T51" fmla="*/ 2147483647 h 268"/>
              <a:gd name="T52" fmla="*/ 2147483647 w 346"/>
              <a:gd name="T53" fmla="*/ 2147483647 h 268"/>
              <a:gd name="T54" fmla="*/ 2147483647 w 346"/>
              <a:gd name="T55" fmla="*/ 2147483647 h 268"/>
              <a:gd name="T56" fmla="*/ 2147483647 w 346"/>
              <a:gd name="T57" fmla="*/ 2147483647 h 268"/>
              <a:gd name="T58" fmla="*/ 2147483647 w 346"/>
              <a:gd name="T59" fmla="*/ 2147483647 h 268"/>
              <a:gd name="T60" fmla="*/ 2147483647 w 346"/>
              <a:gd name="T61" fmla="*/ 2147483647 h 268"/>
              <a:gd name="T62" fmla="*/ 2147483647 w 346"/>
              <a:gd name="T63" fmla="*/ 2147483647 h 268"/>
              <a:gd name="T64" fmla="*/ 2147483647 w 346"/>
              <a:gd name="T65" fmla="*/ 2147483647 h 268"/>
              <a:gd name="T66" fmla="*/ 2147483647 w 346"/>
              <a:gd name="T67" fmla="*/ 2147483647 h 268"/>
              <a:gd name="T68" fmla="*/ 2147483647 w 346"/>
              <a:gd name="T69" fmla="*/ 2147483647 h 268"/>
              <a:gd name="T70" fmla="*/ 2147483647 w 346"/>
              <a:gd name="T71" fmla="*/ 2147483647 h 268"/>
              <a:gd name="T72" fmla="*/ 2147483647 w 346"/>
              <a:gd name="T73" fmla="*/ 2147483647 h 268"/>
              <a:gd name="T74" fmla="*/ 2147483647 w 346"/>
              <a:gd name="T75" fmla="*/ 2147483647 h 268"/>
              <a:gd name="T76" fmla="*/ 2147483647 w 346"/>
              <a:gd name="T77" fmla="*/ 2147483647 h 268"/>
              <a:gd name="T78" fmla="*/ 2147483647 w 346"/>
              <a:gd name="T79" fmla="*/ 2147483647 h 268"/>
              <a:gd name="T80" fmla="*/ 2147483647 w 346"/>
              <a:gd name="T81" fmla="*/ 2147483647 h 268"/>
              <a:gd name="T82" fmla="*/ 2147483647 w 346"/>
              <a:gd name="T83" fmla="*/ 2147483647 h 268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346" h="268">
                <a:moveTo>
                  <a:pt x="20" y="134"/>
                </a:moveTo>
                <a:lnTo>
                  <a:pt x="8" y="132"/>
                </a:lnTo>
                <a:lnTo>
                  <a:pt x="0" y="130"/>
                </a:lnTo>
                <a:lnTo>
                  <a:pt x="4" y="122"/>
                </a:lnTo>
                <a:lnTo>
                  <a:pt x="16" y="122"/>
                </a:lnTo>
                <a:lnTo>
                  <a:pt x="24" y="116"/>
                </a:lnTo>
                <a:lnTo>
                  <a:pt x="24" y="104"/>
                </a:lnTo>
                <a:lnTo>
                  <a:pt x="20" y="94"/>
                </a:lnTo>
                <a:lnTo>
                  <a:pt x="36" y="92"/>
                </a:lnTo>
                <a:lnTo>
                  <a:pt x="36" y="84"/>
                </a:lnTo>
                <a:lnTo>
                  <a:pt x="54" y="84"/>
                </a:lnTo>
                <a:lnTo>
                  <a:pt x="56" y="70"/>
                </a:lnTo>
                <a:lnTo>
                  <a:pt x="70" y="54"/>
                </a:lnTo>
                <a:lnTo>
                  <a:pt x="84" y="50"/>
                </a:lnTo>
                <a:lnTo>
                  <a:pt x="98" y="50"/>
                </a:lnTo>
                <a:lnTo>
                  <a:pt x="102" y="40"/>
                </a:lnTo>
                <a:lnTo>
                  <a:pt x="120" y="38"/>
                </a:lnTo>
                <a:lnTo>
                  <a:pt x="140" y="34"/>
                </a:lnTo>
                <a:lnTo>
                  <a:pt x="144" y="32"/>
                </a:lnTo>
                <a:lnTo>
                  <a:pt x="148" y="30"/>
                </a:lnTo>
                <a:lnTo>
                  <a:pt x="146" y="24"/>
                </a:lnTo>
                <a:lnTo>
                  <a:pt x="144" y="18"/>
                </a:lnTo>
                <a:lnTo>
                  <a:pt x="156" y="22"/>
                </a:lnTo>
                <a:lnTo>
                  <a:pt x="160" y="14"/>
                </a:lnTo>
                <a:lnTo>
                  <a:pt x="196" y="12"/>
                </a:lnTo>
                <a:lnTo>
                  <a:pt x="216" y="8"/>
                </a:lnTo>
                <a:lnTo>
                  <a:pt x="232" y="22"/>
                </a:lnTo>
                <a:lnTo>
                  <a:pt x="246" y="20"/>
                </a:lnTo>
                <a:lnTo>
                  <a:pt x="256" y="16"/>
                </a:lnTo>
                <a:lnTo>
                  <a:pt x="286" y="10"/>
                </a:lnTo>
                <a:lnTo>
                  <a:pt x="300" y="8"/>
                </a:lnTo>
                <a:lnTo>
                  <a:pt x="308" y="0"/>
                </a:lnTo>
                <a:lnTo>
                  <a:pt x="316" y="2"/>
                </a:lnTo>
                <a:lnTo>
                  <a:pt x="322" y="10"/>
                </a:lnTo>
                <a:lnTo>
                  <a:pt x="316" y="16"/>
                </a:lnTo>
                <a:lnTo>
                  <a:pt x="304" y="28"/>
                </a:lnTo>
                <a:lnTo>
                  <a:pt x="304" y="66"/>
                </a:lnTo>
                <a:lnTo>
                  <a:pt x="296" y="76"/>
                </a:lnTo>
                <a:lnTo>
                  <a:pt x="290" y="90"/>
                </a:lnTo>
                <a:lnTo>
                  <a:pt x="296" y="106"/>
                </a:lnTo>
                <a:lnTo>
                  <a:pt x="304" y="124"/>
                </a:lnTo>
                <a:lnTo>
                  <a:pt x="312" y="144"/>
                </a:lnTo>
                <a:lnTo>
                  <a:pt x="310" y="164"/>
                </a:lnTo>
                <a:lnTo>
                  <a:pt x="320" y="178"/>
                </a:lnTo>
                <a:lnTo>
                  <a:pt x="328" y="180"/>
                </a:lnTo>
                <a:lnTo>
                  <a:pt x="332" y="194"/>
                </a:lnTo>
                <a:lnTo>
                  <a:pt x="346" y="204"/>
                </a:lnTo>
                <a:lnTo>
                  <a:pt x="340" y="214"/>
                </a:lnTo>
                <a:lnTo>
                  <a:pt x="332" y="214"/>
                </a:lnTo>
                <a:lnTo>
                  <a:pt x="326" y="228"/>
                </a:lnTo>
                <a:lnTo>
                  <a:pt x="324" y="234"/>
                </a:lnTo>
                <a:lnTo>
                  <a:pt x="322" y="252"/>
                </a:lnTo>
                <a:lnTo>
                  <a:pt x="304" y="254"/>
                </a:lnTo>
                <a:lnTo>
                  <a:pt x="290" y="252"/>
                </a:lnTo>
                <a:lnTo>
                  <a:pt x="274" y="266"/>
                </a:lnTo>
                <a:lnTo>
                  <a:pt x="268" y="268"/>
                </a:lnTo>
                <a:lnTo>
                  <a:pt x="262" y="262"/>
                </a:lnTo>
                <a:lnTo>
                  <a:pt x="248" y="262"/>
                </a:lnTo>
                <a:lnTo>
                  <a:pt x="226" y="236"/>
                </a:lnTo>
                <a:lnTo>
                  <a:pt x="212" y="236"/>
                </a:lnTo>
                <a:lnTo>
                  <a:pt x="196" y="232"/>
                </a:lnTo>
                <a:lnTo>
                  <a:pt x="176" y="220"/>
                </a:lnTo>
                <a:lnTo>
                  <a:pt x="166" y="224"/>
                </a:lnTo>
                <a:lnTo>
                  <a:pt x="154" y="220"/>
                </a:lnTo>
                <a:lnTo>
                  <a:pt x="124" y="244"/>
                </a:lnTo>
                <a:lnTo>
                  <a:pt x="110" y="256"/>
                </a:lnTo>
                <a:lnTo>
                  <a:pt x="110" y="238"/>
                </a:lnTo>
                <a:lnTo>
                  <a:pt x="114" y="216"/>
                </a:lnTo>
                <a:lnTo>
                  <a:pt x="110" y="208"/>
                </a:lnTo>
                <a:lnTo>
                  <a:pt x="114" y="200"/>
                </a:lnTo>
                <a:lnTo>
                  <a:pt x="110" y="190"/>
                </a:lnTo>
                <a:lnTo>
                  <a:pt x="100" y="190"/>
                </a:lnTo>
                <a:lnTo>
                  <a:pt x="90" y="200"/>
                </a:lnTo>
                <a:lnTo>
                  <a:pt x="88" y="214"/>
                </a:lnTo>
                <a:lnTo>
                  <a:pt x="78" y="210"/>
                </a:lnTo>
                <a:lnTo>
                  <a:pt x="74" y="206"/>
                </a:lnTo>
                <a:lnTo>
                  <a:pt x="58" y="204"/>
                </a:lnTo>
                <a:lnTo>
                  <a:pt x="48" y="180"/>
                </a:lnTo>
                <a:lnTo>
                  <a:pt x="36" y="182"/>
                </a:lnTo>
                <a:lnTo>
                  <a:pt x="34" y="162"/>
                </a:lnTo>
                <a:lnTo>
                  <a:pt x="48" y="152"/>
                </a:lnTo>
                <a:lnTo>
                  <a:pt x="30" y="150"/>
                </a:lnTo>
                <a:lnTo>
                  <a:pt x="30" y="142"/>
                </a:lnTo>
                <a:lnTo>
                  <a:pt x="24" y="140"/>
                </a:lnTo>
                <a:lnTo>
                  <a:pt x="20" y="13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47" name="Freeform 60"/>
          <p:cNvSpPr>
            <a:spLocks/>
          </p:cNvSpPr>
          <p:nvPr/>
        </p:nvSpPr>
        <p:spPr bwMode="auto">
          <a:xfrm>
            <a:off x="6357938" y="112713"/>
            <a:ext cx="1408112" cy="3271837"/>
          </a:xfrm>
          <a:custGeom>
            <a:avLst/>
            <a:gdLst>
              <a:gd name="T0" fmla="*/ 2147483647 w 1088"/>
              <a:gd name="T1" fmla="*/ 2147483647 h 2527"/>
              <a:gd name="T2" fmla="*/ 2147483647 w 1088"/>
              <a:gd name="T3" fmla="*/ 2147483647 h 2527"/>
              <a:gd name="T4" fmla="*/ 2147483647 w 1088"/>
              <a:gd name="T5" fmla="*/ 2147483647 h 2527"/>
              <a:gd name="T6" fmla="*/ 2147483647 w 1088"/>
              <a:gd name="T7" fmla="*/ 2147483647 h 2527"/>
              <a:gd name="T8" fmla="*/ 2147483647 w 1088"/>
              <a:gd name="T9" fmla="*/ 2147483647 h 2527"/>
              <a:gd name="T10" fmla="*/ 2147483647 w 1088"/>
              <a:gd name="T11" fmla="*/ 2147483647 h 2527"/>
              <a:gd name="T12" fmla="*/ 2147483647 w 1088"/>
              <a:gd name="T13" fmla="*/ 2147483647 h 2527"/>
              <a:gd name="T14" fmla="*/ 2147483647 w 1088"/>
              <a:gd name="T15" fmla="*/ 2147483647 h 2527"/>
              <a:gd name="T16" fmla="*/ 2147483647 w 1088"/>
              <a:gd name="T17" fmla="*/ 2147483647 h 2527"/>
              <a:gd name="T18" fmla="*/ 2147483647 w 1088"/>
              <a:gd name="T19" fmla="*/ 2147483647 h 2527"/>
              <a:gd name="T20" fmla="*/ 2147483647 w 1088"/>
              <a:gd name="T21" fmla="*/ 2147483647 h 2527"/>
              <a:gd name="T22" fmla="*/ 2147483647 w 1088"/>
              <a:gd name="T23" fmla="*/ 2147483647 h 2527"/>
              <a:gd name="T24" fmla="*/ 2147483647 w 1088"/>
              <a:gd name="T25" fmla="*/ 2147483647 h 2527"/>
              <a:gd name="T26" fmla="*/ 2147483647 w 1088"/>
              <a:gd name="T27" fmla="*/ 2147483647 h 2527"/>
              <a:gd name="T28" fmla="*/ 2147483647 w 1088"/>
              <a:gd name="T29" fmla="*/ 2147483647 h 2527"/>
              <a:gd name="T30" fmla="*/ 2147483647 w 1088"/>
              <a:gd name="T31" fmla="*/ 2147483647 h 2527"/>
              <a:gd name="T32" fmla="*/ 2147483647 w 1088"/>
              <a:gd name="T33" fmla="*/ 2147483647 h 2527"/>
              <a:gd name="T34" fmla="*/ 2147483647 w 1088"/>
              <a:gd name="T35" fmla="*/ 2147483647 h 2527"/>
              <a:gd name="T36" fmla="*/ 2147483647 w 1088"/>
              <a:gd name="T37" fmla="*/ 2147483647 h 2527"/>
              <a:gd name="T38" fmla="*/ 2147483647 w 1088"/>
              <a:gd name="T39" fmla="*/ 2147483647 h 2527"/>
              <a:gd name="T40" fmla="*/ 2147483647 w 1088"/>
              <a:gd name="T41" fmla="*/ 2147483647 h 2527"/>
              <a:gd name="T42" fmla="*/ 2147483647 w 1088"/>
              <a:gd name="T43" fmla="*/ 2147483647 h 2527"/>
              <a:gd name="T44" fmla="*/ 2147483647 w 1088"/>
              <a:gd name="T45" fmla="*/ 2147483647 h 2527"/>
              <a:gd name="T46" fmla="*/ 2147483647 w 1088"/>
              <a:gd name="T47" fmla="*/ 2147483647 h 2527"/>
              <a:gd name="T48" fmla="*/ 2147483647 w 1088"/>
              <a:gd name="T49" fmla="*/ 2147483647 h 2527"/>
              <a:gd name="T50" fmla="*/ 2147483647 w 1088"/>
              <a:gd name="T51" fmla="*/ 2147483647 h 2527"/>
              <a:gd name="T52" fmla="*/ 2147483647 w 1088"/>
              <a:gd name="T53" fmla="*/ 2147483647 h 2527"/>
              <a:gd name="T54" fmla="*/ 2147483647 w 1088"/>
              <a:gd name="T55" fmla="*/ 2147483647 h 2527"/>
              <a:gd name="T56" fmla="*/ 2147483647 w 1088"/>
              <a:gd name="T57" fmla="*/ 2147483647 h 2527"/>
              <a:gd name="T58" fmla="*/ 2147483647 w 1088"/>
              <a:gd name="T59" fmla="*/ 2147483647 h 2527"/>
              <a:gd name="T60" fmla="*/ 2147483647 w 1088"/>
              <a:gd name="T61" fmla="*/ 2147483647 h 2527"/>
              <a:gd name="T62" fmla="*/ 2147483647 w 1088"/>
              <a:gd name="T63" fmla="*/ 2147483647 h 2527"/>
              <a:gd name="T64" fmla="*/ 2147483647 w 1088"/>
              <a:gd name="T65" fmla="*/ 2147483647 h 2527"/>
              <a:gd name="T66" fmla="*/ 2147483647 w 1088"/>
              <a:gd name="T67" fmla="*/ 2147483647 h 2527"/>
              <a:gd name="T68" fmla="*/ 2147483647 w 1088"/>
              <a:gd name="T69" fmla="*/ 2147483647 h 2527"/>
              <a:gd name="T70" fmla="*/ 2147483647 w 1088"/>
              <a:gd name="T71" fmla="*/ 2147483647 h 2527"/>
              <a:gd name="T72" fmla="*/ 2147483647 w 1088"/>
              <a:gd name="T73" fmla="*/ 2147483647 h 2527"/>
              <a:gd name="T74" fmla="*/ 2147483647 w 1088"/>
              <a:gd name="T75" fmla="*/ 2147483647 h 2527"/>
              <a:gd name="T76" fmla="*/ 2147483647 w 1088"/>
              <a:gd name="T77" fmla="*/ 2147483647 h 2527"/>
              <a:gd name="T78" fmla="*/ 2147483647 w 1088"/>
              <a:gd name="T79" fmla="*/ 2147483647 h 2527"/>
              <a:gd name="T80" fmla="*/ 2147483647 w 1088"/>
              <a:gd name="T81" fmla="*/ 2147483647 h 2527"/>
              <a:gd name="T82" fmla="*/ 2147483647 w 1088"/>
              <a:gd name="T83" fmla="*/ 2147483647 h 2527"/>
              <a:gd name="T84" fmla="*/ 2147483647 w 1088"/>
              <a:gd name="T85" fmla="*/ 2147483647 h 2527"/>
              <a:gd name="T86" fmla="*/ 2147483647 w 1088"/>
              <a:gd name="T87" fmla="*/ 2147483647 h 2527"/>
              <a:gd name="T88" fmla="*/ 2147483647 w 1088"/>
              <a:gd name="T89" fmla="*/ 2147483647 h 2527"/>
              <a:gd name="T90" fmla="*/ 2147483647 w 1088"/>
              <a:gd name="T91" fmla="*/ 2147483647 h 2527"/>
              <a:gd name="T92" fmla="*/ 2147483647 w 1088"/>
              <a:gd name="T93" fmla="*/ 2147483647 h 2527"/>
              <a:gd name="T94" fmla="*/ 2147483647 w 1088"/>
              <a:gd name="T95" fmla="*/ 2147483647 h 2527"/>
              <a:gd name="T96" fmla="*/ 2147483647 w 1088"/>
              <a:gd name="T97" fmla="*/ 2147483647 h 2527"/>
              <a:gd name="T98" fmla="*/ 2147483647 w 1088"/>
              <a:gd name="T99" fmla="*/ 2147483647 h 2527"/>
              <a:gd name="T100" fmla="*/ 2147483647 w 1088"/>
              <a:gd name="T101" fmla="*/ 2147483647 h 2527"/>
              <a:gd name="T102" fmla="*/ 2147483647 w 1088"/>
              <a:gd name="T103" fmla="*/ 2147483647 h 2527"/>
              <a:gd name="T104" fmla="*/ 2147483647 w 1088"/>
              <a:gd name="T105" fmla="*/ 2147483647 h 2527"/>
              <a:gd name="T106" fmla="*/ 2147483647 w 1088"/>
              <a:gd name="T107" fmla="*/ 2147483647 h 2527"/>
              <a:gd name="T108" fmla="*/ 2147483647 w 1088"/>
              <a:gd name="T109" fmla="*/ 2147483647 h 2527"/>
              <a:gd name="T110" fmla="*/ 2147483647 w 1088"/>
              <a:gd name="T111" fmla="*/ 2147483647 h 2527"/>
              <a:gd name="T112" fmla="*/ 2147483647 w 1088"/>
              <a:gd name="T113" fmla="*/ 2147483647 h 2527"/>
              <a:gd name="T114" fmla="*/ 2147483647 w 1088"/>
              <a:gd name="T115" fmla="*/ 2147483647 h 2527"/>
              <a:gd name="T116" fmla="*/ 2147483647 w 1088"/>
              <a:gd name="T117" fmla="*/ 2147483647 h 2527"/>
              <a:gd name="T118" fmla="*/ 2147483647 w 1088"/>
              <a:gd name="T119" fmla="*/ 2147483647 h 2527"/>
              <a:gd name="T120" fmla="*/ 2147483647 w 1088"/>
              <a:gd name="T121" fmla="*/ 2147483647 h 2527"/>
              <a:gd name="T122" fmla="*/ 2147483647 w 1088"/>
              <a:gd name="T123" fmla="*/ 2147483647 h 2527"/>
              <a:gd name="T124" fmla="*/ 2147483647 w 1088"/>
              <a:gd name="T125" fmla="*/ 2147483647 h 2527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1088" h="2527">
                <a:moveTo>
                  <a:pt x="286" y="1642"/>
                </a:moveTo>
                <a:lnTo>
                  <a:pt x="288" y="1626"/>
                </a:lnTo>
                <a:lnTo>
                  <a:pt x="280" y="1620"/>
                </a:lnTo>
                <a:lnTo>
                  <a:pt x="276" y="1610"/>
                </a:lnTo>
                <a:lnTo>
                  <a:pt x="282" y="1602"/>
                </a:lnTo>
                <a:lnTo>
                  <a:pt x="292" y="1608"/>
                </a:lnTo>
                <a:lnTo>
                  <a:pt x="302" y="1614"/>
                </a:lnTo>
                <a:lnTo>
                  <a:pt x="302" y="1590"/>
                </a:lnTo>
                <a:lnTo>
                  <a:pt x="310" y="1588"/>
                </a:lnTo>
                <a:lnTo>
                  <a:pt x="328" y="1590"/>
                </a:lnTo>
                <a:lnTo>
                  <a:pt x="332" y="1586"/>
                </a:lnTo>
                <a:lnTo>
                  <a:pt x="334" y="1582"/>
                </a:lnTo>
                <a:lnTo>
                  <a:pt x="336" y="1560"/>
                </a:lnTo>
                <a:lnTo>
                  <a:pt x="350" y="1554"/>
                </a:lnTo>
                <a:lnTo>
                  <a:pt x="374" y="1550"/>
                </a:lnTo>
                <a:lnTo>
                  <a:pt x="386" y="1554"/>
                </a:lnTo>
                <a:lnTo>
                  <a:pt x="398" y="1558"/>
                </a:lnTo>
                <a:lnTo>
                  <a:pt x="412" y="1552"/>
                </a:lnTo>
                <a:lnTo>
                  <a:pt x="420" y="1546"/>
                </a:lnTo>
                <a:lnTo>
                  <a:pt x="426" y="1546"/>
                </a:lnTo>
                <a:lnTo>
                  <a:pt x="434" y="1552"/>
                </a:lnTo>
                <a:lnTo>
                  <a:pt x="450" y="1552"/>
                </a:lnTo>
                <a:lnTo>
                  <a:pt x="462" y="1538"/>
                </a:lnTo>
                <a:lnTo>
                  <a:pt x="464" y="1526"/>
                </a:lnTo>
                <a:lnTo>
                  <a:pt x="478" y="1528"/>
                </a:lnTo>
                <a:lnTo>
                  <a:pt x="482" y="1528"/>
                </a:lnTo>
                <a:lnTo>
                  <a:pt x="488" y="1524"/>
                </a:lnTo>
                <a:lnTo>
                  <a:pt x="496" y="1520"/>
                </a:lnTo>
                <a:lnTo>
                  <a:pt x="488" y="1504"/>
                </a:lnTo>
                <a:lnTo>
                  <a:pt x="490" y="1486"/>
                </a:lnTo>
                <a:lnTo>
                  <a:pt x="504" y="1474"/>
                </a:lnTo>
                <a:lnTo>
                  <a:pt x="516" y="1476"/>
                </a:lnTo>
                <a:lnTo>
                  <a:pt x="532" y="1482"/>
                </a:lnTo>
                <a:lnTo>
                  <a:pt x="548" y="1472"/>
                </a:lnTo>
                <a:lnTo>
                  <a:pt x="544" y="1452"/>
                </a:lnTo>
                <a:lnTo>
                  <a:pt x="544" y="1438"/>
                </a:lnTo>
                <a:lnTo>
                  <a:pt x="540" y="1426"/>
                </a:lnTo>
                <a:lnTo>
                  <a:pt x="554" y="1426"/>
                </a:lnTo>
                <a:lnTo>
                  <a:pt x="564" y="1416"/>
                </a:lnTo>
                <a:lnTo>
                  <a:pt x="566" y="1412"/>
                </a:lnTo>
                <a:lnTo>
                  <a:pt x="568" y="1406"/>
                </a:lnTo>
                <a:lnTo>
                  <a:pt x="570" y="1396"/>
                </a:lnTo>
                <a:lnTo>
                  <a:pt x="588" y="1378"/>
                </a:lnTo>
                <a:lnTo>
                  <a:pt x="594" y="1366"/>
                </a:lnTo>
                <a:lnTo>
                  <a:pt x="594" y="1360"/>
                </a:lnTo>
                <a:lnTo>
                  <a:pt x="594" y="1354"/>
                </a:lnTo>
                <a:lnTo>
                  <a:pt x="596" y="1350"/>
                </a:lnTo>
                <a:lnTo>
                  <a:pt x="604" y="1348"/>
                </a:lnTo>
                <a:lnTo>
                  <a:pt x="610" y="1348"/>
                </a:lnTo>
                <a:lnTo>
                  <a:pt x="624" y="1342"/>
                </a:lnTo>
                <a:lnTo>
                  <a:pt x="636" y="1328"/>
                </a:lnTo>
                <a:lnTo>
                  <a:pt x="650" y="1322"/>
                </a:lnTo>
                <a:lnTo>
                  <a:pt x="654" y="1310"/>
                </a:lnTo>
                <a:lnTo>
                  <a:pt x="666" y="1306"/>
                </a:lnTo>
                <a:lnTo>
                  <a:pt x="680" y="1308"/>
                </a:lnTo>
                <a:lnTo>
                  <a:pt x="688" y="1304"/>
                </a:lnTo>
                <a:lnTo>
                  <a:pt x="692" y="1314"/>
                </a:lnTo>
                <a:lnTo>
                  <a:pt x="706" y="1316"/>
                </a:lnTo>
                <a:lnTo>
                  <a:pt x="720" y="1310"/>
                </a:lnTo>
                <a:lnTo>
                  <a:pt x="722" y="1298"/>
                </a:lnTo>
                <a:lnTo>
                  <a:pt x="728" y="1282"/>
                </a:lnTo>
                <a:lnTo>
                  <a:pt x="734" y="1274"/>
                </a:lnTo>
                <a:lnTo>
                  <a:pt x="732" y="1254"/>
                </a:lnTo>
                <a:lnTo>
                  <a:pt x="730" y="1238"/>
                </a:lnTo>
                <a:lnTo>
                  <a:pt x="724" y="1232"/>
                </a:lnTo>
                <a:lnTo>
                  <a:pt x="712" y="1228"/>
                </a:lnTo>
                <a:lnTo>
                  <a:pt x="698" y="1216"/>
                </a:lnTo>
                <a:lnTo>
                  <a:pt x="676" y="1196"/>
                </a:lnTo>
                <a:lnTo>
                  <a:pt x="670" y="1184"/>
                </a:lnTo>
                <a:lnTo>
                  <a:pt x="658" y="1176"/>
                </a:lnTo>
                <a:lnTo>
                  <a:pt x="652" y="1168"/>
                </a:lnTo>
                <a:lnTo>
                  <a:pt x="650" y="1146"/>
                </a:lnTo>
                <a:lnTo>
                  <a:pt x="648" y="1126"/>
                </a:lnTo>
                <a:lnTo>
                  <a:pt x="632" y="1114"/>
                </a:lnTo>
                <a:lnTo>
                  <a:pt x="610" y="1108"/>
                </a:lnTo>
                <a:lnTo>
                  <a:pt x="588" y="1104"/>
                </a:lnTo>
                <a:lnTo>
                  <a:pt x="578" y="1094"/>
                </a:lnTo>
                <a:lnTo>
                  <a:pt x="562" y="1098"/>
                </a:lnTo>
                <a:lnTo>
                  <a:pt x="552" y="1092"/>
                </a:lnTo>
                <a:lnTo>
                  <a:pt x="550" y="1100"/>
                </a:lnTo>
                <a:lnTo>
                  <a:pt x="560" y="1112"/>
                </a:lnTo>
                <a:lnTo>
                  <a:pt x="576" y="1124"/>
                </a:lnTo>
                <a:lnTo>
                  <a:pt x="590" y="1120"/>
                </a:lnTo>
                <a:lnTo>
                  <a:pt x="610" y="1120"/>
                </a:lnTo>
                <a:lnTo>
                  <a:pt x="624" y="1134"/>
                </a:lnTo>
                <a:lnTo>
                  <a:pt x="636" y="1146"/>
                </a:lnTo>
                <a:lnTo>
                  <a:pt x="638" y="1158"/>
                </a:lnTo>
                <a:lnTo>
                  <a:pt x="634" y="1166"/>
                </a:lnTo>
                <a:lnTo>
                  <a:pt x="624" y="1166"/>
                </a:lnTo>
                <a:lnTo>
                  <a:pt x="614" y="1166"/>
                </a:lnTo>
                <a:lnTo>
                  <a:pt x="616" y="1174"/>
                </a:lnTo>
                <a:lnTo>
                  <a:pt x="624" y="1180"/>
                </a:lnTo>
                <a:lnTo>
                  <a:pt x="620" y="1186"/>
                </a:lnTo>
                <a:lnTo>
                  <a:pt x="608" y="1178"/>
                </a:lnTo>
                <a:lnTo>
                  <a:pt x="598" y="1166"/>
                </a:lnTo>
                <a:lnTo>
                  <a:pt x="588" y="1152"/>
                </a:lnTo>
                <a:lnTo>
                  <a:pt x="576" y="1142"/>
                </a:lnTo>
                <a:lnTo>
                  <a:pt x="572" y="1142"/>
                </a:lnTo>
                <a:lnTo>
                  <a:pt x="574" y="1150"/>
                </a:lnTo>
                <a:lnTo>
                  <a:pt x="582" y="1160"/>
                </a:lnTo>
                <a:lnTo>
                  <a:pt x="590" y="1164"/>
                </a:lnTo>
                <a:lnTo>
                  <a:pt x="592" y="1174"/>
                </a:lnTo>
                <a:lnTo>
                  <a:pt x="590" y="1180"/>
                </a:lnTo>
                <a:lnTo>
                  <a:pt x="594" y="1188"/>
                </a:lnTo>
                <a:lnTo>
                  <a:pt x="598" y="1194"/>
                </a:lnTo>
                <a:lnTo>
                  <a:pt x="588" y="1196"/>
                </a:lnTo>
                <a:lnTo>
                  <a:pt x="576" y="1188"/>
                </a:lnTo>
                <a:lnTo>
                  <a:pt x="568" y="1182"/>
                </a:lnTo>
                <a:lnTo>
                  <a:pt x="564" y="1170"/>
                </a:lnTo>
                <a:lnTo>
                  <a:pt x="556" y="1168"/>
                </a:lnTo>
                <a:lnTo>
                  <a:pt x="560" y="1174"/>
                </a:lnTo>
                <a:lnTo>
                  <a:pt x="566" y="1190"/>
                </a:lnTo>
                <a:lnTo>
                  <a:pt x="574" y="1196"/>
                </a:lnTo>
                <a:lnTo>
                  <a:pt x="586" y="1202"/>
                </a:lnTo>
                <a:lnTo>
                  <a:pt x="596" y="1208"/>
                </a:lnTo>
                <a:lnTo>
                  <a:pt x="602" y="1216"/>
                </a:lnTo>
                <a:lnTo>
                  <a:pt x="602" y="1226"/>
                </a:lnTo>
                <a:lnTo>
                  <a:pt x="592" y="1228"/>
                </a:lnTo>
                <a:lnTo>
                  <a:pt x="600" y="1238"/>
                </a:lnTo>
                <a:lnTo>
                  <a:pt x="612" y="1248"/>
                </a:lnTo>
                <a:lnTo>
                  <a:pt x="626" y="1254"/>
                </a:lnTo>
                <a:lnTo>
                  <a:pt x="640" y="1256"/>
                </a:lnTo>
                <a:lnTo>
                  <a:pt x="656" y="1254"/>
                </a:lnTo>
                <a:lnTo>
                  <a:pt x="666" y="1262"/>
                </a:lnTo>
                <a:lnTo>
                  <a:pt x="670" y="1264"/>
                </a:lnTo>
                <a:lnTo>
                  <a:pt x="674" y="1266"/>
                </a:lnTo>
                <a:lnTo>
                  <a:pt x="678" y="1268"/>
                </a:lnTo>
                <a:lnTo>
                  <a:pt x="690" y="1282"/>
                </a:lnTo>
                <a:lnTo>
                  <a:pt x="698" y="1290"/>
                </a:lnTo>
                <a:lnTo>
                  <a:pt x="696" y="1304"/>
                </a:lnTo>
                <a:lnTo>
                  <a:pt x="692" y="1304"/>
                </a:lnTo>
                <a:lnTo>
                  <a:pt x="688" y="1302"/>
                </a:lnTo>
                <a:lnTo>
                  <a:pt x="682" y="1306"/>
                </a:lnTo>
                <a:lnTo>
                  <a:pt x="676" y="1306"/>
                </a:lnTo>
                <a:lnTo>
                  <a:pt x="670" y="1304"/>
                </a:lnTo>
                <a:lnTo>
                  <a:pt x="664" y="1304"/>
                </a:lnTo>
                <a:lnTo>
                  <a:pt x="660" y="1302"/>
                </a:lnTo>
                <a:lnTo>
                  <a:pt x="654" y="1294"/>
                </a:lnTo>
                <a:lnTo>
                  <a:pt x="642" y="1294"/>
                </a:lnTo>
                <a:lnTo>
                  <a:pt x="642" y="1304"/>
                </a:lnTo>
                <a:lnTo>
                  <a:pt x="648" y="1310"/>
                </a:lnTo>
                <a:lnTo>
                  <a:pt x="652" y="1314"/>
                </a:lnTo>
                <a:lnTo>
                  <a:pt x="648" y="1320"/>
                </a:lnTo>
                <a:lnTo>
                  <a:pt x="634" y="1326"/>
                </a:lnTo>
                <a:lnTo>
                  <a:pt x="622" y="1342"/>
                </a:lnTo>
                <a:lnTo>
                  <a:pt x="610" y="1346"/>
                </a:lnTo>
                <a:lnTo>
                  <a:pt x="594" y="1350"/>
                </a:lnTo>
                <a:lnTo>
                  <a:pt x="592" y="1354"/>
                </a:lnTo>
                <a:lnTo>
                  <a:pt x="592" y="1358"/>
                </a:lnTo>
                <a:lnTo>
                  <a:pt x="592" y="1366"/>
                </a:lnTo>
                <a:lnTo>
                  <a:pt x="586" y="1376"/>
                </a:lnTo>
                <a:lnTo>
                  <a:pt x="568" y="1394"/>
                </a:lnTo>
                <a:lnTo>
                  <a:pt x="568" y="1398"/>
                </a:lnTo>
                <a:lnTo>
                  <a:pt x="564" y="1410"/>
                </a:lnTo>
                <a:lnTo>
                  <a:pt x="554" y="1420"/>
                </a:lnTo>
                <a:lnTo>
                  <a:pt x="550" y="1416"/>
                </a:lnTo>
                <a:lnTo>
                  <a:pt x="550" y="1402"/>
                </a:lnTo>
                <a:lnTo>
                  <a:pt x="538" y="1400"/>
                </a:lnTo>
                <a:lnTo>
                  <a:pt x="538" y="1390"/>
                </a:lnTo>
                <a:lnTo>
                  <a:pt x="524" y="1372"/>
                </a:lnTo>
                <a:lnTo>
                  <a:pt x="502" y="1352"/>
                </a:lnTo>
                <a:lnTo>
                  <a:pt x="478" y="1346"/>
                </a:lnTo>
                <a:lnTo>
                  <a:pt x="462" y="1342"/>
                </a:lnTo>
                <a:lnTo>
                  <a:pt x="438" y="1334"/>
                </a:lnTo>
                <a:lnTo>
                  <a:pt x="426" y="1322"/>
                </a:lnTo>
                <a:lnTo>
                  <a:pt x="416" y="1314"/>
                </a:lnTo>
                <a:lnTo>
                  <a:pt x="406" y="1312"/>
                </a:lnTo>
                <a:lnTo>
                  <a:pt x="404" y="1318"/>
                </a:lnTo>
                <a:lnTo>
                  <a:pt x="394" y="1316"/>
                </a:lnTo>
                <a:lnTo>
                  <a:pt x="388" y="1308"/>
                </a:lnTo>
                <a:lnTo>
                  <a:pt x="376" y="1310"/>
                </a:lnTo>
                <a:lnTo>
                  <a:pt x="374" y="1320"/>
                </a:lnTo>
                <a:lnTo>
                  <a:pt x="376" y="1340"/>
                </a:lnTo>
                <a:lnTo>
                  <a:pt x="368" y="1346"/>
                </a:lnTo>
                <a:lnTo>
                  <a:pt x="356" y="1354"/>
                </a:lnTo>
                <a:lnTo>
                  <a:pt x="356" y="1366"/>
                </a:lnTo>
                <a:lnTo>
                  <a:pt x="358" y="1372"/>
                </a:lnTo>
                <a:lnTo>
                  <a:pt x="356" y="1376"/>
                </a:lnTo>
                <a:lnTo>
                  <a:pt x="356" y="1378"/>
                </a:lnTo>
                <a:lnTo>
                  <a:pt x="354" y="1380"/>
                </a:lnTo>
                <a:lnTo>
                  <a:pt x="344" y="1382"/>
                </a:lnTo>
                <a:lnTo>
                  <a:pt x="348" y="1394"/>
                </a:lnTo>
                <a:lnTo>
                  <a:pt x="366" y="1406"/>
                </a:lnTo>
                <a:lnTo>
                  <a:pt x="380" y="1416"/>
                </a:lnTo>
                <a:lnTo>
                  <a:pt x="398" y="1430"/>
                </a:lnTo>
                <a:lnTo>
                  <a:pt x="398" y="1442"/>
                </a:lnTo>
                <a:lnTo>
                  <a:pt x="406" y="1454"/>
                </a:lnTo>
                <a:lnTo>
                  <a:pt x="416" y="1456"/>
                </a:lnTo>
                <a:lnTo>
                  <a:pt x="426" y="1472"/>
                </a:lnTo>
                <a:lnTo>
                  <a:pt x="440" y="1484"/>
                </a:lnTo>
                <a:lnTo>
                  <a:pt x="444" y="1490"/>
                </a:lnTo>
                <a:lnTo>
                  <a:pt x="448" y="1498"/>
                </a:lnTo>
                <a:lnTo>
                  <a:pt x="458" y="1506"/>
                </a:lnTo>
                <a:lnTo>
                  <a:pt x="462" y="1510"/>
                </a:lnTo>
                <a:lnTo>
                  <a:pt x="464" y="1512"/>
                </a:lnTo>
                <a:lnTo>
                  <a:pt x="466" y="1516"/>
                </a:lnTo>
                <a:lnTo>
                  <a:pt x="464" y="1520"/>
                </a:lnTo>
                <a:lnTo>
                  <a:pt x="462" y="1524"/>
                </a:lnTo>
                <a:lnTo>
                  <a:pt x="462" y="1526"/>
                </a:lnTo>
                <a:lnTo>
                  <a:pt x="460" y="1538"/>
                </a:lnTo>
                <a:lnTo>
                  <a:pt x="448" y="1550"/>
                </a:lnTo>
                <a:lnTo>
                  <a:pt x="434" y="1550"/>
                </a:lnTo>
                <a:lnTo>
                  <a:pt x="428" y="1544"/>
                </a:lnTo>
                <a:lnTo>
                  <a:pt x="418" y="1544"/>
                </a:lnTo>
                <a:lnTo>
                  <a:pt x="412" y="1548"/>
                </a:lnTo>
                <a:lnTo>
                  <a:pt x="406" y="1540"/>
                </a:lnTo>
                <a:lnTo>
                  <a:pt x="392" y="1540"/>
                </a:lnTo>
                <a:lnTo>
                  <a:pt x="380" y="1526"/>
                </a:lnTo>
                <a:lnTo>
                  <a:pt x="356" y="1526"/>
                </a:lnTo>
                <a:lnTo>
                  <a:pt x="346" y="1532"/>
                </a:lnTo>
                <a:lnTo>
                  <a:pt x="326" y="1538"/>
                </a:lnTo>
                <a:lnTo>
                  <a:pt x="308" y="1520"/>
                </a:lnTo>
                <a:lnTo>
                  <a:pt x="298" y="1520"/>
                </a:lnTo>
                <a:lnTo>
                  <a:pt x="284" y="1506"/>
                </a:lnTo>
                <a:lnTo>
                  <a:pt x="286" y="1500"/>
                </a:lnTo>
                <a:lnTo>
                  <a:pt x="292" y="1500"/>
                </a:lnTo>
                <a:lnTo>
                  <a:pt x="286" y="1490"/>
                </a:lnTo>
                <a:lnTo>
                  <a:pt x="286" y="1482"/>
                </a:lnTo>
                <a:lnTo>
                  <a:pt x="282" y="1474"/>
                </a:lnTo>
                <a:lnTo>
                  <a:pt x="272" y="1486"/>
                </a:lnTo>
                <a:lnTo>
                  <a:pt x="264" y="1500"/>
                </a:lnTo>
                <a:lnTo>
                  <a:pt x="256" y="1510"/>
                </a:lnTo>
                <a:lnTo>
                  <a:pt x="236" y="1510"/>
                </a:lnTo>
                <a:lnTo>
                  <a:pt x="248" y="1488"/>
                </a:lnTo>
                <a:lnTo>
                  <a:pt x="268" y="1446"/>
                </a:lnTo>
                <a:lnTo>
                  <a:pt x="278" y="1438"/>
                </a:lnTo>
                <a:lnTo>
                  <a:pt x="284" y="1422"/>
                </a:lnTo>
                <a:lnTo>
                  <a:pt x="298" y="1402"/>
                </a:lnTo>
                <a:lnTo>
                  <a:pt x="314" y="1358"/>
                </a:lnTo>
                <a:lnTo>
                  <a:pt x="340" y="1302"/>
                </a:lnTo>
                <a:lnTo>
                  <a:pt x="358" y="1246"/>
                </a:lnTo>
                <a:lnTo>
                  <a:pt x="378" y="1204"/>
                </a:lnTo>
                <a:lnTo>
                  <a:pt x="378" y="1142"/>
                </a:lnTo>
                <a:lnTo>
                  <a:pt x="356" y="1128"/>
                </a:lnTo>
                <a:lnTo>
                  <a:pt x="348" y="1112"/>
                </a:lnTo>
                <a:lnTo>
                  <a:pt x="326" y="1102"/>
                </a:lnTo>
                <a:lnTo>
                  <a:pt x="300" y="1094"/>
                </a:lnTo>
                <a:lnTo>
                  <a:pt x="258" y="1068"/>
                </a:lnTo>
                <a:lnTo>
                  <a:pt x="274" y="1052"/>
                </a:lnTo>
                <a:lnTo>
                  <a:pt x="274" y="1034"/>
                </a:lnTo>
                <a:lnTo>
                  <a:pt x="282" y="1022"/>
                </a:lnTo>
                <a:lnTo>
                  <a:pt x="282" y="1012"/>
                </a:lnTo>
                <a:lnTo>
                  <a:pt x="274" y="994"/>
                </a:lnTo>
                <a:lnTo>
                  <a:pt x="260" y="988"/>
                </a:lnTo>
                <a:lnTo>
                  <a:pt x="242" y="986"/>
                </a:lnTo>
                <a:lnTo>
                  <a:pt x="240" y="970"/>
                </a:lnTo>
                <a:lnTo>
                  <a:pt x="228" y="966"/>
                </a:lnTo>
                <a:lnTo>
                  <a:pt x="228" y="956"/>
                </a:lnTo>
                <a:lnTo>
                  <a:pt x="238" y="942"/>
                </a:lnTo>
                <a:lnTo>
                  <a:pt x="226" y="932"/>
                </a:lnTo>
                <a:lnTo>
                  <a:pt x="210" y="936"/>
                </a:lnTo>
                <a:lnTo>
                  <a:pt x="198" y="920"/>
                </a:lnTo>
                <a:lnTo>
                  <a:pt x="190" y="906"/>
                </a:lnTo>
                <a:lnTo>
                  <a:pt x="202" y="892"/>
                </a:lnTo>
                <a:lnTo>
                  <a:pt x="200" y="884"/>
                </a:lnTo>
                <a:lnTo>
                  <a:pt x="186" y="882"/>
                </a:lnTo>
                <a:lnTo>
                  <a:pt x="184" y="860"/>
                </a:lnTo>
                <a:lnTo>
                  <a:pt x="180" y="842"/>
                </a:lnTo>
                <a:lnTo>
                  <a:pt x="180" y="824"/>
                </a:lnTo>
                <a:lnTo>
                  <a:pt x="196" y="816"/>
                </a:lnTo>
                <a:lnTo>
                  <a:pt x="184" y="788"/>
                </a:lnTo>
                <a:lnTo>
                  <a:pt x="162" y="756"/>
                </a:lnTo>
                <a:lnTo>
                  <a:pt x="144" y="734"/>
                </a:lnTo>
                <a:lnTo>
                  <a:pt x="116" y="698"/>
                </a:lnTo>
                <a:lnTo>
                  <a:pt x="100" y="680"/>
                </a:lnTo>
                <a:lnTo>
                  <a:pt x="96" y="650"/>
                </a:lnTo>
                <a:lnTo>
                  <a:pt x="106" y="616"/>
                </a:lnTo>
                <a:lnTo>
                  <a:pt x="116" y="590"/>
                </a:lnTo>
                <a:lnTo>
                  <a:pt x="122" y="570"/>
                </a:lnTo>
                <a:lnTo>
                  <a:pt x="114" y="558"/>
                </a:lnTo>
                <a:lnTo>
                  <a:pt x="94" y="550"/>
                </a:lnTo>
                <a:lnTo>
                  <a:pt x="70" y="520"/>
                </a:lnTo>
                <a:lnTo>
                  <a:pt x="40" y="516"/>
                </a:lnTo>
                <a:lnTo>
                  <a:pt x="14" y="478"/>
                </a:lnTo>
                <a:lnTo>
                  <a:pt x="10" y="464"/>
                </a:lnTo>
                <a:lnTo>
                  <a:pt x="16" y="424"/>
                </a:lnTo>
                <a:lnTo>
                  <a:pt x="0" y="422"/>
                </a:lnTo>
                <a:lnTo>
                  <a:pt x="20" y="400"/>
                </a:lnTo>
                <a:lnTo>
                  <a:pt x="30" y="390"/>
                </a:lnTo>
                <a:lnTo>
                  <a:pt x="28" y="358"/>
                </a:lnTo>
                <a:lnTo>
                  <a:pt x="56" y="338"/>
                </a:lnTo>
                <a:lnTo>
                  <a:pt x="56" y="306"/>
                </a:lnTo>
                <a:lnTo>
                  <a:pt x="68" y="308"/>
                </a:lnTo>
                <a:lnTo>
                  <a:pt x="82" y="310"/>
                </a:lnTo>
                <a:lnTo>
                  <a:pt x="88" y="302"/>
                </a:lnTo>
                <a:lnTo>
                  <a:pt x="84" y="288"/>
                </a:lnTo>
                <a:lnTo>
                  <a:pt x="80" y="278"/>
                </a:lnTo>
                <a:lnTo>
                  <a:pt x="98" y="276"/>
                </a:lnTo>
                <a:lnTo>
                  <a:pt x="110" y="284"/>
                </a:lnTo>
                <a:lnTo>
                  <a:pt x="122" y="276"/>
                </a:lnTo>
                <a:lnTo>
                  <a:pt x="116" y="256"/>
                </a:lnTo>
                <a:lnTo>
                  <a:pt x="130" y="256"/>
                </a:lnTo>
                <a:lnTo>
                  <a:pt x="138" y="272"/>
                </a:lnTo>
                <a:lnTo>
                  <a:pt x="140" y="284"/>
                </a:lnTo>
                <a:lnTo>
                  <a:pt x="152" y="284"/>
                </a:lnTo>
                <a:lnTo>
                  <a:pt x="158" y="294"/>
                </a:lnTo>
                <a:lnTo>
                  <a:pt x="182" y="290"/>
                </a:lnTo>
                <a:lnTo>
                  <a:pt x="186" y="300"/>
                </a:lnTo>
                <a:lnTo>
                  <a:pt x="212" y="288"/>
                </a:lnTo>
                <a:lnTo>
                  <a:pt x="214" y="314"/>
                </a:lnTo>
                <a:lnTo>
                  <a:pt x="216" y="326"/>
                </a:lnTo>
                <a:lnTo>
                  <a:pt x="222" y="328"/>
                </a:lnTo>
                <a:lnTo>
                  <a:pt x="224" y="308"/>
                </a:lnTo>
                <a:lnTo>
                  <a:pt x="226" y="296"/>
                </a:lnTo>
                <a:lnTo>
                  <a:pt x="240" y="290"/>
                </a:lnTo>
                <a:lnTo>
                  <a:pt x="242" y="280"/>
                </a:lnTo>
                <a:lnTo>
                  <a:pt x="256" y="288"/>
                </a:lnTo>
                <a:lnTo>
                  <a:pt x="300" y="292"/>
                </a:lnTo>
                <a:lnTo>
                  <a:pt x="302" y="278"/>
                </a:lnTo>
                <a:lnTo>
                  <a:pt x="346" y="280"/>
                </a:lnTo>
                <a:lnTo>
                  <a:pt x="414" y="302"/>
                </a:lnTo>
                <a:lnTo>
                  <a:pt x="442" y="308"/>
                </a:lnTo>
                <a:lnTo>
                  <a:pt x="470" y="328"/>
                </a:lnTo>
                <a:lnTo>
                  <a:pt x="486" y="330"/>
                </a:lnTo>
                <a:lnTo>
                  <a:pt x="496" y="340"/>
                </a:lnTo>
                <a:lnTo>
                  <a:pt x="514" y="334"/>
                </a:lnTo>
                <a:lnTo>
                  <a:pt x="540" y="342"/>
                </a:lnTo>
                <a:lnTo>
                  <a:pt x="554" y="352"/>
                </a:lnTo>
                <a:lnTo>
                  <a:pt x="572" y="350"/>
                </a:lnTo>
                <a:lnTo>
                  <a:pt x="574" y="342"/>
                </a:lnTo>
                <a:lnTo>
                  <a:pt x="590" y="352"/>
                </a:lnTo>
                <a:lnTo>
                  <a:pt x="612" y="362"/>
                </a:lnTo>
                <a:lnTo>
                  <a:pt x="614" y="374"/>
                </a:lnTo>
                <a:lnTo>
                  <a:pt x="620" y="366"/>
                </a:lnTo>
                <a:lnTo>
                  <a:pt x="650" y="366"/>
                </a:lnTo>
                <a:lnTo>
                  <a:pt x="660" y="394"/>
                </a:lnTo>
                <a:lnTo>
                  <a:pt x="670" y="400"/>
                </a:lnTo>
                <a:lnTo>
                  <a:pt x="676" y="418"/>
                </a:lnTo>
                <a:lnTo>
                  <a:pt x="692" y="422"/>
                </a:lnTo>
                <a:lnTo>
                  <a:pt x="702" y="450"/>
                </a:lnTo>
                <a:lnTo>
                  <a:pt x="702" y="482"/>
                </a:lnTo>
                <a:lnTo>
                  <a:pt x="698" y="526"/>
                </a:lnTo>
                <a:lnTo>
                  <a:pt x="676" y="568"/>
                </a:lnTo>
                <a:lnTo>
                  <a:pt x="650" y="596"/>
                </a:lnTo>
                <a:lnTo>
                  <a:pt x="618" y="622"/>
                </a:lnTo>
                <a:lnTo>
                  <a:pt x="584" y="630"/>
                </a:lnTo>
                <a:lnTo>
                  <a:pt x="554" y="628"/>
                </a:lnTo>
                <a:lnTo>
                  <a:pt x="510" y="628"/>
                </a:lnTo>
                <a:lnTo>
                  <a:pt x="502" y="634"/>
                </a:lnTo>
                <a:lnTo>
                  <a:pt x="470" y="638"/>
                </a:lnTo>
                <a:lnTo>
                  <a:pt x="436" y="638"/>
                </a:lnTo>
                <a:lnTo>
                  <a:pt x="406" y="626"/>
                </a:lnTo>
                <a:lnTo>
                  <a:pt x="392" y="634"/>
                </a:lnTo>
                <a:lnTo>
                  <a:pt x="384" y="638"/>
                </a:lnTo>
                <a:lnTo>
                  <a:pt x="376" y="626"/>
                </a:lnTo>
                <a:lnTo>
                  <a:pt x="364" y="626"/>
                </a:lnTo>
                <a:lnTo>
                  <a:pt x="350" y="626"/>
                </a:lnTo>
                <a:lnTo>
                  <a:pt x="334" y="618"/>
                </a:lnTo>
                <a:lnTo>
                  <a:pt x="328" y="618"/>
                </a:lnTo>
                <a:lnTo>
                  <a:pt x="328" y="628"/>
                </a:lnTo>
                <a:lnTo>
                  <a:pt x="312" y="626"/>
                </a:lnTo>
                <a:lnTo>
                  <a:pt x="290" y="614"/>
                </a:lnTo>
                <a:lnTo>
                  <a:pt x="282" y="608"/>
                </a:lnTo>
                <a:lnTo>
                  <a:pt x="284" y="598"/>
                </a:lnTo>
                <a:lnTo>
                  <a:pt x="250" y="594"/>
                </a:lnTo>
                <a:lnTo>
                  <a:pt x="246" y="602"/>
                </a:lnTo>
                <a:lnTo>
                  <a:pt x="256" y="608"/>
                </a:lnTo>
                <a:lnTo>
                  <a:pt x="270" y="612"/>
                </a:lnTo>
                <a:lnTo>
                  <a:pt x="272" y="628"/>
                </a:lnTo>
                <a:lnTo>
                  <a:pt x="296" y="636"/>
                </a:lnTo>
                <a:lnTo>
                  <a:pt x="302" y="644"/>
                </a:lnTo>
                <a:lnTo>
                  <a:pt x="318" y="646"/>
                </a:lnTo>
                <a:lnTo>
                  <a:pt x="334" y="652"/>
                </a:lnTo>
                <a:lnTo>
                  <a:pt x="324" y="660"/>
                </a:lnTo>
                <a:lnTo>
                  <a:pt x="352" y="666"/>
                </a:lnTo>
                <a:lnTo>
                  <a:pt x="352" y="682"/>
                </a:lnTo>
                <a:lnTo>
                  <a:pt x="374" y="688"/>
                </a:lnTo>
                <a:lnTo>
                  <a:pt x="402" y="690"/>
                </a:lnTo>
                <a:lnTo>
                  <a:pt x="428" y="708"/>
                </a:lnTo>
                <a:lnTo>
                  <a:pt x="446" y="728"/>
                </a:lnTo>
                <a:lnTo>
                  <a:pt x="442" y="732"/>
                </a:lnTo>
                <a:lnTo>
                  <a:pt x="434" y="734"/>
                </a:lnTo>
                <a:lnTo>
                  <a:pt x="436" y="742"/>
                </a:lnTo>
                <a:lnTo>
                  <a:pt x="440" y="750"/>
                </a:lnTo>
                <a:lnTo>
                  <a:pt x="446" y="754"/>
                </a:lnTo>
                <a:lnTo>
                  <a:pt x="446" y="778"/>
                </a:lnTo>
                <a:lnTo>
                  <a:pt x="436" y="782"/>
                </a:lnTo>
                <a:lnTo>
                  <a:pt x="438" y="790"/>
                </a:lnTo>
                <a:lnTo>
                  <a:pt x="456" y="808"/>
                </a:lnTo>
                <a:lnTo>
                  <a:pt x="468" y="816"/>
                </a:lnTo>
                <a:lnTo>
                  <a:pt x="472" y="834"/>
                </a:lnTo>
                <a:lnTo>
                  <a:pt x="486" y="844"/>
                </a:lnTo>
                <a:lnTo>
                  <a:pt x="492" y="850"/>
                </a:lnTo>
                <a:lnTo>
                  <a:pt x="494" y="866"/>
                </a:lnTo>
                <a:lnTo>
                  <a:pt x="494" y="884"/>
                </a:lnTo>
                <a:lnTo>
                  <a:pt x="524" y="896"/>
                </a:lnTo>
                <a:lnTo>
                  <a:pt x="542" y="896"/>
                </a:lnTo>
                <a:lnTo>
                  <a:pt x="546" y="888"/>
                </a:lnTo>
                <a:lnTo>
                  <a:pt x="558" y="884"/>
                </a:lnTo>
                <a:lnTo>
                  <a:pt x="566" y="900"/>
                </a:lnTo>
                <a:lnTo>
                  <a:pt x="580" y="896"/>
                </a:lnTo>
                <a:lnTo>
                  <a:pt x="592" y="906"/>
                </a:lnTo>
                <a:lnTo>
                  <a:pt x="596" y="916"/>
                </a:lnTo>
                <a:lnTo>
                  <a:pt x="628" y="920"/>
                </a:lnTo>
                <a:lnTo>
                  <a:pt x="656" y="916"/>
                </a:lnTo>
                <a:lnTo>
                  <a:pt x="666" y="922"/>
                </a:lnTo>
                <a:lnTo>
                  <a:pt x="674" y="918"/>
                </a:lnTo>
                <a:lnTo>
                  <a:pt x="676" y="904"/>
                </a:lnTo>
                <a:lnTo>
                  <a:pt x="690" y="894"/>
                </a:lnTo>
                <a:lnTo>
                  <a:pt x="692" y="876"/>
                </a:lnTo>
                <a:lnTo>
                  <a:pt x="674" y="858"/>
                </a:lnTo>
                <a:lnTo>
                  <a:pt x="674" y="848"/>
                </a:lnTo>
                <a:lnTo>
                  <a:pt x="652" y="834"/>
                </a:lnTo>
                <a:lnTo>
                  <a:pt x="644" y="850"/>
                </a:lnTo>
                <a:lnTo>
                  <a:pt x="630" y="854"/>
                </a:lnTo>
                <a:lnTo>
                  <a:pt x="588" y="822"/>
                </a:lnTo>
                <a:lnTo>
                  <a:pt x="578" y="822"/>
                </a:lnTo>
                <a:lnTo>
                  <a:pt x="566" y="804"/>
                </a:lnTo>
                <a:lnTo>
                  <a:pt x="582" y="790"/>
                </a:lnTo>
                <a:lnTo>
                  <a:pt x="574" y="774"/>
                </a:lnTo>
                <a:lnTo>
                  <a:pt x="578" y="756"/>
                </a:lnTo>
                <a:lnTo>
                  <a:pt x="610" y="756"/>
                </a:lnTo>
                <a:lnTo>
                  <a:pt x="630" y="766"/>
                </a:lnTo>
                <a:lnTo>
                  <a:pt x="638" y="774"/>
                </a:lnTo>
                <a:lnTo>
                  <a:pt x="668" y="776"/>
                </a:lnTo>
                <a:lnTo>
                  <a:pt x="662" y="784"/>
                </a:lnTo>
                <a:lnTo>
                  <a:pt x="660" y="792"/>
                </a:lnTo>
                <a:lnTo>
                  <a:pt x="666" y="794"/>
                </a:lnTo>
                <a:lnTo>
                  <a:pt x="672" y="784"/>
                </a:lnTo>
                <a:lnTo>
                  <a:pt x="676" y="774"/>
                </a:lnTo>
                <a:lnTo>
                  <a:pt x="706" y="774"/>
                </a:lnTo>
                <a:lnTo>
                  <a:pt x="738" y="778"/>
                </a:lnTo>
                <a:lnTo>
                  <a:pt x="754" y="776"/>
                </a:lnTo>
                <a:lnTo>
                  <a:pt x="758" y="764"/>
                </a:lnTo>
                <a:lnTo>
                  <a:pt x="804" y="764"/>
                </a:lnTo>
                <a:lnTo>
                  <a:pt x="818" y="762"/>
                </a:lnTo>
                <a:lnTo>
                  <a:pt x="810" y="754"/>
                </a:lnTo>
                <a:lnTo>
                  <a:pt x="800" y="758"/>
                </a:lnTo>
                <a:lnTo>
                  <a:pt x="786" y="750"/>
                </a:lnTo>
                <a:lnTo>
                  <a:pt x="782" y="740"/>
                </a:lnTo>
                <a:lnTo>
                  <a:pt x="782" y="732"/>
                </a:lnTo>
                <a:lnTo>
                  <a:pt x="760" y="710"/>
                </a:lnTo>
                <a:lnTo>
                  <a:pt x="738" y="700"/>
                </a:lnTo>
                <a:lnTo>
                  <a:pt x="718" y="684"/>
                </a:lnTo>
                <a:lnTo>
                  <a:pt x="704" y="666"/>
                </a:lnTo>
                <a:lnTo>
                  <a:pt x="704" y="642"/>
                </a:lnTo>
                <a:lnTo>
                  <a:pt x="718" y="628"/>
                </a:lnTo>
                <a:lnTo>
                  <a:pt x="722" y="622"/>
                </a:lnTo>
                <a:lnTo>
                  <a:pt x="726" y="612"/>
                </a:lnTo>
                <a:lnTo>
                  <a:pt x="726" y="584"/>
                </a:lnTo>
                <a:lnTo>
                  <a:pt x="754" y="562"/>
                </a:lnTo>
                <a:lnTo>
                  <a:pt x="766" y="528"/>
                </a:lnTo>
                <a:lnTo>
                  <a:pt x="768" y="504"/>
                </a:lnTo>
                <a:lnTo>
                  <a:pt x="770" y="482"/>
                </a:lnTo>
                <a:lnTo>
                  <a:pt x="794" y="482"/>
                </a:lnTo>
                <a:lnTo>
                  <a:pt x="804" y="486"/>
                </a:lnTo>
                <a:lnTo>
                  <a:pt x="828" y="470"/>
                </a:lnTo>
                <a:lnTo>
                  <a:pt x="842" y="478"/>
                </a:lnTo>
                <a:lnTo>
                  <a:pt x="858" y="480"/>
                </a:lnTo>
                <a:lnTo>
                  <a:pt x="856" y="492"/>
                </a:lnTo>
                <a:lnTo>
                  <a:pt x="850" y="504"/>
                </a:lnTo>
                <a:lnTo>
                  <a:pt x="854" y="512"/>
                </a:lnTo>
                <a:lnTo>
                  <a:pt x="858" y="506"/>
                </a:lnTo>
                <a:lnTo>
                  <a:pt x="864" y="490"/>
                </a:lnTo>
                <a:lnTo>
                  <a:pt x="874" y="484"/>
                </a:lnTo>
                <a:lnTo>
                  <a:pt x="882" y="494"/>
                </a:lnTo>
                <a:lnTo>
                  <a:pt x="894" y="508"/>
                </a:lnTo>
                <a:lnTo>
                  <a:pt x="894" y="496"/>
                </a:lnTo>
                <a:lnTo>
                  <a:pt x="878" y="472"/>
                </a:lnTo>
                <a:lnTo>
                  <a:pt x="874" y="440"/>
                </a:lnTo>
                <a:lnTo>
                  <a:pt x="872" y="410"/>
                </a:lnTo>
                <a:lnTo>
                  <a:pt x="860" y="404"/>
                </a:lnTo>
                <a:lnTo>
                  <a:pt x="858" y="388"/>
                </a:lnTo>
                <a:lnTo>
                  <a:pt x="844" y="374"/>
                </a:lnTo>
                <a:lnTo>
                  <a:pt x="828" y="364"/>
                </a:lnTo>
                <a:lnTo>
                  <a:pt x="818" y="364"/>
                </a:lnTo>
                <a:lnTo>
                  <a:pt x="812" y="372"/>
                </a:lnTo>
                <a:lnTo>
                  <a:pt x="804" y="362"/>
                </a:lnTo>
                <a:lnTo>
                  <a:pt x="796" y="346"/>
                </a:lnTo>
                <a:lnTo>
                  <a:pt x="790" y="300"/>
                </a:lnTo>
                <a:lnTo>
                  <a:pt x="778" y="262"/>
                </a:lnTo>
                <a:lnTo>
                  <a:pt x="768" y="242"/>
                </a:lnTo>
                <a:lnTo>
                  <a:pt x="756" y="222"/>
                </a:lnTo>
                <a:lnTo>
                  <a:pt x="742" y="216"/>
                </a:lnTo>
                <a:lnTo>
                  <a:pt x="722" y="216"/>
                </a:lnTo>
                <a:lnTo>
                  <a:pt x="708" y="210"/>
                </a:lnTo>
                <a:lnTo>
                  <a:pt x="698" y="204"/>
                </a:lnTo>
                <a:lnTo>
                  <a:pt x="694" y="198"/>
                </a:lnTo>
                <a:lnTo>
                  <a:pt x="704" y="190"/>
                </a:lnTo>
                <a:lnTo>
                  <a:pt x="716" y="194"/>
                </a:lnTo>
                <a:lnTo>
                  <a:pt x="734" y="196"/>
                </a:lnTo>
                <a:lnTo>
                  <a:pt x="748" y="188"/>
                </a:lnTo>
                <a:lnTo>
                  <a:pt x="774" y="172"/>
                </a:lnTo>
                <a:lnTo>
                  <a:pt x="788" y="164"/>
                </a:lnTo>
                <a:lnTo>
                  <a:pt x="822" y="162"/>
                </a:lnTo>
                <a:lnTo>
                  <a:pt x="832" y="170"/>
                </a:lnTo>
                <a:lnTo>
                  <a:pt x="850" y="184"/>
                </a:lnTo>
                <a:lnTo>
                  <a:pt x="870" y="184"/>
                </a:lnTo>
                <a:lnTo>
                  <a:pt x="886" y="202"/>
                </a:lnTo>
                <a:lnTo>
                  <a:pt x="904" y="218"/>
                </a:lnTo>
                <a:lnTo>
                  <a:pt x="896" y="226"/>
                </a:lnTo>
                <a:lnTo>
                  <a:pt x="878" y="234"/>
                </a:lnTo>
                <a:lnTo>
                  <a:pt x="860" y="252"/>
                </a:lnTo>
                <a:lnTo>
                  <a:pt x="846" y="266"/>
                </a:lnTo>
                <a:lnTo>
                  <a:pt x="850" y="282"/>
                </a:lnTo>
                <a:lnTo>
                  <a:pt x="844" y="298"/>
                </a:lnTo>
                <a:lnTo>
                  <a:pt x="848" y="318"/>
                </a:lnTo>
                <a:lnTo>
                  <a:pt x="862" y="324"/>
                </a:lnTo>
                <a:lnTo>
                  <a:pt x="882" y="324"/>
                </a:lnTo>
                <a:lnTo>
                  <a:pt x="892" y="326"/>
                </a:lnTo>
                <a:lnTo>
                  <a:pt x="906" y="338"/>
                </a:lnTo>
                <a:lnTo>
                  <a:pt x="922" y="352"/>
                </a:lnTo>
                <a:lnTo>
                  <a:pt x="928" y="354"/>
                </a:lnTo>
                <a:lnTo>
                  <a:pt x="936" y="356"/>
                </a:lnTo>
                <a:lnTo>
                  <a:pt x="946" y="346"/>
                </a:lnTo>
                <a:lnTo>
                  <a:pt x="952" y="338"/>
                </a:lnTo>
                <a:lnTo>
                  <a:pt x="956" y="346"/>
                </a:lnTo>
                <a:lnTo>
                  <a:pt x="974" y="330"/>
                </a:lnTo>
                <a:lnTo>
                  <a:pt x="994" y="306"/>
                </a:lnTo>
                <a:lnTo>
                  <a:pt x="1000" y="306"/>
                </a:lnTo>
                <a:lnTo>
                  <a:pt x="1000" y="286"/>
                </a:lnTo>
                <a:lnTo>
                  <a:pt x="988" y="266"/>
                </a:lnTo>
                <a:lnTo>
                  <a:pt x="982" y="236"/>
                </a:lnTo>
                <a:lnTo>
                  <a:pt x="966" y="218"/>
                </a:lnTo>
                <a:lnTo>
                  <a:pt x="982" y="198"/>
                </a:lnTo>
                <a:lnTo>
                  <a:pt x="998" y="186"/>
                </a:lnTo>
                <a:lnTo>
                  <a:pt x="1004" y="184"/>
                </a:lnTo>
                <a:lnTo>
                  <a:pt x="1002" y="174"/>
                </a:lnTo>
                <a:lnTo>
                  <a:pt x="988" y="164"/>
                </a:lnTo>
                <a:lnTo>
                  <a:pt x="994" y="162"/>
                </a:lnTo>
                <a:lnTo>
                  <a:pt x="1006" y="152"/>
                </a:lnTo>
                <a:lnTo>
                  <a:pt x="1028" y="116"/>
                </a:lnTo>
                <a:lnTo>
                  <a:pt x="1036" y="80"/>
                </a:lnTo>
                <a:lnTo>
                  <a:pt x="1042" y="54"/>
                </a:lnTo>
                <a:lnTo>
                  <a:pt x="1054" y="52"/>
                </a:lnTo>
                <a:lnTo>
                  <a:pt x="1070" y="20"/>
                </a:lnTo>
                <a:lnTo>
                  <a:pt x="1082" y="4"/>
                </a:lnTo>
                <a:lnTo>
                  <a:pt x="1088" y="0"/>
                </a:lnTo>
                <a:lnTo>
                  <a:pt x="1088" y="2512"/>
                </a:lnTo>
                <a:lnTo>
                  <a:pt x="1076" y="2523"/>
                </a:lnTo>
                <a:lnTo>
                  <a:pt x="1068" y="2523"/>
                </a:lnTo>
                <a:lnTo>
                  <a:pt x="1062" y="2518"/>
                </a:lnTo>
                <a:lnTo>
                  <a:pt x="1040" y="2527"/>
                </a:lnTo>
                <a:lnTo>
                  <a:pt x="1030" y="2525"/>
                </a:lnTo>
                <a:lnTo>
                  <a:pt x="1030" y="2512"/>
                </a:lnTo>
                <a:lnTo>
                  <a:pt x="1022" y="2510"/>
                </a:lnTo>
                <a:lnTo>
                  <a:pt x="1020" y="2496"/>
                </a:lnTo>
                <a:lnTo>
                  <a:pt x="1004" y="2478"/>
                </a:lnTo>
                <a:lnTo>
                  <a:pt x="1026" y="2464"/>
                </a:lnTo>
                <a:lnTo>
                  <a:pt x="1008" y="2446"/>
                </a:lnTo>
                <a:lnTo>
                  <a:pt x="990" y="2442"/>
                </a:lnTo>
                <a:lnTo>
                  <a:pt x="982" y="2420"/>
                </a:lnTo>
                <a:lnTo>
                  <a:pt x="950" y="2404"/>
                </a:lnTo>
                <a:lnTo>
                  <a:pt x="936" y="2412"/>
                </a:lnTo>
                <a:lnTo>
                  <a:pt x="924" y="2410"/>
                </a:lnTo>
                <a:lnTo>
                  <a:pt x="906" y="2416"/>
                </a:lnTo>
                <a:lnTo>
                  <a:pt x="886" y="2438"/>
                </a:lnTo>
                <a:lnTo>
                  <a:pt x="848" y="2442"/>
                </a:lnTo>
                <a:lnTo>
                  <a:pt x="846" y="2476"/>
                </a:lnTo>
                <a:lnTo>
                  <a:pt x="826" y="2486"/>
                </a:lnTo>
                <a:lnTo>
                  <a:pt x="812" y="2482"/>
                </a:lnTo>
                <a:lnTo>
                  <a:pt x="792" y="2466"/>
                </a:lnTo>
                <a:lnTo>
                  <a:pt x="782" y="2452"/>
                </a:lnTo>
                <a:lnTo>
                  <a:pt x="778" y="2430"/>
                </a:lnTo>
                <a:lnTo>
                  <a:pt x="768" y="2422"/>
                </a:lnTo>
                <a:lnTo>
                  <a:pt x="768" y="2402"/>
                </a:lnTo>
                <a:lnTo>
                  <a:pt x="752" y="2396"/>
                </a:lnTo>
                <a:lnTo>
                  <a:pt x="738" y="2380"/>
                </a:lnTo>
                <a:lnTo>
                  <a:pt x="740" y="2354"/>
                </a:lnTo>
                <a:lnTo>
                  <a:pt x="746" y="2352"/>
                </a:lnTo>
                <a:lnTo>
                  <a:pt x="766" y="2348"/>
                </a:lnTo>
                <a:lnTo>
                  <a:pt x="780" y="2356"/>
                </a:lnTo>
                <a:lnTo>
                  <a:pt x="786" y="2356"/>
                </a:lnTo>
                <a:lnTo>
                  <a:pt x="800" y="2354"/>
                </a:lnTo>
                <a:lnTo>
                  <a:pt x="816" y="2332"/>
                </a:lnTo>
                <a:lnTo>
                  <a:pt x="816" y="2316"/>
                </a:lnTo>
                <a:lnTo>
                  <a:pt x="830" y="2312"/>
                </a:lnTo>
                <a:lnTo>
                  <a:pt x="832" y="2300"/>
                </a:lnTo>
                <a:lnTo>
                  <a:pt x="802" y="2286"/>
                </a:lnTo>
                <a:lnTo>
                  <a:pt x="798" y="2270"/>
                </a:lnTo>
                <a:lnTo>
                  <a:pt x="788" y="2264"/>
                </a:lnTo>
                <a:lnTo>
                  <a:pt x="768" y="2264"/>
                </a:lnTo>
                <a:lnTo>
                  <a:pt x="758" y="2270"/>
                </a:lnTo>
                <a:lnTo>
                  <a:pt x="744" y="2274"/>
                </a:lnTo>
                <a:lnTo>
                  <a:pt x="744" y="2254"/>
                </a:lnTo>
                <a:lnTo>
                  <a:pt x="740" y="2240"/>
                </a:lnTo>
                <a:lnTo>
                  <a:pt x="716" y="2238"/>
                </a:lnTo>
                <a:lnTo>
                  <a:pt x="694" y="2228"/>
                </a:lnTo>
                <a:lnTo>
                  <a:pt x="682" y="2210"/>
                </a:lnTo>
                <a:lnTo>
                  <a:pt x="666" y="2200"/>
                </a:lnTo>
                <a:lnTo>
                  <a:pt x="668" y="2186"/>
                </a:lnTo>
                <a:lnTo>
                  <a:pt x="634" y="2168"/>
                </a:lnTo>
                <a:lnTo>
                  <a:pt x="640" y="2130"/>
                </a:lnTo>
                <a:lnTo>
                  <a:pt x="618" y="2108"/>
                </a:lnTo>
                <a:lnTo>
                  <a:pt x="624" y="2094"/>
                </a:lnTo>
                <a:lnTo>
                  <a:pt x="614" y="2070"/>
                </a:lnTo>
                <a:lnTo>
                  <a:pt x="602" y="2074"/>
                </a:lnTo>
                <a:lnTo>
                  <a:pt x="590" y="2064"/>
                </a:lnTo>
                <a:lnTo>
                  <a:pt x="572" y="2054"/>
                </a:lnTo>
                <a:lnTo>
                  <a:pt x="540" y="2056"/>
                </a:lnTo>
                <a:lnTo>
                  <a:pt x="524" y="2070"/>
                </a:lnTo>
                <a:lnTo>
                  <a:pt x="512" y="2088"/>
                </a:lnTo>
                <a:lnTo>
                  <a:pt x="496" y="2074"/>
                </a:lnTo>
                <a:lnTo>
                  <a:pt x="500" y="2062"/>
                </a:lnTo>
                <a:lnTo>
                  <a:pt x="494" y="2054"/>
                </a:lnTo>
                <a:lnTo>
                  <a:pt x="468" y="2054"/>
                </a:lnTo>
                <a:lnTo>
                  <a:pt x="448" y="2070"/>
                </a:lnTo>
                <a:lnTo>
                  <a:pt x="438" y="2056"/>
                </a:lnTo>
                <a:lnTo>
                  <a:pt x="422" y="2056"/>
                </a:lnTo>
                <a:lnTo>
                  <a:pt x="420" y="2062"/>
                </a:lnTo>
                <a:lnTo>
                  <a:pt x="410" y="2060"/>
                </a:lnTo>
                <a:lnTo>
                  <a:pt x="402" y="2054"/>
                </a:lnTo>
                <a:lnTo>
                  <a:pt x="402" y="2032"/>
                </a:lnTo>
                <a:lnTo>
                  <a:pt x="378" y="1998"/>
                </a:lnTo>
                <a:lnTo>
                  <a:pt x="366" y="1984"/>
                </a:lnTo>
                <a:lnTo>
                  <a:pt x="362" y="1970"/>
                </a:lnTo>
                <a:lnTo>
                  <a:pt x="346" y="1968"/>
                </a:lnTo>
                <a:lnTo>
                  <a:pt x="348" y="1948"/>
                </a:lnTo>
                <a:lnTo>
                  <a:pt x="342" y="1940"/>
                </a:lnTo>
                <a:lnTo>
                  <a:pt x="348" y="1932"/>
                </a:lnTo>
                <a:lnTo>
                  <a:pt x="348" y="1922"/>
                </a:lnTo>
                <a:lnTo>
                  <a:pt x="336" y="1912"/>
                </a:lnTo>
                <a:lnTo>
                  <a:pt x="318" y="1904"/>
                </a:lnTo>
                <a:lnTo>
                  <a:pt x="316" y="1896"/>
                </a:lnTo>
                <a:lnTo>
                  <a:pt x="300" y="1894"/>
                </a:lnTo>
                <a:lnTo>
                  <a:pt x="302" y="1876"/>
                </a:lnTo>
                <a:lnTo>
                  <a:pt x="310" y="1856"/>
                </a:lnTo>
                <a:lnTo>
                  <a:pt x="318" y="1856"/>
                </a:lnTo>
                <a:lnTo>
                  <a:pt x="324" y="1846"/>
                </a:lnTo>
                <a:lnTo>
                  <a:pt x="310" y="1836"/>
                </a:lnTo>
                <a:lnTo>
                  <a:pt x="306" y="1822"/>
                </a:lnTo>
                <a:lnTo>
                  <a:pt x="298" y="1820"/>
                </a:lnTo>
                <a:lnTo>
                  <a:pt x="288" y="1806"/>
                </a:lnTo>
                <a:lnTo>
                  <a:pt x="290" y="1786"/>
                </a:lnTo>
                <a:lnTo>
                  <a:pt x="282" y="1766"/>
                </a:lnTo>
                <a:lnTo>
                  <a:pt x="274" y="1748"/>
                </a:lnTo>
                <a:lnTo>
                  <a:pt x="268" y="1732"/>
                </a:lnTo>
                <a:lnTo>
                  <a:pt x="274" y="1718"/>
                </a:lnTo>
                <a:lnTo>
                  <a:pt x="282" y="1708"/>
                </a:lnTo>
                <a:lnTo>
                  <a:pt x="282" y="1670"/>
                </a:lnTo>
                <a:lnTo>
                  <a:pt x="294" y="1660"/>
                </a:lnTo>
                <a:lnTo>
                  <a:pt x="300" y="1652"/>
                </a:lnTo>
                <a:lnTo>
                  <a:pt x="294" y="1644"/>
                </a:lnTo>
                <a:lnTo>
                  <a:pt x="286" y="164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48" name="Freeform 61"/>
          <p:cNvSpPr>
            <a:spLocks/>
          </p:cNvSpPr>
          <p:nvPr/>
        </p:nvSpPr>
        <p:spPr bwMode="auto">
          <a:xfrm>
            <a:off x="7486650" y="63500"/>
            <a:ext cx="123825" cy="134938"/>
          </a:xfrm>
          <a:custGeom>
            <a:avLst/>
            <a:gdLst>
              <a:gd name="T0" fmla="*/ 2147483647 w 96"/>
              <a:gd name="T1" fmla="*/ 0 h 104"/>
              <a:gd name="T2" fmla="*/ 2147483647 w 96"/>
              <a:gd name="T3" fmla="*/ 0 h 104"/>
              <a:gd name="T4" fmla="*/ 2147483647 w 96"/>
              <a:gd name="T5" fmla="*/ 0 h 104"/>
              <a:gd name="T6" fmla="*/ 2147483647 w 96"/>
              <a:gd name="T7" fmla="*/ 2147483647 h 104"/>
              <a:gd name="T8" fmla="*/ 2147483647 w 96"/>
              <a:gd name="T9" fmla="*/ 2147483647 h 104"/>
              <a:gd name="T10" fmla="*/ 2147483647 w 96"/>
              <a:gd name="T11" fmla="*/ 2147483647 h 104"/>
              <a:gd name="T12" fmla="*/ 2147483647 w 96"/>
              <a:gd name="T13" fmla="*/ 2147483647 h 104"/>
              <a:gd name="T14" fmla="*/ 2147483647 w 96"/>
              <a:gd name="T15" fmla="*/ 2147483647 h 104"/>
              <a:gd name="T16" fmla="*/ 2147483647 w 96"/>
              <a:gd name="T17" fmla="*/ 2147483647 h 104"/>
              <a:gd name="T18" fmla="*/ 2147483647 w 96"/>
              <a:gd name="T19" fmla="*/ 2147483647 h 104"/>
              <a:gd name="T20" fmla="*/ 2147483647 w 96"/>
              <a:gd name="T21" fmla="*/ 2147483647 h 104"/>
              <a:gd name="T22" fmla="*/ 2147483647 w 96"/>
              <a:gd name="T23" fmla="*/ 2147483647 h 104"/>
              <a:gd name="T24" fmla="*/ 2147483647 w 96"/>
              <a:gd name="T25" fmla="*/ 2147483647 h 104"/>
              <a:gd name="T26" fmla="*/ 2147483647 w 96"/>
              <a:gd name="T27" fmla="*/ 2147483647 h 104"/>
              <a:gd name="T28" fmla="*/ 2147483647 w 96"/>
              <a:gd name="T29" fmla="*/ 2147483647 h 104"/>
              <a:gd name="T30" fmla="*/ 2147483647 w 96"/>
              <a:gd name="T31" fmla="*/ 2147483647 h 104"/>
              <a:gd name="T32" fmla="*/ 2147483647 w 96"/>
              <a:gd name="T33" fmla="*/ 2147483647 h 104"/>
              <a:gd name="T34" fmla="*/ 2147483647 w 96"/>
              <a:gd name="T35" fmla="*/ 2147483647 h 104"/>
              <a:gd name="T36" fmla="*/ 2147483647 w 96"/>
              <a:gd name="T37" fmla="*/ 2147483647 h 104"/>
              <a:gd name="T38" fmla="*/ 2147483647 w 96"/>
              <a:gd name="T39" fmla="*/ 2147483647 h 104"/>
              <a:gd name="T40" fmla="*/ 2147483647 w 96"/>
              <a:gd name="T41" fmla="*/ 2147483647 h 104"/>
              <a:gd name="T42" fmla="*/ 2147483647 w 96"/>
              <a:gd name="T43" fmla="*/ 2147483647 h 104"/>
              <a:gd name="T44" fmla="*/ 2147483647 w 96"/>
              <a:gd name="T45" fmla="*/ 2147483647 h 104"/>
              <a:gd name="T46" fmla="*/ 2147483647 w 96"/>
              <a:gd name="T47" fmla="*/ 2147483647 h 104"/>
              <a:gd name="T48" fmla="*/ 2147483647 w 96"/>
              <a:gd name="T49" fmla="*/ 2147483647 h 104"/>
              <a:gd name="T50" fmla="*/ 0 w 96"/>
              <a:gd name="T51" fmla="*/ 2147483647 h 104"/>
              <a:gd name="T52" fmla="*/ 2147483647 w 96"/>
              <a:gd name="T53" fmla="*/ 2147483647 h 104"/>
              <a:gd name="T54" fmla="*/ 2147483647 w 96"/>
              <a:gd name="T55" fmla="*/ 2147483647 h 104"/>
              <a:gd name="T56" fmla="*/ 2147483647 w 96"/>
              <a:gd name="T57" fmla="*/ 0 h 104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0" t="0" r="r" b="b"/>
            <a:pathLst>
              <a:path w="96" h="104">
                <a:moveTo>
                  <a:pt x="18" y="0"/>
                </a:moveTo>
                <a:lnTo>
                  <a:pt x="38" y="0"/>
                </a:lnTo>
                <a:lnTo>
                  <a:pt x="58" y="0"/>
                </a:lnTo>
                <a:lnTo>
                  <a:pt x="62" y="2"/>
                </a:lnTo>
                <a:lnTo>
                  <a:pt x="80" y="2"/>
                </a:lnTo>
                <a:lnTo>
                  <a:pt x="90" y="8"/>
                </a:lnTo>
                <a:lnTo>
                  <a:pt x="96" y="14"/>
                </a:lnTo>
                <a:lnTo>
                  <a:pt x="96" y="24"/>
                </a:lnTo>
                <a:lnTo>
                  <a:pt x="94" y="28"/>
                </a:lnTo>
                <a:lnTo>
                  <a:pt x="92" y="24"/>
                </a:lnTo>
                <a:lnTo>
                  <a:pt x="86" y="22"/>
                </a:lnTo>
                <a:lnTo>
                  <a:pt x="84" y="30"/>
                </a:lnTo>
                <a:lnTo>
                  <a:pt x="86" y="40"/>
                </a:lnTo>
                <a:lnTo>
                  <a:pt x="86" y="52"/>
                </a:lnTo>
                <a:lnTo>
                  <a:pt x="86" y="66"/>
                </a:lnTo>
                <a:lnTo>
                  <a:pt x="80" y="72"/>
                </a:lnTo>
                <a:lnTo>
                  <a:pt x="74" y="86"/>
                </a:lnTo>
                <a:lnTo>
                  <a:pt x="58" y="100"/>
                </a:lnTo>
                <a:lnTo>
                  <a:pt x="50" y="104"/>
                </a:lnTo>
                <a:lnTo>
                  <a:pt x="36" y="100"/>
                </a:lnTo>
                <a:lnTo>
                  <a:pt x="24" y="94"/>
                </a:lnTo>
                <a:lnTo>
                  <a:pt x="16" y="82"/>
                </a:lnTo>
                <a:lnTo>
                  <a:pt x="14" y="74"/>
                </a:lnTo>
                <a:lnTo>
                  <a:pt x="10" y="62"/>
                </a:lnTo>
                <a:lnTo>
                  <a:pt x="2" y="54"/>
                </a:lnTo>
                <a:lnTo>
                  <a:pt x="0" y="22"/>
                </a:lnTo>
                <a:lnTo>
                  <a:pt x="6" y="12"/>
                </a:lnTo>
                <a:lnTo>
                  <a:pt x="12" y="6"/>
                </a:lnTo>
                <a:lnTo>
                  <a:pt x="18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49" name="Freeform 62"/>
          <p:cNvSpPr>
            <a:spLocks/>
          </p:cNvSpPr>
          <p:nvPr/>
        </p:nvSpPr>
        <p:spPr bwMode="auto">
          <a:xfrm>
            <a:off x="2760663" y="739775"/>
            <a:ext cx="757237" cy="604838"/>
          </a:xfrm>
          <a:custGeom>
            <a:avLst/>
            <a:gdLst>
              <a:gd name="T0" fmla="*/ 2147483647 w 584"/>
              <a:gd name="T1" fmla="*/ 2147483647 h 468"/>
              <a:gd name="T2" fmla="*/ 2147483647 w 584"/>
              <a:gd name="T3" fmla="*/ 2147483647 h 468"/>
              <a:gd name="T4" fmla="*/ 2147483647 w 584"/>
              <a:gd name="T5" fmla="*/ 2147483647 h 468"/>
              <a:gd name="T6" fmla="*/ 2147483647 w 584"/>
              <a:gd name="T7" fmla="*/ 2147483647 h 468"/>
              <a:gd name="T8" fmla="*/ 2147483647 w 584"/>
              <a:gd name="T9" fmla="*/ 2147483647 h 468"/>
              <a:gd name="T10" fmla="*/ 2147483647 w 584"/>
              <a:gd name="T11" fmla="*/ 2147483647 h 468"/>
              <a:gd name="T12" fmla="*/ 0 w 584"/>
              <a:gd name="T13" fmla="*/ 2147483647 h 468"/>
              <a:gd name="T14" fmla="*/ 2147483647 w 584"/>
              <a:gd name="T15" fmla="*/ 2147483647 h 468"/>
              <a:gd name="T16" fmla="*/ 2147483647 w 584"/>
              <a:gd name="T17" fmla="*/ 2147483647 h 468"/>
              <a:gd name="T18" fmla="*/ 2147483647 w 584"/>
              <a:gd name="T19" fmla="*/ 2147483647 h 468"/>
              <a:gd name="T20" fmla="*/ 2147483647 w 584"/>
              <a:gd name="T21" fmla="*/ 2147483647 h 468"/>
              <a:gd name="T22" fmla="*/ 2147483647 w 584"/>
              <a:gd name="T23" fmla="*/ 2147483647 h 468"/>
              <a:gd name="T24" fmla="*/ 2147483647 w 584"/>
              <a:gd name="T25" fmla="*/ 2147483647 h 468"/>
              <a:gd name="T26" fmla="*/ 2147483647 w 584"/>
              <a:gd name="T27" fmla="*/ 2147483647 h 468"/>
              <a:gd name="T28" fmla="*/ 2147483647 w 584"/>
              <a:gd name="T29" fmla="*/ 2147483647 h 468"/>
              <a:gd name="T30" fmla="*/ 2147483647 w 584"/>
              <a:gd name="T31" fmla="*/ 2147483647 h 468"/>
              <a:gd name="T32" fmla="*/ 2147483647 w 584"/>
              <a:gd name="T33" fmla="*/ 2147483647 h 468"/>
              <a:gd name="T34" fmla="*/ 2147483647 w 584"/>
              <a:gd name="T35" fmla="*/ 2147483647 h 468"/>
              <a:gd name="T36" fmla="*/ 2147483647 w 584"/>
              <a:gd name="T37" fmla="*/ 2147483647 h 468"/>
              <a:gd name="T38" fmla="*/ 2147483647 w 584"/>
              <a:gd name="T39" fmla="*/ 2147483647 h 468"/>
              <a:gd name="T40" fmla="*/ 2147483647 w 584"/>
              <a:gd name="T41" fmla="*/ 2147483647 h 468"/>
              <a:gd name="T42" fmla="*/ 2147483647 w 584"/>
              <a:gd name="T43" fmla="*/ 2147483647 h 468"/>
              <a:gd name="T44" fmla="*/ 2147483647 w 584"/>
              <a:gd name="T45" fmla="*/ 2147483647 h 468"/>
              <a:gd name="T46" fmla="*/ 2147483647 w 584"/>
              <a:gd name="T47" fmla="*/ 2147483647 h 468"/>
              <a:gd name="T48" fmla="*/ 2147483647 w 584"/>
              <a:gd name="T49" fmla="*/ 2147483647 h 468"/>
              <a:gd name="T50" fmla="*/ 2147483647 w 584"/>
              <a:gd name="T51" fmla="*/ 2147483647 h 468"/>
              <a:gd name="T52" fmla="*/ 2147483647 w 584"/>
              <a:gd name="T53" fmla="*/ 0 h 468"/>
              <a:gd name="T54" fmla="*/ 2147483647 w 584"/>
              <a:gd name="T55" fmla="*/ 2147483647 h 468"/>
              <a:gd name="T56" fmla="*/ 2147483647 w 584"/>
              <a:gd name="T57" fmla="*/ 2147483647 h 468"/>
              <a:gd name="T58" fmla="*/ 2147483647 w 584"/>
              <a:gd name="T59" fmla="*/ 2147483647 h 468"/>
              <a:gd name="T60" fmla="*/ 2147483647 w 584"/>
              <a:gd name="T61" fmla="*/ 2147483647 h 468"/>
              <a:gd name="T62" fmla="*/ 2147483647 w 584"/>
              <a:gd name="T63" fmla="*/ 2147483647 h 468"/>
              <a:gd name="T64" fmla="*/ 2147483647 w 584"/>
              <a:gd name="T65" fmla="*/ 2147483647 h 468"/>
              <a:gd name="T66" fmla="*/ 2147483647 w 584"/>
              <a:gd name="T67" fmla="*/ 2147483647 h 468"/>
              <a:gd name="T68" fmla="*/ 2147483647 w 584"/>
              <a:gd name="T69" fmla="*/ 2147483647 h 468"/>
              <a:gd name="T70" fmla="*/ 2147483647 w 584"/>
              <a:gd name="T71" fmla="*/ 2147483647 h 468"/>
              <a:gd name="T72" fmla="*/ 2147483647 w 584"/>
              <a:gd name="T73" fmla="*/ 2147483647 h 468"/>
              <a:gd name="T74" fmla="*/ 2147483647 w 584"/>
              <a:gd name="T75" fmla="*/ 2147483647 h 468"/>
              <a:gd name="T76" fmla="*/ 2147483647 w 584"/>
              <a:gd name="T77" fmla="*/ 2147483647 h 468"/>
              <a:gd name="T78" fmla="*/ 2147483647 w 584"/>
              <a:gd name="T79" fmla="*/ 2147483647 h 468"/>
              <a:gd name="T80" fmla="*/ 2147483647 w 584"/>
              <a:gd name="T81" fmla="*/ 2147483647 h 468"/>
              <a:gd name="T82" fmla="*/ 2147483647 w 584"/>
              <a:gd name="T83" fmla="*/ 2147483647 h 468"/>
              <a:gd name="T84" fmla="*/ 2147483647 w 584"/>
              <a:gd name="T85" fmla="*/ 2147483647 h 468"/>
              <a:gd name="T86" fmla="*/ 2147483647 w 584"/>
              <a:gd name="T87" fmla="*/ 2147483647 h 468"/>
              <a:gd name="T88" fmla="*/ 2147483647 w 584"/>
              <a:gd name="T89" fmla="*/ 2147483647 h 468"/>
              <a:gd name="T90" fmla="*/ 2147483647 w 584"/>
              <a:gd name="T91" fmla="*/ 2147483647 h 468"/>
              <a:gd name="T92" fmla="*/ 2147483647 w 584"/>
              <a:gd name="T93" fmla="*/ 2147483647 h 468"/>
              <a:gd name="T94" fmla="*/ 2147483647 w 584"/>
              <a:gd name="T95" fmla="*/ 2147483647 h 468"/>
              <a:gd name="T96" fmla="*/ 2147483647 w 584"/>
              <a:gd name="T97" fmla="*/ 2147483647 h 468"/>
              <a:gd name="T98" fmla="*/ 2147483647 w 584"/>
              <a:gd name="T99" fmla="*/ 2147483647 h 468"/>
              <a:gd name="T100" fmla="*/ 2147483647 w 584"/>
              <a:gd name="T101" fmla="*/ 2147483647 h 468"/>
              <a:gd name="T102" fmla="*/ 2147483647 w 584"/>
              <a:gd name="T103" fmla="*/ 2147483647 h 468"/>
              <a:gd name="T104" fmla="*/ 2147483647 w 584"/>
              <a:gd name="T105" fmla="*/ 2147483647 h 468"/>
              <a:gd name="T106" fmla="*/ 2147483647 w 584"/>
              <a:gd name="T107" fmla="*/ 2147483647 h 468"/>
              <a:gd name="T108" fmla="*/ 2147483647 w 584"/>
              <a:gd name="T109" fmla="*/ 2147483647 h 468"/>
              <a:gd name="T110" fmla="*/ 2147483647 w 584"/>
              <a:gd name="T111" fmla="*/ 2147483647 h 468"/>
              <a:gd name="T112" fmla="*/ 2147483647 w 584"/>
              <a:gd name="T113" fmla="*/ 2147483647 h 468"/>
              <a:gd name="T114" fmla="*/ 2147483647 w 584"/>
              <a:gd name="T115" fmla="*/ 2147483647 h 468"/>
              <a:gd name="T116" fmla="*/ 2147483647 w 584"/>
              <a:gd name="T117" fmla="*/ 2147483647 h 468"/>
              <a:gd name="T118" fmla="*/ 2147483647 w 584"/>
              <a:gd name="T119" fmla="*/ 2147483647 h 468"/>
              <a:gd name="T120" fmla="*/ 2147483647 w 584"/>
              <a:gd name="T121" fmla="*/ 2147483647 h 468"/>
              <a:gd name="T122" fmla="*/ 2147483647 w 584"/>
              <a:gd name="T123" fmla="*/ 2147483647 h 468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0" t="0" r="r" b="b"/>
            <a:pathLst>
              <a:path w="584" h="468">
                <a:moveTo>
                  <a:pt x="94" y="348"/>
                </a:moveTo>
                <a:lnTo>
                  <a:pt x="74" y="350"/>
                </a:lnTo>
                <a:lnTo>
                  <a:pt x="68" y="340"/>
                </a:lnTo>
                <a:lnTo>
                  <a:pt x="52" y="338"/>
                </a:lnTo>
                <a:lnTo>
                  <a:pt x="36" y="328"/>
                </a:lnTo>
                <a:lnTo>
                  <a:pt x="18" y="324"/>
                </a:lnTo>
                <a:lnTo>
                  <a:pt x="14" y="318"/>
                </a:lnTo>
                <a:lnTo>
                  <a:pt x="14" y="312"/>
                </a:lnTo>
                <a:lnTo>
                  <a:pt x="16" y="302"/>
                </a:lnTo>
                <a:lnTo>
                  <a:pt x="24" y="288"/>
                </a:lnTo>
                <a:lnTo>
                  <a:pt x="30" y="298"/>
                </a:lnTo>
                <a:lnTo>
                  <a:pt x="40" y="308"/>
                </a:lnTo>
                <a:lnTo>
                  <a:pt x="60" y="310"/>
                </a:lnTo>
                <a:lnTo>
                  <a:pt x="78" y="308"/>
                </a:lnTo>
                <a:lnTo>
                  <a:pt x="78" y="292"/>
                </a:lnTo>
                <a:lnTo>
                  <a:pt x="72" y="284"/>
                </a:lnTo>
                <a:lnTo>
                  <a:pt x="74" y="278"/>
                </a:lnTo>
                <a:lnTo>
                  <a:pt x="88" y="280"/>
                </a:lnTo>
                <a:lnTo>
                  <a:pt x="100" y="278"/>
                </a:lnTo>
                <a:lnTo>
                  <a:pt x="88" y="270"/>
                </a:lnTo>
                <a:lnTo>
                  <a:pt x="78" y="266"/>
                </a:lnTo>
                <a:lnTo>
                  <a:pt x="74" y="258"/>
                </a:lnTo>
                <a:lnTo>
                  <a:pt x="84" y="254"/>
                </a:lnTo>
                <a:lnTo>
                  <a:pt x="102" y="252"/>
                </a:lnTo>
                <a:lnTo>
                  <a:pt x="94" y="248"/>
                </a:lnTo>
                <a:lnTo>
                  <a:pt x="72" y="246"/>
                </a:lnTo>
                <a:lnTo>
                  <a:pt x="72" y="228"/>
                </a:lnTo>
                <a:lnTo>
                  <a:pt x="84" y="222"/>
                </a:lnTo>
                <a:lnTo>
                  <a:pt x="84" y="214"/>
                </a:lnTo>
                <a:lnTo>
                  <a:pt x="66" y="204"/>
                </a:lnTo>
                <a:lnTo>
                  <a:pt x="50" y="192"/>
                </a:lnTo>
                <a:lnTo>
                  <a:pt x="34" y="184"/>
                </a:lnTo>
                <a:lnTo>
                  <a:pt x="18" y="186"/>
                </a:lnTo>
                <a:lnTo>
                  <a:pt x="0" y="178"/>
                </a:lnTo>
                <a:lnTo>
                  <a:pt x="0" y="166"/>
                </a:lnTo>
                <a:lnTo>
                  <a:pt x="2" y="162"/>
                </a:lnTo>
                <a:lnTo>
                  <a:pt x="6" y="158"/>
                </a:lnTo>
                <a:lnTo>
                  <a:pt x="8" y="156"/>
                </a:lnTo>
                <a:lnTo>
                  <a:pt x="10" y="158"/>
                </a:lnTo>
                <a:lnTo>
                  <a:pt x="14" y="160"/>
                </a:lnTo>
                <a:lnTo>
                  <a:pt x="18" y="164"/>
                </a:lnTo>
                <a:lnTo>
                  <a:pt x="28" y="168"/>
                </a:lnTo>
                <a:lnTo>
                  <a:pt x="44" y="170"/>
                </a:lnTo>
                <a:lnTo>
                  <a:pt x="58" y="174"/>
                </a:lnTo>
                <a:lnTo>
                  <a:pt x="72" y="172"/>
                </a:lnTo>
                <a:lnTo>
                  <a:pt x="80" y="170"/>
                </a:lnTo>
                <a:lnTo>
                  <a:pt x="82" y="178"/>
                </a:lnTo>
                <a:lnTo>
                  <a:pt x="102" y="180"/>
                </a:lnTo>
                <a:lnTo>
                  <a:pt x="112" y="192"/>
                </a:lnTo>
                <a:lnTo>
                  <a:pt x="116" y="194"/>
                </a:lnTo>
                <a:lnTo>
                  <a:pt x="120" y="196"/>
                </a:lnTo>
                <a:lnTo>
                  <a:pt x="124" y="196"/>
                </a:lnTo>
                <a:lnTo>
                  <a:pt x="130" y="192"/>
                </a:lnTo>
                <a:lnTo>
                  <a:pt x="134" y="188"/>
                </a:lnTo>
                <a:lnTo>
                  <a:pt x="140" y="180"/>
                </a:lnTo>
                <a:lnTo>
                  <a:pt x="130" y="180"/>
                </a:lnTo>
                <a:lnTo>
                  <a:pt x="116" y="182"/>
                </a:lnTo>
                <a:lnTo>
                  <a:pt x="108" y="172"/>
                </a:lnTo>
                <a:lnTo>
                  <a:pt x="98" y="162"/>
                </a:lnTo>
                <a:lnTo>
                  <a:pt x="106" y="156"/>
                </a:lnTo>
                <a:lnTo>
                  <a:pt x="116" y="154"/>
                </a:lnTo>
                <a:lnTo>
                  <a:pt x="128" y="154"/>
                </a:lnTo>
                <a:lnTo>
                  <a:pt x="142" y="150"/>
                </a:lnTo>
                <a:lnTo>
                  <a:pt x="146" y="140"/>
                </a:lnTo>
                <a:lnTo>
                  <a:pt x="142" y="134"/>
                </a:lnTo>
                <a:lnTo>
                  <a:pt x="132" y="138"/>
                </a:lnTo>
                <a:lnTo>
                  <a:pt x="124" y="138"/>
                </a:lnTo>
                <a:lnTo>
                  <a:pt x="122" y="132"/>
                </a:lnTo>
                <a:lnTo>
                  <a:pt x="128" y="124"/>
                </a:lnTo>
                <a:lnTo>
                  <a:pt x="120" y="118"/>
                </a:lnTo>
                <a:lnTo>
                  <a:pt x="112" y="118"/>
                </a:lnTo>
                <a:lnTo>
                  <a:pt x="108" y="108"/>
                </a:lnTo>
                <a:lnTo>
                  <a:pt x="92" y="106"/>
                </a:lnTo>
                <a:lnTo>
                  <a:pt x="78" y="106"/>
                </a:lnTo>
                <a:lnTo>
                  <a:pt x="64" y="104"/>
                </a:lnTo>
                <a:lnTo>
                  <a:pt x="48" y="104"/>
                </a:lnTo>
                <a:lnTo>
                  <a:pt x="40" y="96"/>
                </a:lnTo>
                <a:lnTo>
                  <a:pt x="38" y="88"/>
                </a:lnTo>
                <a:lnTo>
                  <a:pt x="34" y="86"/>
                </a:lnTo>
                <a:lnTo>
                  <a:pt x="22" y="82"/>
                </a:lnTo>
                <a:lnTo>
                  <a:pt x="22" y="74"/>
                </a:lnTo>
                <a:lnTo>
                  <a:pt x="28" y="68"/>
                </a:lnTo>
                <a:lnTo>
                  <a:pt x="36" y="66"/>
                </a:lnTo>
                <a:lnTo>
                  <a:pt x="44" y="72"/>
                </a:lnTo>
                <a:lnTo>
                  <a:pt x="48" y="80"/>
                </a:lnTo>
                <a:lnTo>
                  <a:pt x="54" y="80"/>
                </a:lnTo>
                <a:lnTo>
                  <a:pt x="54" y="70"/>
                </a:lnTo>
                <a:lnTo>
                  <a:pt x="50" y="62"/>
                </a:lnTo>
                <a:lnTo>
                  <a:pt x="52" y="52"/>
                </a:lnTo>
                <a:lnTo>
                  <a:pt x="60" y="52"/>
                </a:lnTo>
                <a:lnTo>
                  <a:pt x="66" y="60"/>
                </a:lnTo>
                <a:lnTo>
                  <a:pt x="70" y="68"/>
                </a:lnTo>
                <a:lnTo>
                  <a:pt x="76" y="76"/>
                </a:lnTo>
                <a:lnTo>
                  <a:pt x="82" y="76"/>
                </a:lnTo>
                <a:lnTo>
                  <a:pt x="86" y="72"/>
                </a:lnTo>
                <a:lnTo>
                  <a:pt x="80" y="66"/>
                </a:lnTo>
                <a:lnTo>
                  <a:pt x="74" y="58"/>
                </a:lnTo>
                <a:lnTo>
                  <a:pt x="68" y="50"/>
                </a:lnTo>
                <a:lnTo>
                  <a:pt x="72" y="44"/>
                </a:lnTo>
                <a:lnTo>
                  <a:pt x="80" y="46"/>
                </a:lnTo>
                <a:lnTo>
                  <a:pt x="86" y="54"/>
                </a:lnTo>
                <a:lnTo>
                  <a:pt x="96" y="64"/>
                </a:lnTo>
                <a:lnTo>
                  <a:pt x="96" y="58"/>
                </a:lnTo>
                <a:lnTo>
                  <a:pt x="86" y="42"/>
                </a:lnTo>
                <a:lnTo>
                  <a:pt x="84" y="34"/>
                </a:lnTo>
                <a:lnTo>
                  <a:pt x="84" y="26"/>
                </a:lnTo>
                <a:lnTo>
                  <a:pt x="92" y="26"/>
                </a:lnTo>
                <a:lnTo>
                  <a:pt x="100" y="36"/>
                </a:lnTo>
                <a:lnTo>
                  <a:pt x="100" y="28"/>
                </a:lnTo>
                <a:lnTo>
                  <a:pt x="100" y="22"/>
                </a:lnTo>
                <a:lnTo>
                  <a:pt x="108" y="20"/>
                </a:lnTo>
                <a:lnTo>
                  <a:pt x="112" y="18"/>
                </a:lnTo>
                <a:lnTo>
                  <a:pt x="118" y="28"/>
                </a:lnTo>
                <a:lnTo>
                  <a:pt x="124" y="38"/>
                </a:lnTo>
                <a:lnTo>
                  <a:pt x="126" y="42"/>
                </a:lnTo>
                <a:lnTo>
                  <a:pt x="130" y="54"/>
                </a:lnTo>
                <a:lnTo>
                  <a:pt x="138" y="52"/>
                </a:lnTo>
                <a:lnTo>
                  <a:pt x="142" y="56"/>
                </a:lnTo>
                <a:lnTo>
                  <a:pt x="140" y="64"/>
                </a:lnTo>
                <a:lnTo>
                  <a:pt x="138" y="72"/>
                </a:lnTo>
                <a:lnTo>
                  <a:pt x="150" y="78"/>
                </a:lnTo>
                <a:lnTo>
                  <a:pt x="154" y="64"/>
                </a:lnTo>
                <a:lnTo>
                  <a:pt x="154" y="56"/>
                </a:lnTo>
                <a:lnTo>
                  <a:pt x="148" y="48"/>
                </a:lnTo>
                <a:lnTo>
                  <a:pt x="142" y="38"/>
                </a:lnTo>
                <a:lnTo>
                  <a:pt x="136" y="30"/>
                </a:lnTo>
                <a:lnTo>
                  <a:pt x="142" y="24"/>
                </a:lnTo>
                <a:lnTo>
                  <a:pt x="148" y="26"/>
                </a:lnTo>
                <a:lnTo>
                  <a:pt x="158" y="30"/>
                </a:lnTo>
                <a:lnTo>
                  <a:pt x="162" y="24"/>
                </a:lnTo>
                <a:lnTo>
                  <a:pt x="156" y="18"/>
                </a:lnTo>
                <a:lnTo>
                  <a:pt x="152" y="14"/>
                </a:lnTo>
                <a:lnTo>
                  <a:pt x="142" y="14"/>
                </a:lnTo>
                <a:lnTo>
                  <a:pt x="138" y="10"/>
                </a:lnTo>
                <a:lnTo>
                  <a:pt x="146" y="0"/>
                </a:lnTo>
                <a:lnTo>
                  <a:pt x="154" y="0"/>
                </a:lnTo>
                <a:lnTo>
                  <a:pt x="162" y="4"/>
                </a:lnTo>
                <a:lnTo>
                  <a:pt x="172" y="8"/>
                </a:lnTo>
                <a:lnTo>
                  <a:pt x="180" y="18"/>
                </a:lnTo>
                <a:lnTo>
                  <a:pt x="180" y="24"/>
                </a:lnTo>
                <a:lnTo>
                  <a:pt x="180" y="32"/>
                </a:lnTo>
                <a:lnTo>
                  <a:pt x="188" y="44"/>
                </a:lnTo>
                <a:lnTo>
                  <a:pt x="188" y="52"/>
                </a:lnTo>
                <a:lnTo>
                  <a:pt x="194" y="60"/>
                </a:lnTo>
                <a:lnTo>
                  <a:pt x="196" y="68"/>
                </a:lnTo>
                <a:lnTo>
                  <a:pt x="200" y="76"/>
                </a:lnTo>
                <a:lnTo>
                  <a:pt x="204" y="82"/>
                </a:lnTo>
                <a:lnTo>
                  <a:pt x="210" y="92"/>
                </a:lnTo>
                <a:lnTo>
                  <a:pt x="204" y="100"/>
                </a:lnTo>
                <a:lnTo>
                  <a:pt x="198" y="108"/>
                </a:lnTo>
                <a:lnTo>
                  <a:pt x="192" y="118"/>
                </a:lnTo>
                <a:lnTo>
                  <a:pt x="190" y="126"/>
                </a:lnTo>
                <a:lnTo>
                  <a:pt x="178" y="126"/>
                </a:lnTo>
                <a:lnTo>
                  <a:pt x="170" y="126"/>
                </a:lnTo>
                <a:lnTo>
                  <a:pt x="180" y="138"/>
                </a:lnTo>
                <a:lnTo>
                  <a:pt x="180" y="146"/>
                </a:lnTo>
                <a:lnTo>
                  <a:pt x="178" y="156"/>
                </a:lnTo>
                <a:lnTo>
                  <a:pt x="182" y="168"/>
                </a:lnTo>
                <a:lnTo>
                  <a:pt x="182" y="178"/>
                </a:lnTo>
                <a:lnTo>
                  <a:pt x="192" y="168"/>
                </a:lnTo>
                <a:lnTo>
                  <a:pt x="200" y="158"/>
                </a:lnTo>
                <a:lnTo>
                  <a:pt x="206" y="150"/>
                </a:lnTo>
                <a:lnTo>
                  <a:pt x="218" y="144"/>
                </a:lnTo>
                <a:lnTo>
                  <a:pt x="222" y="146"/>
                </a:lnTo>
                <a:lnTo>
                  <a:pt x="216" y="154"/>
                </a:lnTo>
                <a:lnTo>
                  <a:pt x="216" y="162"/>
                </a:lnTo>
                <a:lnTo>
                  <a:pt x="220" y="170"/>
                </a:lnTo>
                <a:lnTo>
                  <a:pt x="228" y="164"/>
                </a:lnTo>
                <a:lnTo>
                  <a:pt x="236" y="158"/>
                </a:lnTo>
                <a:lnTo>
                  <a:pt x="246" y="144"/>
                </a:lnTo>
                <a:lnTo>
                  <a:pt x="248" y="132"/>
                </a:lnTo>
                <a:lnTo>
                  <a:pt x="252" y="120"/>
                </a:lnTo>
                <a:lnTo>
                  <a:pt x="252" y="104"/>
                </a:lnTo>
                <a:lnTo>
                  <a:pt x="256" y="100"/>
                </a:lnTo>
                <a:lnTo>
                  <a:pt x="266" y="98"/>
                </a:lnTo>
                <a:lnTo>
                  <a:pt x="274" y="102"/>
                </a:lnTo>
                <a:lnTo>
                  <a:pt x="278" y="112"/>
                </a:lnTo>
                <a:lnTo>
                  <a:pt x="276" y="120"/>
                </a:lnTo>
                <a:lnTo>
                  <a:pt x="278" y="132"/>
                </a:lnTo>
                <a:lnTo>
                  <a:pt x="278" y="140"/>
                </a:lnTo>
                <a:lnTo>
                  <a:pt x="278" y="152"/>
                </a:lnTo>
                <a:lnTo>
                  <a:pt x="284" y="162"/>
                </a:lnTo>
                <a:lnTo>
                  <a:pt x="296" y="158"/>
                </a:lnTo>
                <a:lnTo>
                  <a:pt x="298" y="148"/>
                </a:lnTo>
                <a:lnTo>
                  <a:pt x="300" y="136"/>
                </a:lnTo>
                <a:lnTo>
                  <a:pt x="304" y="128"/>
                </a:lnTo>
                <a:lnTo>
                  <a:pt x="310" y="122"/>
                </a:lnTo>
                <a:lnTo>
                  <a:pt x="318" y="124"/>
                </a:lnTo>
                <a:lnTo>
                  <a:pt x="326" y="124"/>
                </a:lnTo>
                <a:lnTo>
                  <a:pt x="332" y="118"/>
                </a:lnTo>
                <a:lnTo>
                  <a:pt x="342" y="118"/>
                </a:lnTo>
                <a:lnTo>
                  <a:pt x="350" y="126"/>
                </a:lnTo>
                <a:lnTo>
                  <a:pt x="352" y="136"/>
                </a:lnTo>
                <a:lnTo>
                  <a:pt x="352" y="150"/>
                </a:lnTo>
                <a:lnTo>
                  <a:pt x="352" y="158"/>
                </a:lnTo>
                <a:lnTo>
                  <a:pt x="356" y="170"/>
                </a:lnTo>
                <a:lnTo>
                  <a:pt x="356" y="180"/>
                </a:lnTo>
                <a:lnTo>
                  <a:pt x="364" y="174"/>
                </a:lnTo>
                <a:lnTo>
                  <a:pt x="364" y="158"/>
                </a:lnTo>
                <a:lnTo>
                  <a:pt x="362" y="144"/>
                </a:lnTo>
                <a:lnTo>
                  <a:pt x="366" y="136"/>
                </a:lnTo>
                <a:lnTo>
                  <a:pt x="376" y="134"/>
                </a:lnTo>
                <a:lnTo>
                  <a:pt x="382" y="140"/>
                </a:lnTo>
                <a:lnTo>
                  <a:pt x="388" y="150"/>
                </a:lnTo>
                <a:lnTo>
                  <a:pt x="396" y="162"/>
                </a:lnTo>
                <a:lnTo>
                  <a:pt x="394" y="172"/>
                </a:lnTo>
                <a:lnTo>
                  <a:pt x="402" y="174"/>
                </a:lnTo>
                <a:lnTo>
                  <a:pt x="412" y="166"/>
                </a:lnTo>
                <a:lnTo>
                  <a:pt x="420" y="156"/>
                </a:lnTo>
                <a:lnTo>
                  <a:pt x="428" y="152"/>
                </a:lnTo>
                <a:lnTo>
                  <a:pt x="436" y="160"/>
                </a:lnTo>
                <a:lnTo>
                  <a:pt x="442" y="170"/>
                </a:lnTo>
                <a:lnTo>
                  <a:pt x="460" y="172"/>
                </a:lnTo>
                <a:lnTo>
                  <a:pt x="470" y="162"/>
                </a:lnTo>
                <a:lnTo>
                  <a:pt x="472" y="144"/>
                </a:lnTo>
                <a:lnTo>
                  <a:pt x="470" y="132"/>
                </a:lnTo>
                <a:lnTo>
                  <a:pt x="482" y="126"/>
                </a:lnTo>
                <a:lnTo>
                  <a:pt x="494" y="126"/>
                </a:lnTo>
                <a:lnTo>
                  <a:pt x="504" y="134"/>
                </a:lnTo>
                <a:lnTo>
                  <a:pt x="506" y="150"/>
                </a:lnTo>
                <a:lnTo>
                  <a:pt x="508" y="160"/>
                </a:lnTo>
                <a:lnTo>
                  <a:pt x="508" y="172"/>
                </a:lnTo>
                <a:lnTo>
                  <a:pt x="508" y="184"/>
                </a:lnTo>
                <a:lnTo>
                  <a:pt x="520" y="192"/>
                </a:lnTo>
                <a:lnTo>
                  <a:pt x="526" y="182"/>
                </a:lnTo>
                <a:lnTo>
                  <a:pt x="542" y="178"/>
                </a:lnTo>
                <a:lnTo>
                  <a:pt x="554" y="172"/>
                </a:lnTo>
                <a:lnTo>
                  <a:pt x="564" y="174"/>
                </a:lnTo>
                <a:lnTo>
                  <a:pt x="566" y="180"/>
                </a:lnTo>
                <a:lnTo>
                  <a:pt x="556" y="182"/>
                </a:lnTo>
                <a:lnTo>
                  <a:pt x="546" y="186"/>
                </a:lnTo>
                <a:lnTo>
                  <a:pt x="538" y="196"/>
                </a:lnTo>
                <a:lnTo>
                  <a:pt x="530" y="202"/>
                </a:lnTo>
                <a:lnTo>
                  <a:pt x="530" y="210"/>
                </a:lnTo>
                <a:lnTo>
                  <a:pt x="542" y="218"/>
                </a:lnTo>
                <a:lnTo>
                  <a:pt x="552" y="222"/>
                </a:lnTo>
                <a:lnTo>
                  <a:pt x="550" y="234"/>
                </a:lnTo>
                <a:lnTo>
                  <a:pt x="546" y="238"/>
                </a:lnTo>
                <a:lnTo>
                  <a:pt x="530" y="242"/>
                </a:lnTo>
                <a:lnTo>
                  <a:pt x="530" y="252"/>
                </a:lnTo>
                <a:lnTo>
                  <a:pt x="536" y="256"/>
                </a:lnTo>
                <a:lnTo>
                  <a:pt x="554" y="256"/>
                </a:lnTo>
                <a:lnTo>
                  <a:pt x="552" y="262"/>
                </a:lnTo>
                <a:lnTo>
                  <a:pt x="552" y="270"/>
                </a:lnTo>
                <a:lnTo>
                  <a:pt x="554" y="276"/>
                </a:lnTo>
                <a:lnTo>
                  <a:pt x="558" y="280"/>
                </a:lnTo>
                <a:lnTo>
                  <a:pt x="566" y="288"/>
                </a:lnTo>
                <a:lnTo>
                  <a:pt x="574" y="296"/>
                </a:lnTo>
                <a:lnTo>
                  <a:pt x="584" y="304"/>
                </a:lnTo>
                <a:lnTo>
                  <a:pt x="578" y="314"/>
                </a:lnTo>
                <a:lnTo>
                  <a:pt x="572" y="322"/>
                </a:lnTo>
                <a:lnTo>
                  <a:pt x="566" y="326"/>
                </a:lnTo>
                <a:lnTo>
                  <a:pt x="570" y="336"/>
                </a:lnTo>
                <a:lnTo>
                  <a:pt x="572" y="342"/>
                </a:lnTo>
                <a:lnTo>
                  <a:pt x="562" y="344"/>
                </a:lnTo>
                <a:lnTo>
                  <a:pt x="564" y="354"/>
                </a:lnTo>
                <a:lnTo>
                  <a:pt x="566" y="362"/>
                </a:lnTo>
                <a:lnTo>
                  <a:pt x="556" y="370"/>
                </a:lnTo>
                <a:lnTo>
                  <a:pt x="548" y="364"/>
                </a:lnTo>
                <a:lnTo>
                  <a:pt x="544" y="360"/>
                </a:lnTo>
                <a:lnTo>
                  <a:pt x="544" y="366"/>
                </a:lnTo>
                <a:lnTo>
                  <a:pt x="546" y="376"/>
                </a:lnTo>
                <a:lnTo>
                  <a:pt x="542" y="386"/>
                </a:lnTo>
                <a:lnTo>
                  <a:pt x="530" y="394"/>
                </a:lnTo>
                <a:lnTo>
                  <a:pt x="516" y="394"/>
                </a:lnTo>
                <a:lnTo>
                  <a:pt x="510" y="388"/>
                </a:lnTo>
                <a:lnTo>
                  <a:pt x="502" y="396"/>
                </a:lnTo>
                <a:lnTo>
                  <a:pt x="498" y="406"/>
                </a:lnTo>
                <a:lnTo>
                  <a:pt x="488" y="420"/>
                </a:lnTo>
                <a:lnTo>
                  <a:pt x="480" y="426"/>
                </a:lnTo>
                <a:lnTo>
                  <a:pt x="470" y="428"/>
                </a:lnTo>
                <a:lnTo>
                  <a:pt x="462" y="428"/>
                </a:lnTo>
                <a:lnTo>
                  <a:pt x="454" y="434"/>
                </a:lnTo>
                <a:lnTo>
                  <a:pt x="442" y="426"/>
                </a:lnTo>
                <a:lnTo>
                  <a:pt x="436" y="418"/>
                </a:lnTo>
                <a:lnTo>
                  <a:pt x="430" y="426"/>
                </a:lnTo>
                <a:lnTo>
                  <a:pt x="410" y="430"/>
                </a:lnTo>
                <a:lnTo>
                  <a:pt x="402" y="430"/>
                </a:lnTo>
                <a:lnTo>
                  <a:pt x="398" y="430"/>
                </a:lnTo>
                <a:lnTo>
                  <a:pt x="394" y="430"/>
                </a:lnTo>
                <a:lnTo>
                  <a:pt x="382" y="436"/>
                </a:lnTo>
                <a:lnTo>
                  <a:pt x="366" y="442"/>
                </a:lnTo>
                <a:lnTo>
                  <a:pt x="354" y="448"/>
                </a:lnTo>
                <a:lnTo>
                  <a:pt x="352" y="450"/>
                </a:lnTo>
                <a:lnTo>
                  <a:pt x="348" y="454"/>
                </a:lnTo>
                <a:lnTo>
                  <a:pt x="344" y="454"/>
                </a:lnTo>
                <a:lnTo>
                  <a:pt x="326" y="454"/>
                </a:lnTo>
                <a:lnTo>
                  <a:pt x="318" y="448"/>
                </a:lnTo>
                <a:lnTo>
                  <a:pt x="310" y="450"/>
                </a:lnTo>
                <a:lnTo>
                  <a:pt x="296" y="448"/>
                </a:lnTo>
                <a:lnTo>
                  <a:pt x="280" y="446"/>
                </a:lnTo>
                <a:lnTo>
                  <a:pt x="270" y="442"/>
                </a:lnTo>
                <a:lnTo>
                  <a:pt x="266" y="448"/>
                </a:lnTo>
                <a:lnTo>
                  <a:pt x="264" y="458"/>
                </a:lnTo>
                <a:lnTo>
                  <a:pt x="258" y="466"/>
                </a:lnTo>
                <a:lnTo>
                  <a:pt x="236" y="468"/>
                </a:lnTo>
                <a:lnTo>
                  <a:pt x="206" y="468"/>
                </a:lnTo>
                <a:lnTo>
                  <a:pt x="184" y="456"/>
                </a:lnTo>
                <a:lnTo>
                  <a:pt x="170" y="440"/>
                </a:lnTo>
                <a:lnTo>
                  <a:pt x="160" y="428"/>
                </a:lnTo>
                <a:lnTo>
                  <a:pt x="154" y="422"/>
                </a:lnTo>
                <a:lnTo>
                  <a:pt x="132" y="414"/>
                </a:lnTo>
                <a:lnTo>
                  <a:pt x="126" y="400"/>
                </a:lnTo>
                <a:lnTo>
                  <a:pt x="120" y="384"/>
                </a:lnTo>
                <a:lnTo>
                  <a:pt x="124" y="378"/>
                </a:lnTo>
                <a:lnTo>
                  <a:pt x="118" y="374"/>
                </a:lnTo>
                <a:lnTo>
                  <a:pt x="118" y="368"/>
                </a:lnTo>
                <a:lnTo>
                  <a:pt x="106" y="366"/>
                </a:lnTo>
                <a:lnTo>
                  <a:pt x="98" y="358"/>
                </a:lnTo>
                <a:lnTo>
                  <a:pt x="94" y="34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50" name="Freeform 63"/>
          <p:cNvSpPr>
            <a:spLocks/>
          </p:cNvSpPr>
          <p:nvPr/>
        </p:nvSpPr>
        <p:spPr bwMode="auto">
          <a:xfrm>
            <a:off x="3806825" y="1795463"/>
            <a:ext cx="84138" cy="65087"/>
          </a:xfrm>
          <a:custGeom>
            <a:avLst/>
            <a:gdLst>
              <a:gd name="T0" fmla="*/ 2147483647 w 64"/>
              <a:gd name="T1" fmla="*/ 0 h 50"/>
              <a:gd name="T2" fmla="*/ 2147483647 w 64"/>
              <a:gd name="T3" fmla="*/ 2147483647 h 50"/>
              <a:gd name="T4" fmla="*/ 2147483647 w 64"/>
              <a:gd name="T5" fmla="*/ 2147483647 h 50"/>
              <a:gd name="T6" fmla="*/ 2147483647 w 64"/>
              <a:gd name="T7" fmla="*/ 2147483647 h 50"/>
              <a:gd name="T8" fmla="*/ 2147483647 w 64"/>
              <a:gd name="T9" fmla="*/ 2147483647 h 50"/>
              <a:gd name="T10" fmla="*/ 2147483647 w 64"/>
              <a:gd name="T11" fmla="*/ 2147483647 h 50"/>
              <a:gd name="T12" fmla="*/ 2147483647 w 64"/>
              <a:gd name="T13" fmla="*/ 2147483647 h 50"/>
              <a:gd name="T14" fmla="*/ 2147483647 w 64"/>
              <a:gd name="T15" fmla="*/ 2147483647 h 50"/>
              <a:gd name="T16" fmla="*/ 2147483647 w 64"/>
              <a:gd name="T17" fmla="*/ 2147483647 h 50"/>
              <a:gd name="T18" fmla="*/ 2147483647 w 64"/>
              <a:gd name="T19" fmla="*/ 2147483647 h 50"/>
              <a:gd name="T20" fmla="*/ 2147483647 w 64"/>
              <a:gd name="T21" fmla="*/ 2147483647 h 50"/>
              <a:gd name="T22" fmla="*/ 2147483647 w 64"/>
              <a:gd name="T23" fmla="*/ 2147483647 h 50"/>
              <a:gd name="T24" fmla="*/ 2147483647 w 64"/>
              <a:gd name="T25" fmla="*/ 2147483647 h 50"/>
              <a:gd name="T26" fmla="*/ 2147483647 w 64"/>
              <a:gd name="T27" fmla="*/ 2147483647 h 50"/>
              <a:gd name="T28" fmla="*/ 2147483647 w 64"/>
              <a:gd name="T29" fmla="*/ 2147483647 h 50"/>
              <a:gd name="T30" fmla="*/ 0 w 64"/>
              <a:gd name="T31" fmla="*/ 2147483647 h 50"/>
              <a:gd name="T32" fmla="*/ 2147483647 w 64"/>
              <a:gd name="T33" fmla="*/ 2147483647 h 50"/>
              <a:gd name="T34" fmla="*/ 2147483647 w 64"/>
              <a:gd name="T35" fmla="*/ 2147483647 h 50"/>
              <a:gd name="T36" fmla="*/ 2147483647 w 64"/>
              <a:gd name="T37" fmla="*/ 2147483647 h 50"/>
              <a:gd name="T38" fmla="*/ 2147483647 w 64"/>
              <a:gd name="T39" fmla="*/ 2147483647 h 50"/>
              <a:gd name="T40" fmla="*/ 2147483647 w 64"/>
              <a:gd name="T41" fmla="*/ 2147483647 h 50"/>
              <a:gd name="T42" fmla="*/ 2147483647 w 64"/>
              <a:gd name="T43" fmla="*/ 0 h 50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0" t="0" r="r" b="b"/>
            <a:pathLst>
              <a:path w="64" h="50">
                <a:moveTo>
                  <a:pt x="32" y="0"/>
                </a:moveTo>
                <a:lnTo>
                  <a:pt x="40" y="12"/>
                </a:lnTo>
                <a:lnTo>
                  <a:pt x="46" y="22"/>
                </a:lnTo>
                <a:lnTo>
                  <a:pt x="54" y="18"/>
                </a:lnTo>
                <a:lnTo>
                  <a:pt x="58" y="4"/>
                </a:lnTo>
                <a:lnTo>
                  <a:pt x="64" y="8"/>
                </a:lnTo>
                <a:lnTo>
                  <a:pt x="60" y="22"/>
                </a:lnTo>
                <a:lnTo>
                  <a:pt x="50" y="30"/>
                </a:lnTo>
                <a:lnTo>
                  <a:pt x="50" y="46"/>
                </a:lnTo>
                <a:lnTo>
                  <a:pt x="36" y="44"/>
                </a:lnTo>
                <a:lnTo>
                  <a:pt x="28" y="50"/>
                </a:lnTo>
                <a:lnTo>
                  <a:pt x="26" y="34"/>
                </a:lnTo>
                <a:lnTo>
                  <a:pt x="20" y="36"/>
                </a:lnTo>
                <a:lnTo>
                  <a:pt x="8" y="36"/>
                </a:lnTo>
                <a:lnTo>
                  <a:pt x="2" y="28"/>
                </a:lnTo>
                <a:lnTo>
                  <a:pt x="0" y="16"/>
                </a:lnTo>
                <a:lnTo>
                  <a:pt x="8" y="14"/>
                </a:lnTo>
                <a:lnTo>
                  <a:pt x="14" y="18"/>
                </a:lnTo>
                <a:lnTo>
                  <a:pt x="22" y="20"/>
                </a:lnTo>
                <a:lnTo>
                  <a:pt x="28" y="18"/>
                </a:lnTo>
                <a:lnTo>
                  <a:pt x="26" y="6"/>
                </a:lnTo>
                <a:lnTo>
                  <a:pt x="32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51" name="Freeform 64"/>
          <p:cNvSpPr>
            <a:spLocks/>
          </p:cNvSpPr>
          <p:nvPr/>
        </p:nvSpPr>
        <p:spPr bwMode="auto">
          <a:xfrm>
            <a:off x="3100388" y="2927350"/>
            <a:ext cx="504825" cy="581025"/>
          </a:xfrm>
          <a:custGeom>
            <a:avLst/>
            <a:gdLst>
              <a:gd name="T0" fmla="*/ 2147483647 w 390"/>
              <a:gd name="T1" fmla="*/ 2147483647 h 449"/>
              <a:gd name="T2" fmla="*/ 2147483647 w 390"/>
              <a:gd name="T3" fmla="*/ 2147483647 h 449"/>
              <a:gd name="T4" fmla="*/ 2147483647 w 390"/>
              <a:gd name="T5" fmla="*/ 2147483647 h 449"/>
              <a:gd name="T6" fmla="*/ 2147483647 w 390"/>
              <a:gd name="T7" fmla="*/ 2147483647 h 449"/>
              <a:gd name="T8" fmla="*/ 2147483647 w 390"/>
              <a:gd name="T9" fmla="*/ 2147483647 h 449"/>
              <a:gd name="T10" fmla="*/ 2147483647 w 390"/>
              <a:gd name="T11" fmla="*/ 2147483647 h 449"/>
              <a:gd name="T12" fmla="*/ 2147483647 w 390"/>
              <a:gd name="T13" fmla="*/ 2147483647 h 449"/>
              <a:gd name="T14" fmla="*/ 2147483647 w 390"/>
              <a:gd name="T15" fmla="*/ 2147483647 h 449"/>
              <a:gd name="T16" fmla="*/ 2147483647 w 390"/>
              <a:gd name="T17" fmla="*/ 2147483647 h 449"/>
              <a:gd name="T18" fmla="*/ 2147483647 w 390"/>
              <a:gd name="T19" fmla="*/ 2147483647 h 449"/>
              <a:gd name="T20" fmla="*/ 2147483647 w 390"/>
              <a:gd name="T21" fmla="*/ 2147483647 h 449"/>
              <a:gd name="T22" fmla="*/ 2147483647 w 390"/>
              <a:gd name="T23" fmla="*/ 2147483647 h 449"/>
              <a:gd name="T24" fmla="*/ 2147483647 w 390"/>
              <a:gd name="T25" fmla="*/ 2147483647 h 449"/>
              <a:gd name="T26" fmla="*/ 2147483647 w 390"/>
              <a:gd name="T27" fmla="*/ 2147483647 h 449"/>
              <a:gd name="T28" fmla="*/ 2147483647 w 390"/>
              <a:gd name="T29" fmla="*/ 2147483647 h 449"/>
              <a:gd name="T30" fmla="*/ 2147483647 w 390"/>
              <a:gd name="T31" fmla="*/ 2147483647 h 449"/>
              <a:gd name="T32" fmla="*/ 2147483647 w 390"/>
              <a:gd name="T33" fmla="*/ 2147483647 h 449"/>
              <a:gd name="T34" fmla="*/ 2147483647 w 390"/>
              <a:gd name="T35" fmla="*/ 2147483647 h 449"/>
              <a:gd name="T36" fmla="*/ 2147483647 w 390"/>
              <a:gd name="T37" fmla="*/ 2147483647 h 449"/>
              <a:gd name="T38" fmla="*/ 2147483647 w 390"/>
              <a:gd name="T39" fmla="*/ 2147483647 h 449"/>
              <a:gd name="T40" fmla="*/ 2147483647 w 390"/>
              <a:gd name="T41" fmla="*/ 2147483647 h 449"/>
              <a:gd name="T42" fmla="*/ 2147483647 w 390"/>
              <a:gd name="T43" fmla="*/ 2147483647 h 449"/>
              <a:gd name="T44" fmla="*/ 2147483647 w 390"/>
              <a:gd name="T45" fmla="*/ 2147483647 h 449"/>
              <a:gd name="T46" fmla="*/ 2147483647 w 390"/>
              <a:gd name="T47" fmla="*/ 2147483647 h 449"/>
              <a:gd name="T48" fmla="*/ 2147483647 w 390"/>
              <a:gd name="T49" fmla="*/ 2147483647 h 449"/>
              <a:gd name="T50" fmla="*/ 2147483647 w 390"/>
              <a:gd name="T51" fmla="*/ 2147483647 h 449"/>
              <a:gd name="T52" fmla="*/ 2147483647 w 390"/>
              <a:gd name="T53" fmla="*/ 2147483647 h 449"/>
              <a:gd name="T54" fmla="*/ 2147483647 w 390"/>
              <a:gd name="T55" fmla="*/ 2147483647 h 449"/>
              <a:gd name="T56" fmla="*/ 2147483647 w 390"/>
              <a:gd name="T57" fmla="*/ 2147483647 h 449"/>
              <a:gd name="T58" fmla="*/ 2147483647 w 390"/>
              <a:gd name="T59" fmla="*/ 2147483647 h 449"/>
              <a:gd name="T60" fmla="*/ 2147483647 w 390"/>
              <a:gd name="T61" fmla="*/ 2147483647 h 449"/>
              <a:gd name="T62" fmla="*/ 2147483647 w 390"/>
              <a:gd name="T63" fmla="*/ 2147483647 h 449"/>
              <a:gd name="T64" fmla="*/ 2147483647 w 390"/>
              <a:gd name="T65" fmla="*/ 2147483647 h 449"/>
              <a:gd name="T66" fmla="*/ 2147483647 w 390"/>
              <a:gd name="T67" fmla="*/ 2147483647 h 449"/>
              <a:gd name="T68" fmla="*/ 2147483647 w 390"/>
              <a:gd name="T69" fmla="*/ 2147483647 h 449"/>
              <a:gd name="T70" fmla="*/ 2147483647 w 390"/>
              <a:gd name="T71" fmla="*/ 2147483647 h 449"/>
              <a:gd name="T72" fmla="*/ 2147483647 w 390"/>
              <a:gd name="T73" fmla="*/ 2147483647 h 449"/>
              <a:gd name="T74" fmla="*/ 2147483647 w 390"/>
              <a:gd name="T75" fmla="*/ 2147483647 h 449"/>
              <a:gd name="T76" fmla="*/ 2147483647 w 390"/>
              <a:gd name="T77" fmla="*/ 2147483647 h 449"/>
              <a:gd name="T78" fmla="*/ 2147483647 w 390"/>
              <a:gd name="T79" fmla="*/ 2147483647 h 449"/>
              <a:gd name="T80" fmla="*/ 2147483647 w 390"/>
              <a:gd name="T81" fmla="*/ 2147483647 h 449"/>
              <a:gd name="T82" fmla="*/ 2147483647 w 390"/>
              <a:gd name="T83" fmla="*/ 2147483647 h 449"/>
              <a:gd name="T84" fmla="*/ 2147483647 w 390"/>
              <a:gd name="T85" fmla="*/ 2147483647 h 449"/>
              <a:gd name="T86" fmla="*/ 2147483647 w 390"/>
              <a:gd name="T87" fmla="*/ 2147483647 h 449"/>
              <a:gd name="T88" fmla="*/ 2147483647 w 390"/>
              <a:gd name="T89" fmla="*/ 2147483647 h 449"/>
              <a:gd name="T90" fmla="*/ 2147483647 w 390"/>
              <a:gd name="T91" fmla="*/ 2147483647 h 449"/>
              <a:gd name="T92" fmla="*/ 2147483647 w 390"/>
              <a:gd name="T93" fmla="*/ 2147483647 h 449"/>
              <a:gd name="T94" fmla="*/ 2147483647 w 390"/>
              <a:gd name="T95" fmla="*/ 2147483647 h 449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0" t="0" r="r" b="b"/>
            <a:pathLst>
              <a:path w="390" h="449">
                <a:moveTo>
                  <a:pt x="114" y="86"/>
                </a:moveTo>
                <a:lnTo>
                  <a:pt x="124" y="92"/>
                </a:lnTo>
                <a:lnTo>
                  <a:pt x="138" y="86"/>
                </a:lnTo>
                <a:lnTo>
                  <a:pt x="150" y="94"/>
                </a:lnTo>
                <a:lnTo>
                  <a:pt x="166" y="96"/>
                </a:lnTo>
                <a:lnTo>
                  <a:pt x="168" y="106"/>
                </a:lnTo>
                <a:lnTo>
                  <a:pt x="176" y="112"/>
                </a:lnTo>
                <a:lnTo>
                  <a:pt x="184" y="106"/>
                </a:lnTo>
                <a:lnTo>
                  <a:pt x="194" y="110"/>
                </a:lnTo>
                <a:lnTo>
                  <a:pt x="212" y="118"/>
                </a:lnTo>
                <a:lnTo>
                  <a:pt x="224" y="114"/>
                </a:lnTo>
                <a:lnTo>
                  <a:pt x="218" y="106"/>
                </a:lnTo>
                <a:lnTo>
                  <a:pt x="222" y="100"/>
                </a:lnTo>
                <a:lnTo>
                  <a:pt x="230" y="94"/>
                </a:lnTo>
                <a:lnTo>
                  <a:pt x="250" y="94"/>
                </a:lnTo>
                <a:lnTo>
                  <a:pt x="254" y="98"/>
                </a:lnTo>
                <a:lnTo>
                  <a:pt x="256" y="88"/>
                </a:lnTo>
                <a:lnTo>
                  <a:pt x="260" y="78"/>
                </a:lnTo>
                <a:lnTo>
                  <a:pt x="246" y="76"/>
                </a:lnTo>
                <a:lnTo>
                  <a:pt x="238" y="72"/>
                </a:lnTo>
                <a:lnTo>
                  <a:pt x="224" y="70"/>
                </a:lnTo>
                <a:lnTo>
                  <a:pt x="218" y="60"/>
                </a:lnTo>
                <a:lnTo>
                  <a:pt x="220" y="52"/>
                </a:lnTo>
                <a:lnTo>
                  <a:pt x="242" y="54"/>
                </a:lnTo>
                <a:lnTo>
                  <a:pt x="242" y="44"/>
                </a:lnTo>
                <a:lnTo>
                  <a:pt x="254" y="42"/>
                </a:lnTo>
                <a:lnTo>
                  <a:pt x="252" y="26"/>
                </a:lnTo>
                <a:lnTo>
                  <a:pt x="266" y="22"/>
                </a:lnTo>
                <a:lnTo>
                  <a:pt x="270" y="10"/>
                </a:lnTo>
                <a:lnTo>
                  <a:pt x="284" y="16"/>
                </a:lnTo>
                <a:lnTo>
                  <a:pt x="292" y="10"/>
                </a:lnTo>
                <a:lnTo>
                  <a:pt x="296" y="16"/>
                </a:lnTo>
                <a:lnTo>
                  <a:pt x="306" y="10"/>
                </a:lnTo>
                <a:lnTo>
                  <a:pt x="316" y="8"/>
                </a:lnTo>
                <a:lnTo>
                  <a:pt x="316" y="16"/>
                </a:lnTo>
                <a:lnTo>
                  <a:pt x="326" y="16"/>
                </a:lnTo>
                <a:lnTo>
                  <a:pt x="334" y="10"/>
                </a:lnTo>
                <a:lnTo>
                  <a:pt x="342" y="4"/>
                </a:lnTo>
                <a:lnTo>
                  <a:pt x="350" y="0"/>
                </a:lnTo>
                <a:lnTo>
                  <a:pt x="356" y="12"/>
                </a:lnTo>
                <a:lnTo>
                  <a:pt x="366" y="18"/>
                </a:lnTo>
                <a:lnTo>
                  <a:pt x="366" y="24"/>
                </a:lnTo>
                <a:lnTo>
                  <a:pt x="356" y="30"/>
                </a:lnTo>
                <a:lnTo>
                  <a:pt x="342" y="34"/>
                </a:lnTo>
                <a:lnTo>
                  <a:pt x="334" y="38"/>
                </a:lnTo>
                <a:lnTo>
                  <a:pt x="328" y="46"/>
                </a:lnTo>
                <a:lnTo>
                  <a:pt x="314" y="62"/>
                </a:lnTo>
                <a:lnTo>
                  <a:pt x="310" y="72"/>
                </a:lnTo>
                <a:lnTo>
                  <a:pt x="296" y="74"/>
                </a:lnTo>
                <a:lnTo>
                  <a:pt x="286" y="72"/>
                </a:lnTo>
                <a:lnTo>
                  <a:pt x="278" y="70"/>
                </a:lnTo>
                <a:lnTo>
                  <a:pt x="284" y="80"/>
                </a:lnTo>
                <a:lnTo>
                  <a:pt x="292" y="88"/>
                </a:lnTo>
                <a:lnTo>
                  <a:pt x="286" y="94"/>
                </a:lnTo>
                <a:lnTo>
                  <a:pt x="274" y="94"/>
                </a:lnTo>
                <a:lnTo>
                  <a:pt x="268" y="90"/>
                </a:lnTo>
                <a:lnTo>
                  <a:pt x="262" y="98"/>
                </a:lnTo>
                <a:lnTo>
                  <a:pt x="254" y="106"/>
                </a:lnTo>
                <a:lnTo>
                  <a:pt x="262" y="118"/>
                </a:lnTo>
                <a:lnTo>
                  <a:pt x="270" y="134"/>
                </a:lnTo>
                <a:lnTo>
                  <a:pt x="278" y="138"/>
                </a:lnTo>
                <a:lnTo>
                  <a:pt x="286" y="148"/>
                </a:lnTo>
                <a:lnTo>
                  <a:pt x="308" y="156"/>
                </a:lnTo>
                <a:lnTo>
                  <a:pt x="322" y="146"/>
                </a:lnTo>
                <a:lnTo>
                  <a:pt x="322" y="132"/>
                </a:lnTo>
                <a:lnTo>
                  <a:pt x="338" y="126"/>
                </a:lnTo>
                <a:lnTo>
                  <a:pt x="346" y="134"/>
                </a:lnTo>
                <a:lnTo>
                  <a:pt x="346" y="150"/>
                </a:lnTo>
                <a:lnTo>
                  <a:pt x="352" y="156"/>
                </a:lnTo>
                <a:lnTo>
                  <a:pt x="360" y="158"/>
                </a:lnTo>
                <a:lnTo>
                  <a:pt x="358" y="174"/>
                </a:lnTo>
                <a:lnTo>
                  <a:pt x="372" y="176"/>
                </a:lnTo>
                <a:lnTo>
                  <a:pt x="384" y="178"/>
                </a:lnTo>
                <a:lnTo>
                  <a:pt x="390" y="188"/>
                </a:lnTo>
                <a:lnTo>
                  <a:pt x="380" y="190"/>
                </a:lnTo>
                <a:lnTo>
                  <a:pt x="374" y="192"/>
                </a:lnTo>
                <a:lnTo>
                  <a:pt x="372" y="204"/>
                </a:lnTo>
                <a:lnTo>
                  <a:pt x="378" y="210"/>
                </a:lnTo>
                <a:lnTo>
                  <a:pt x="376" y="232"/>
                </a:lnTo>
                <a:lnTo>
                  <a:pt x="386" y="250"/>
                </a:lnTo>
                <a:lnTo>
                  <a:pt x="376" y="256"/>
                </a:lnTo>
                <a:lnTo>
                  <a:pt x="374" y="272"/>
                </a:lnTo>
                <a:lnTo>
                  <a:pt x="374" y="286"/>
                </a:lnTo>
                <a:lnTo>
                  <a:pt x="374" y="328"/>
                </a:lnTo>
                <a:lnTo>
                  <a:pt x="358" y="344"/>
                </a:lnTo>
                <a:lnTo>
                  <a:pt x="348" y="357"/>
                </a:lnTo>
                <a:lnTo>
                  <a:pt x="348" y="373"/>
                </a:lnTo>
                <a:lnTo>
                  <a:pt x="330" y="389"/>
                </a:lnTo>
                <a:lnTo>
                  <a:pt x="320" y="395"/>
                </a:lnTo>
                <a:lnTo>
                  <a:pt x="324" y="405"/>
                </a:lnTo>
                <a:lnTo>
                  <a:pt x="328" y="419"/>
                </a:lnTo>
                <a:lnTo>
                  <a:pt x="312" y="419"/>
                </a:lnTo>
                <a:lnTo>
                  <a:pt x="298" y="413"/>
                </a:lnTo>
                <a:lnTo>
                  <a:pt x="292" y="407"/>
                </a:lnTo>
                <a:lnTo>
                  <a:pt x="286" y="411"/>
                </a:lnTo>
                <a:lnTo>
                  <a:pt x="280" y="407"/>
                </a:lnTo>
                <a:lnTo>
                  <a:pt x="274" y="415"/>
                </a:lnTo>
                <a:lnTo>
                  <a:pt x="264" y="417"/>
                </a:lnTo>
                <a:lnTo>
                  <a:pt x="244" y="405"/>
                </a:lnTo>
                <a:lnTo>
                  <a:pt x="230" y="409"/>
                </a:lnTo>
                <a:lnTo>
                  <a:pt x="224" y="413"/>
                </a:lnTo>
                <a:lnTo>
                  <a:pt x="224" y="421"/>
                </a:lnTo>
                <a:lnTo>
                  <a:pt x="200" y="423"/>
                </a:lnTo>
                <a:lnTo>
                  <a:pt x="196" y="431"/>
                </a:lnTo>
                <a:lnTo>
                  <a:pt x="180" y="435"/>
                </a:lnTo>
                <a:lnTo>
                  <a:pt x="158" y="435"/>
                </a:lnTo>
                <a:lnTo>
                  <a:pt x="146" y="441"/>
                </a:lnTo>
                <a:lnTo>
                  <a:pt x="140" y="445"/>
                </a:lnTo>
                <a:lnTo>
                  <a:pt x="136" y="447"/>
                </a:lnTo>
                <a:lnTo>
                  <a:pt x="130" y="447"/>
                </a:lnTo>
                <a:lnTo>
                  <a:pt x="96" y="447"/>
                </a:lnTo>
                <a:lnTo>
                  <a:pt x="66" y="449"/>
                </a:lnTo>
                <a:lnTo>
                  <a:pt x="62" y="441"/>
                </a:lnTo>
                <a:lnTo>
                  <a:pt x="46" y="441"/>
                </a:lnTo>
                <a:lnTo>
                  <a:pt x="32" y="439"/>
                </a:lnTo>
                <a:lnTo>
                  <a:pt x="36" y="429"/>
                </a:lnTo>
                <a:lnTo>
                  <a:pt x="52" y="429"/>
                </a:lnTo>
                <a:lnTo>
                  <a:pt x="60" y="425"/>
                </a:lnTo>
                <a:lnTo>
                  <a:pt x="66" y="417"/>
                </a:lnTo>
                <a:lnTo>
                  <a:pt x="62" y="413"/>
                </a:lnTo>
                <a:lnTo>
                  <a:pt x="52" y="417"/>
                </a:lnTo>
                <a:lnTo>
                  <a:pt x="30" y="417"/>
                </a:lnTo>
                <a:lnTo>
                  <a:pt x="20" y="421"/>
                </a:lnTo>
                <a:lnTo>
                  <a:pt x="16" y="411"/>
                </a:lnTo>
                <a:lnTo>
                  <a:pt x="30" y="407"/>
                </a:lnTo>
                <a:lnTo>
                  <a:pt x="40" y="405"/>
                </a:lnTo>
                <a:lnTo>
                  <a:pt x="44" y="405"/>
                </a:lnTo>
                <a:lnTo>
                  <a:pt x="48" y="401"/>
                </a:lnTo>
                <a:lnTo>
                  <a:pt x="54" y="397"/>
                </a:lnTo>
                <a:lnTo>
                  <a:pt x="40" y="395"/>
                </a:lnTo>
                <a:lnTo>
                  <a:pt x="22" y="397"/>
                </a:lnTo>
                <a:lnTo>
                  <a:pt x="14" y="389"/>
                </a:lnTo>
                <a:lnTo>
                  <a:pt x="0" y="385"/>
                </a:lnTo>
                <a:lnTo>
                  <a:pt x="2" y="379"/>
                </a:lnTo>
                <a:lnTo>
                  <a:pt x="12" y="377"/>
                </a:lnTo>
                <a:lnTo>
                  <a:pt x="16" y="369"/>
                </a:lnTo>
                <a:lnTo>
                  <a:pt x="30" y="369"/>
                </a:lnTo>
                <a:lnTo>
                  <a:pt x="42" y="367"/>
                </a:lnTo>
                <a:lnTo>
                  <a:pt x="52" y="361"/>
                </a:lnTo>
                <a:lnTo>
                  <a:pt x="40" y="357"/>
                </a:lnTo>
                <a:lnTo>
                  <a:pt x="18" y="353"/>
                </a:lnTo>
                <a:lnTo>
                  <a:pt x="4" y="349"/>
                </a:lnTo>
                <a:lnTo>
                  <a:pt x="10" y="334"/>
                </a:lnTo>
                <a:lnTo>
                  <a:pt x="24" y="330"/>
                </a:lnTo>
                <a:lnTo>
                  <a:pt x="38" y="338"/>
                </a:lnTo>
                <a:lnTo>
                  <a:pt x="54" y="346"/>
                </a:lnTo>
                <a:lnTo>
                  <a:pt x="60" y="332"/>
                </a:lnTo>
                <a:lnTo>
                  <a:pt x="60" y="320"/>
                </a:lnTo>
                <a:lnTo>
                  <a:pt x="80" y="320"/>
                </a:lnTo>
                <a:lnTo>
                  <a:pt x="80" y="308"/>
                </a:lnTo>
                <a:lnTo>
                  <a:pt x="90" y="308"/>
                </a:lnTo>
                <a:lnTo>
                  <a:pt x="98" y="302"/>
                </a:lnTo>
                <a:lnTo>
                  <a:pt x="84" y="300"/>
                </a:lnTo>
                <a:lnTo>
                  <a:pt x="78" y="296"/>
                </a:lnTo>
                <a:lnTo>
                  <a:pt x="90" y="288"/>
                </a:lnTo>
                <a:lnTo>
                  <a:pt x="114" y="274"/>
                </a:lnTo>
                <a:lnTo>
                  <a:pt x="112" y="260"/>
                </a:lnTo>
                <a:lnTo>
                  <a:pt x="126" y="246"/>
                </a:lnTo>
                <a:lnTo>
                  <a:pt x="146" y="250"/>
                </a:lnTo>
                <a:lnTo>
                  <a:pt x="152" y="244"/>
                </a:lnTo>
                <a:lnTo>
                  <a:pt x="154" y="232"/>
                </a:lnTo>
                <a:lnTo>
                  <a:pt x="142" y="234"/>
                </a:lnTo>
                <a:lnTo>
                  <a:pt x="126" y="232"/>
                </a:lnTo>
                <a:lnTo>
                  <a:pt x="114" y="226"/>
                </a:lnTo>
                <a:lnTo>
                  <a:pt x="108" y="216"/>
                </a:lnTo>
                <a:lnTo>
                  <a:pt x="108" y="208"/>
                </a:lnTo>
                <a:lnTo>
                  <a:pt x="92" y="210"/>
                </a:lnTo>
                <a:lnTo>
                  <a:pt x="94" y="200"/>
                </a:lnTo>
                <a:lnTo>
                  <a:pt x="84" y="198"/>
                </a:lnTo>
                <a:lnTo>
                  <a:pt x="80" y="188"/>
                </a:lnTo>
                <a:lnTo>
                  <a:pt x="78" y="176"/>
                </a:lnTo>
                <a:lnTo>
                  <a:pt x="94" y="174"/>
                </a:lnTo>
                <a:lnTo>
                  <a:pt x="100" y="170"/>
                </a:lnTo>
                <a:lnTo>
                  <a:pt x="102" y="154"/>
                </a:lnTo>
                <a:lnTo>
                  <a:pt x="114" y="150"/>
                </a:lnTo>
                <a:lnTo>
                  <a:pt x="124" y="154"/>
                </a:lnTo>
                <a:lnTo>
                  <a:pt x="128" y="144"/>
                </a:lnTo>
                <a:lnTo>
                  <a:pt x="122" y="138"/>
                </a:lnTo>
                <a:lnTo>
                  <a:pt x="106" y="138"/>
                </a:lnTo>
                <a:lnTo>
                  <a:pt x="100" y="130"/>
                </a:lnTo>
                <a:lnTo>
                  <a:pt x="92" y="124"/>
                </a:lnTo>
                <a:lnTo>
                  <a:pt x="86" y="116"/>
                </a:lnTo>
                <a:lnTo>
                  <a:pt x="96" y="114"/>
                </a:lnTo>
                <a:lnTo>
                  <a:pt x="100" y="116"/>
                </a:lnTo>
                <a:lnTo>
                  <a:pt x="104" y="120"/>
                </a:lnTo>
                <a:lnTo>
                  <a:pt x="108" y="124"/>
                </a:lnTo>
                <a:lnTo>
                  <a:pt x="114" y="112"/>
                </a:lnTo>
                <a:lnTo>
                  <a:pt x="112" y="98"/>
                </a:lnTo>
                <a:lnTo>
                  <a:pt x="108" y="96"/>
                </a:lnTo>
                <a:lnTo>
                  <a:pt x="102" y="102"/>
                </a:lnTo>
                <a:lnTo>
                  <a:pt x="98" y="96"/>
                </a:lnTo>
                <a:lnTo>
                  <a:pt x="106" y="88"/>
                </a:lnTo>
                <a:lnTo>
                  <a:pt x="114" y="8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8052" name="Group 65"/>
          <p:cNvGrpSpPr>
            <a:grpSpLocks/>
          </p:cNvGrpSpPr>
          <p:nvPr/>
        </p:nvGrpSpPr>
        <p:grpSpPr bwMode="auto">
          <a:xfrm>
            <a:off x="3419475" y="2133600"/>
            <a:ext cx="925513" cy="1716088"/>
            <a:chOff x="848" y="1921"/>
            <a:chExt cx="714" cy="1325"/>
          </a:xfrm>
        </p:grpSpPr>
        <p:sp>
          <p:nvSpPr>
            <p:cNvPr id="128133" name="Freeform 66"/>
            <p:cNvSpPr>
              <a:spLocks/>
            </p:cNvSpPr>
            <p:nvPr/>
          </p:nvSpPr>
          <p:spPr bwMode="auto">
            <a:xfrm>
              <a:off x="1450" y="1921"/>
              <a:ext cx="72" cy="118"/>
            </a:xfrm>
            <a:custGeom>
              <a:avLst/>
              <a:gdLst>
                <a:gd name="T0" fmla="*/ 22 w 72"/>
                <a:gd name="T1" fmla="*/ 74 h 118"/>
                <a:gd name="T2" fmla="*/ 12 w 72"/>
                <a:gd name="T3" fmla="*/ 78 h 118"/>
                <a:gd name="T4" fmla="*/ 4 w 72"/>
                <a:gd name="T5" fmla="*/ 72 h 118"/>
                <a:gd name="T6" fmla="*/ 0 w 72"/>
                <a:gd name="T7" fmla="*/ 62 h 118"/>
                <a:gd name="T8" fmla="*/ 8 w 72"/>
                <a:gd name="T9" fmla="*/ 58 h 118"/>
                <a:gd name="T10" fmla="*/ 20 w 72"/>
                <a:gd name="T11" fmla="*/ 60 h 118"/>
                <a:gd name="T12" fmla="*/ 26 w 72"/>
                <a:gd name="T13" fmla="*/ 56 h 118"/>
                <a:gd name="T14" fmla="*/ 22 w 72"/>
                <a:gd name="T15" fmla="*/ 50 h 118"/>
                <a:gd name="T16" fmla="*/ 18 w 72"/>
                <a:gd name="T17" fmla="*/ 44 h 118"/>
                <a:gd name="T18" fmla="*/ 12 w 72"/>
                <a:gd name="T19" fmla="*/ 32 h 118"/>
                <a:gd name="T20" fmla="*/ 20 w 72"/>
                <a:gd name="T21" fmla="*/ 26 h 118"/>
                <a:gd name="T22" fmla="*/ 28 w 72"/>
                <a:gd name="T23" fmla="*/ 22 h 118"/>
                <a:gd name="T24" fmla="*/ 32 w 72"/>
                <a:gd name="T25" fmla="*/ 28 h 118"/>
                <a:gd name="T26" fmla="*/ 28 w 72"/>
                <a:gd name="T27" fmla="*/ 36 h 118"/>
                <a:gd name="T28" fmla="*/ 38 w 72"/>
                <a:gd name="T29" fmla="*/ 38 h 118"/>
                <a:gd name="T30" fmla="*/ 38 w 72"/>
                <a:gd name="T31" fmla="*/ 24 h 118"/>
                <a:gd name="T32" fmla="*/ 46 w 72"/>
                <a:gd name="T33" fmla="*/ 12 h 118"/>
                <a:gd name="T34" fmla="*/ 54 w 72"/>
                <a:gd name="T35" fmla="*/ 14 h 118"/>
                <a:gd name="T36" fmla="*/ 62 w 72"/>
                <a:gd name="T37" fmla="*/ 6 h 118"/>
                <a:gd name="T38" fmla="*/ 68 w 72"/>
                <a:gd name="T39" fmla="*/ 0 h 118"/>
                <a:gd name="T40" fmla="*/ 72 w 72"/>
                <a:gd name="T41" fmla="*/ 8 h 118"/>
                <a:gd name="T42" fmla="*/ 66 w 72"/>
                <a:gd name="T43" fmla="*/ 14 h 118"/>
                <a:gd name="T44" fmla="*/ 62 w 72"/>
                <a:gd name="T45" fmla="*/ 20 h 118"/>
                <a:gd name="T46" fmla="*/ 64 w 72"/>
                <a:gd name="T47" fmla="*/ 30 h 118"/>
                <a:gd name="T48" fmla="*/ 54 w 72"/>
                <a:gd name="T49" fmla="*/ 32 h 118"/>
                <a:gd name="T50" fmla="*/ 50 w 72"/>
                <a:gd name="T51" fmla="*/ 22 h 118"/>
                <a:gd name="T52" fmla="*/ 46 w 72"/>
                <a:gd name="T53" fmla="*/ 28 h 118"/>
                <a:gd name="T54" fmla="*/ 46 w 72"/>
                <a:gd name="T55" fmla="*/ 40 h 118"/>
                <a:gd name="T56" fmla="*/ 36 w 72"/>
                <a:gd name="T57" fmla="*/ 46 h 118"/>
                <a:gd name="T58" fmla="*/ 38 w 72"/>
                <a:gd name="T59" fmla="*/ 52 h 118"/>
                <a:gd name="T60" fmla="*/ 40 w 72"/>
                <a:gd name="T61" fmla="*/ 62 h 118"/>
                <a:gd name="T62" fmla="*/ 34 w 72"/>
                <a:gd name="T63" fmla="*/ 72 h 118"/>
                <a:gd name="T64" fmla="*/ 32 w 72"/>
                <a:gd name="T65" fmla="*/ 82 h 118"/>
                <a:gd name="T66" fmla="*/ 30 w 72"/>
                <a:gd name="T67" fmla="*/ 92 h 118"/>
                <a:gd name="T68" fmla="*/ 26 w 72"/>
                <a:gd name="T69" fmla="*/ 102 h 118"/>
                <a:gd name="T70" fmla="*/ 22 w 72"/>
                <a:gd name="T71" fmla="*/ 116 h 118"/>
                <a:gd name="T72" fmla="*/ 12 w 72"/>
                <a:gd name="T73" fmla="*/ 118 h 118"/>
                <a:gd name="T74" fmla="*/ 12 w 72"/>
                <a:gd name="T75" fmla="*/ 104 h 118"/>
                <a:gd name="T76" fmla="*/ 18 w 72"/>
                <a:gd name="T77" fmla="*/ 94 h 118"/>
                <a:gd name="T78" fmla="*/ 24 w 72"/>
                <a:gd name="T79" fmla="*/ 84 h 118"/>
                <a:gd name="T80" fmla="*/ 22 w 72"/>
                <a:gd name="T81" fmla="*/ 74 h 118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0" t="0" r="r" b="b"/>
              <a:pathLst>
                <a:path w="72" h="118">
                  <a:moveTo>
                    <a:pt x="22" y="74"/>
                  </a:moveTo>
                  <a:lnTo>
                    <a:pt x="12" y="78"/>
                  </a:lnTo>
                  <a:lnTo>
                    <a:pt x="4" y="72"/>
                  </a:lnTo>
                  <a:lnTo>
                    <a:pt x="0" y="62"/>
                  </a:lnTo>
                  <a:lnTo>
                    <a:pt x="8" y="58"/>
                  </a:lnTo>
                  <a:lnTo>
                    <a:pt x="20" y="60"/>
                  </a:lnTo>
                  <a:lnTo>
                    <a:pt x="26" y="56"/>
                  </a:lnTo>
                  <a:lnTo>
                    <a:pt x="22" y="50"/>
                  </a:lnTo>
                  <a:lnTo>
                    <a:pt x="18" y="44"/>
                  </a:lnTo>
                  <a:lnTo>
                    <a:pt x="12" y="32"/>
                  </a:lnTo>
                  <a:lnTo>
                    <a:pt x="20" y="26"/>
                  </a:lnTo>
                  <a:lnTo>
                    <a:pt x="28" y="22"/>
                  </a:lnTo>
                  <a:lnTo>
                    <a:pt x="32" y="28"/>
                  </a:lnTo>
                  <a:lnTo>
                    <a:pt x="28" y="36"/>
                  </a:lnTo>
                  <a:lnTo>
                    <a:pt x="38" y="38"/>
                  </a:lnTo>
                  <a:lnTo>
                    <a:pt x="38" y="24"/>
                  </a:lnTo>
                  <a:lnTo>
                    <a:pt x="46" y="12"/>
                  </a:lnTo>
                  <a:lnTo>
                    <a:pt x="54" y="14"/>
                  </a:lnTo>
                  <a:lnTo>
                    <a:pt x="62" y="6"/>
                  </a:lnTo>
                  <a:lnTo>
                    <a:pt x="68" y="0"/>
                  </a:lnTo>
                  <a:lnTo>
                    <a:pt x="72" y="8"/>
                  </a:lnTo>
                  <a:lnTo>
                    <a:pt x="66" y="14"/>
                  </a:lnTo>
                  <a:lnTo>
                    <a:pt x="62" y="20"/>
                  </a:lnTo>
                  <a:lnTo>
                    <a:pt x="64" y="30"/>
                  </a:lnTo>
                  <a:lnTo>
                    <a:pt x="54" y="32"/>
                  </a:lnTo>
                  <a:lnTo>
                    <a:pt x="50" y="22"/>
                  </a:lnTo>
                  <a:lnTo>
                    <a:pt x="46" y="28"/>
                  </a:lnTo>
                  <a:lnTo>
                    <a:pt x="46" y="40"/>
                  </a:lnTo>
                  <a:lnTo>
                    <a:pt x="36" y="46"/>
                  </a:lnTo>
                  <a:lnTo>
                    <a:pt x="38" y="52"/>
                  </a:lnTo>
                  <a:lnTo>
                    <a:pt x="40" y="62"/>
                  </a:lnTo>
                  <a:lnTo>
                    <a:pt x="34" y="72"/>
                  </a:lnTo>
                  <a:lnTo>
                    <a:pt x="32" y="82"/>
                  </a:lnTo>
                  <a:lnTo>
                    <a:pt x="30" y="92"/>
                  </a:lnTo>
                  <a:lnTo>
                    <a:pt x="26" y="102"/>
                  </a:lnTo>
                  <a:lnTo>
                    <a:pt x="22" y="116"/>
                  </a:lnTo>
                  <a:lnTo>
                    <a:pt x="12" y="118"/>
                  </a:lnTo>
                  <a:lnTo>
                    <a:pt x="12" y="104"/>
                  </a:lnTo>
                  <a:lnTo>
                    <a:pt x="18" y="94"/>
                  </a:lnTo>
                  <a:lnTo>
                    <a:pt x="24" y="84"/>
                  </a:lnTo>
                  <a:lnTo>
                    <a:pt x="22" y="74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34" name="Freeform 67"/>
            <p:cNvSpPr>
              <a:spLocks/>
            </p:cNvSpPr>
            <p:nvPr/>
          </p:nvSpPr>
          <p:spPr bwMode="auto">
            <a:xfrm>
              <a:off x="1304" y="2111"/>
              <a:ext cx="48" cy="46"/>
            </a:xfrm>
            <a:custGeom>
              <a:avLst/>
              <a:gdLst>
                <a:gd name="T0" fmla="*/ 22 w 48"/>
                <a:gd name="T1" fmla="*/ 32 h 46"/>
                <a:gd name="T2" fmla="*/ 12 w 48"/>
                <a:gd name="T3" fmla="*/ 30 h 46"/>
                <a:gd name="T4" fmla="*/ 12 w 48"/>
                <a:gd name="T5" fmla="*/ 38 h 46"/>
                <a:gd name="T6" fmla="*/ 8 w 48"/>
                <a:gd name="T7" fmla="*/ 46 h 46"/>
                <a:gd name="T8" fmla="*/ 0 w 48"/>
                <a:gd name="T9" fmla="*/ 38 h 46"/>
                <a:gd name="T10" fmla="*/ 2 w 48"/>
                <a:gd name="T11" fmla="*/ 28 h 46"/>
                <a:gd name="T12" fmla="*/ 8 w 48"/>
                <a:gd name="T13" fmla="*/ 24 h 46"/>
                <a:gd name="T14" fmla="*/ 8 w 48"/>
                <a:gd name="T15" fmla="*/ 10 h 46"/>
                <a:gd name="T16" fmla="*/ 14 w 48"/>
                <a:gd name="T17" fmla="*/ 2 h 46"/>
                <a:gd name="T18" fmla="*/ 24 w 48"/>
                <a:gd name="T19" fmla="*/ 0 h 46"/>
                <a:gd name="T20" fmla="*/ 34 w 48"/>
                <a:gd name="T21" fmla="*/ 0 h 46"/>
                <a:gd name="T22" fmla="*/ 30 w 48"/>
                <a:gd name="T23" fmla="*/ 8 h 46"/>
                <a:gd name="T24" fmla="*/ 30 w 48"/>
                <a:gd name="T25" fmla="*/ 18 h 46"/>
                <a:gd name="T26" fmla="*/ 38 w 48"/>
                <a:gd name="T27" fmla="*/ 24 h 46"/>
                <a:gd name="T28" fmla="*/ 44 w 48"/>
                <a:gd name="T29" fmla="*/ 26 h 46"/>
                <a:gd name="T30" fmla="*/ 48 w 48"/>
                <a:gd name="T31" fmla="*/ 34 h 46"/>
                <a:gd name="T32" fmla="*/ 42 w 48"/>
                <a:gd name="T33" fmla="*/ 40 h 46"/>
                <a:gd name="T34" fmla="*/ 32 w 48"/>
                <a:gd name="T35" fmla="*/ 36 h 46"/>
                <a:gd name="T36" fmla="*/ 28 w 48"/>
                <a:gd name="T37" fmla="*/ 30 h 46"/>
                <a:gd name="T38" fmla="*/ 22 w 48"/>
                <a:gd name="T39" fmla="*/ 32 h 4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0" t="0" r="r" b="b"/>
              <a:pathLst>
                <a:path w="48" h="46">
                  <a:moveTo>
                    <a:pt x="22" y="32"/>
                  </a:moveTo>
                  <a:lnTo>
                    <a:pt x="12" y="30"/>
                  </a:lnTo>
                  <a:lnTo>
                    <a:pt x="12" y="38"/>
                  </a:lnTo>
                  <a:lnTo>
                    <a:pt x="8" y="46"/>
                  </a:lnTo>
                  <a:lnTo>
                    <a:pt x="0" y="38"/>
                  </a:lnTo>
                  <a:lnTo>
                    <a:pt x="2" y="28"/>
                  </a:lnTo>
                  <a:lnTo>
                    <a:pt x="8" y="24"/>
                  </a:lnTo>
                  <a:lnTo>
                    <a:pt x="8" y="10"/>
                  </a:lnTo>
                  <a:lnTo>
                    <a:pt x="14" y="2"/>
                  </a:lnTo>
                  <a:lnTo>
                    <a:pt x="24" y="0"/>
                  </a:lnTo>
                  <a:lnTo>
                    <a:pt x="34" y="0"/>
                  </a:lnTo>
                  <a:lnTo>
                    <a:pt x="30" y="8"/>
                  </a:lnTo>
                  <a:lnTo>
                    <a:pt x="30" y="18"/>
                  </a:lnTo>
                  <a:lnTo>
                    <a:pt x="38" y="24"/>
                  </a:lnTo>
                  <a:lnTo>
                    <a:pt x="44" y="26"/>
                  </a:lnTo>
                  <a:lnTo>
                    <a:pt x="48" y="34"/>
                  </a:lnTo>
                  <a:lnTo>
                    <a:pt x="42" y="40"/>
                  </a:lnTo>
                  <a:lnTo>
                    <a:pt x="32" y="36"/>
                  </a:lnTo>
                  <a:lnTo>
                    <a:pt x="28" y="30"/>
                  </a:lnTo>
                  <a:lnTo>
                    <a:pt x="22" y="32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35" name="Freeform 68"/>
            <p:cNvSpPr>
              <a:spLocks/>
            </p:cNvSpPr>
            <p:nvPr/>
          </p:nvSpPr>
          <p:spPr bwMode="auto">
            <a:xfrm>
              <a:off x="1028" y="2153"/>
              <a:ext cx="84" cy="86"/>
            </a:xfrm>
            <a:custGeom>
              <a:avLst/>
              <a:gdLst>
                <a:gd name="T0" fmla="*/ 16 w 84"/>
                <a:gd name="T1" fmla="*/ 28 h 86"/>
                <a:gd name="T2" fmla="*/ 24 w 84"/>
                <a:gd name="T3" fmla="*/ 28 h 86"/>
                <a:gd name="T4" fmla="*/ 26 w 84"/>
                <a:gd name="T5" fmla="*/ 34 h 86"/>
                <a:gd name="T6" fmla="*/ 34 w 84"/>
                <a:gd name="T7" fmla="*/ 34 h 86"/>
                <a:gd name="T8" fmla="*/ 36 w 84"/>
                <a:gd name="T9" fmla="*/ 26 h 86"/>
                <a:gd name="T10" fmla="*/ 36 w 84"/>
                <a:gd name="T11" fmla="*/ 18 h 86"/>
                <a:gd name="T12" fmla="*/ 50 w 84"/>
                <a:gd name="T13" fmla="*/ 14 h 86"/>
                <a:gd name="T14" fmla="*/ 56 w 84"/>
                <a:gd name="T15" fmla="*/ 10 h 86"/>
                <a:gd name="T16" fmla="*/ 62 w 84"/>
                <a:gd name="T17" fmla="*/ 8 h 86"/>
                <a:gd name="T18" fmla="*/ 72 w 84"/>
                <a:gd name="T19" fmla="*/ 2 h 86"/>
                <a:gd name="T20" fmla="*/ 82 w 84"/>
                <a:gd name="T21" fmla="*/ 0 h 86"/>
                <a:gd name="T22" fmla="*/ 84 w 84"/>
                <a:gd name="T23" fmla="*/ 12 h 86"/>
                <a:gd name="T24" fmla="*/ 78 w 84"/>
                <a:gd name="T25" fmla="*/ 26 h 86"/>
                <a:gd name="T26" fmla="*/ 66 w 84"/>
                <a:gd name="T27" fmla="*/ 30 h 86"/>
                <a:gd name="T28" fmla="*/ 68 w 84"/>
                <a:gd name="T29" fmla="*/ 38 h 86"/>
                <a:gd name="T30" fmla="*/ 58 w 84"/>
                <a:gd name="T31" fmla="*/ 44 h 86"/>
                <a:gd name="T32" fmla="*/ 52 w 84"/>
                <a:gd name="T33" fmla="*/ 48 h 86"/>
                <a:gd name="T34" fmla="*/ 38 w 84"/>
                <a:gd name="T35" fmla="*/ 52 h 86"/>
                <a:gd name="T36" fmla="*/ 32 w 84"/>
                <a:gd name="T37" fmla="*/ 58 h 86"/>
                <a:gd name="T38" fmla="*/ 32 w 84"/>
                <a:gd name="T39" fmla="*/ 70 h 86"/>
                <a:gd name="T40" fmla="*/ 24 w 84"/>
                <a:gd name="T41" fmla="*/ 70 h 86"/>
                <a:gd name="T42" fmla="*/ 22 w 84"/>
                <a:gd name="T43" fmla="*/ 78 h 86"/>
                <a:gd name="T44" fmla="*/ 10 w 84"/>
                <a:gd name="T45" fmla="*/ 86 h 86"/>
                <a:gd name="T46" fmla="*/ 0 w 84"/>
                <a:gd name="T47" fmla="*/ 82 h 86"/>
                <a:gd name="T48" fmla="*/ 0 w 84"/>
                <a:gd name="T49" fmla="*/ 74 h 86"/>
                <a:gd name="T50" fmla="*/ 14 w 84"/>
                <a:gd name="T51" fmla="*/ 70 h 86"/>
                <a:gd name="T52" fmla="*/ 12 w 84"/>
                <a:gd name="T53" fmla="*/ 62 h 86"/>
                <a:gd name="T54" fmla="*/ 6 w 84"/>
                <a:gd name="T55" fmla="*/ 56 h 86"/>
                <a:gd name="T56" fmla="*/ 8 w 84"/>
                <a:gd name="T57" fmla="*/ 50 h 86"/>
                <a:gd name="T58" fmla="*/ 16 w 84"/>
                <a:gd name="T59" fmla="*/ 46 h 86"/>
                <a:gd name="T60" fmla="*/ 12 w 84"/>
                <a:gd name="T61" fmla="*/ 42 h 86"/>
                <a:gd name="T62" fmla="*/ 6 w 84"/>
                <a:gd name="T63" fmla="*/ 34 h 86"/>
                <a:gd name="T64" fmla="*/ 16 w 84"/>
                <a:gd name="T65" fmla="*/ 28 h 8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0" t="0" r="r" b="b"/>
              <a:pathLst>
                <a:path w="84" h="86">
                  <a:moveTo>
                    <a:pt x="16" y="28"/>
                  </a:moveTo>
                  <a:lnTo>
                    <a:pt x="24" y="28"/>
                  </a:lnTo>
                  <a:lnTo>
                    <a:pt x="26" y="34"/>
                  </a:lnTo>
                  <a:lnTo>
                    <a:pt x="34" y="34"/>
                  </a:lnTo>
                  <a:lnTo>
                    <a:pt x="36" y="26"/>
                  </a:lnTo>
                  <a:lnTo>
                    <a:pt x="36" y="18"/>
                  </a:lnTo>
                  <a:lnTo>
                    <a:pt x="50" y="14"/>
                  </a:lnTo>
                  <a:lnTo>
                    <a:pt x="56" y="10"/>
                  </a:lnTo>
                  <a:lnTo>
                    <a:pt x="62" y="8"/>
                  </a:lnTo>
                  <a:lnTo>
                    <a:pt x="72" y="2"/>
                  </a:lnTo>
                  <a:lnTo>
                    <a:pt x="82" y="0"/>
                  </a:lnTo>
                  <a:lnTo>
                    <a:pt x="84" y="12"/>
                  </a:lnTo>
                  <a:lnTo>
                    <a:pt x="78" y="26"/>
                  </a:lnTo>
                  <a:lnTo>
                    <a:pt x="66" y="30"/>
                  </a:lnTo>
                  <a:lnTo>
                    <a:pt x="68" y="38"/>
                  </a:lnTo>
                  <a:lnTo>
                    <a:pt x="58" y="44"/>
                  </a:lnTo>
                  <a:lnTo>
                    <a:pt x="52" y="48"/>
                  </a:lnTo>
                  <a:lnTo>
                    <a:pt x="38" y="52"/>
                  </a:lnTo>
                  <a:lnTo>
                    <a:pt x="32" y="58"/>
                  </a:lnTo>
                  <a:lnTo>
                    <a:pt x="32" y="70"/>
                  </a:lnTo>
                  <a:lnTo>
                    <a:pt x="24" y="70"/>
                  </a:lnTo>
                  <a:lnTo>
                    <a:pt x="22" y="78"/>
                  </a:lnTo>
                  <a:lnTo>
                    <a:pt x="10" y="86"/>
                  </a:lnTo>
                  <a:lnTo>
                    <a:pt x="0" y="82"/>
                  </a:lnTo>
                  <a:lnTo>
                    <a:pt x="0" y="74"/>
                  </a:lnTo>
                  <a:lnTo>
                    <a:pt x="14" y="70"/>
                  </a:lnTo>
                  <a:lnTo>
                    <a:pt x="12" y="62"/>
                  </a:lnTo>
                  <a:lnTo>
                    <a:pt x="6" y="56"/>
                  </a:lnTo>
                  <a:lnTo>
                    <a:pt x="8" y="50"/>
                  </a:lnTo>
                  <a:lnTo>
                    <a:pt x="16" y="46"/>
                  </a:lnTo>
                  <a:lnTo>
                    <a:pt x="12" y="42"/>
                  </a:lnTo>
                  <a:lnTo>
                    <a:pt x="6" y="34"/>
                  </a:lnTo>
                  <a:lnTo>
                    <a:pt x="16" y="28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36" name="Freeform 69"/>
            <p:cNvSpPr>
              <a:spLocks/>
            </p:cNvSpPr>
            <p:nvPr/>
          </p:nvSpPr>
          <p:spPr bwMode="auto">
            <a:xfrm>
              <a:off x="1040" y="2257"/>
              <a:ext cx="48" cy="66"/>
            </a:xfrm>
            <a:custGeom>
              <a:avLst/>
              <a:gdLst>
                <a:gd name="T0" fmla="*/ 0 w 48"/>
                <a:gd name="T1" fmla="*/ 20 h 66"/>
                <a:gd name="T2" fmla="*/ 12 w 48"/>
                <a:gd name="T3" fmla="*/ 22 h 66"/>
                <a:gd name="T4" fmla="*/ 10 w 48"/>
                <a:gd name="T5" fmla="*/ 14 h 66"/>
                <a:gd name="T6" fmla="*/ 12 w 48"/>
                <a:gd name="T7" fmla="*/ 4 h 66"/>
                <a:gd name="T8" fmla="*/ 18 w 48"/>
                <a:gd name="T9" fmla="*/ 8 h 66"/>
                <a:gd name="T10" fmla="*/ 20 w 48"/>
                <a:gd name="T11" fmla="*/ 16 h 66"/>
                <a:gd name="T12" fmla="*/ 26 w 48"/>
                <a:gd name="T13" fmla="*/ 20 h 66"/>
                <a:gd name="T14" fmla="*/ 30 w 48"/>
                <a:gd name="T15" fmla="*/ 12 h 66"/>
                <a:gd name="T16" fmla="*/ 30 w 48"/>
                <a:gd name="T17" fmla="*/ 4 h 66"/>
                <a:gd name="T18" fmla="*/ 38 w 48"/>
                <a:gd name="T19" fmla="*/ 0 h 66"/>
                <a:gd name="T20" fmla="*/ 42 w 48"/>
                <a:gd name="T21" fmla="*/ 6 h 66"/>
                <a:gd name="T22" fmla="*/ 44 w 48"/>
                <a:gd name="T23" fmla="*/ 16 h 66"/>
                <a:gd name="T24" fmla="*/ 46 w 48"/>
                <a:gd name="T25" fmla="*/ 24 h 66"/>
                <a:gd name="T26" fmla="*/ 40 w 48"/>
                <a:gd name="T27" fmla="*/ 32 h 66"/>
                <a:gd name="T28" fmla="*/ 48 w 48"/>
                <a:gd name="T29" fmla="*/ 36 h 66"/>
                <a:gd name="T30" fmla="*/ 44 w 48"/>
                <a:gd name="T31" fmla="*/ 46 h 66"/>
                <a:gd name="T32" fmla="*/ 40 w 48"/>
                <a:gd name="T33" fmla="*/ 50 h 66"/>
                <a:gd name="T34" fmla="*/ 48 w 48"/>
                <a:gd name="T35" fmla="*/ 52 h 66"/>
                <a:gd name="T36" fmla="*/ 48 w 48"/>
                <a:gd name="T37" fmla="*/ 58 h 66"/>
                <a:gd name="T38" fmla="*/ 44 w 48"/>
                <a:gd name="T39" fmla="*/ 64 h 66"/>
                <a:gd name="T40" fmla="*/ 34 w 48"/>
                <a:gd name="T41" fmla="*/ 64 h 66"/>
                <a:gd name="T42" fmla="*/ 30 w 48"/>
                <a:gd name="T43" fmla="*/ 62 h 66"/>
                <a:gd name="T44" fmla="*/ 24 w 48"/>
                <a:gd name="T45" fmla="*/ 66 h 66"/>
                <a:gd name="T46" fmla="*/ 16 w 48"/>
                <a:gd name="T47" fmla="*/ 58 h 66"/>
                <a:gd name="T48" fmla="*/ 16 w 48"/>
                <a:gd name="T49" fmla="*/ 48 h 66"/>
                <a:gd name="T50" fmla="*/ 22 w 48"/>
                <a:gd name="T51" fmla="*/ 40 h 66"/>
                <a:gd name="T52" fmla="*/ 14 w 48"/>
                <a:gd name="T53" fmla="*/ 32 h 66"/>
                <a:gd name="T54" fmla="*/ 10 w 48"/>
                <a:gd name="T55" fmla="*/ 36 h 66"/>
                <a:gd name="T56" fmla="*/ 2 w 48"/>
                <a:gd name="T57" fmla="*/ 30 h 66"/>
                <a:gd name="T58" fmla="*/ 0 w 48"/>
                <a:gd name="T59" fmla="*/ 20 h 6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0" t="0" r="r" b="b"/>
              <a:pathLst>
                <a:path w="48" h="66">
                  <a:moveTo>
                    <a:pt x="0" y="20"/>
                  </a:moveTo>
                  <a:lnTo>
                    <a:pt x="12" y="22"/>
                  </a:lnTo>
                  <a:lnTo>
                    <a:pt x="10" y="14"/>
                  </a:lnTo>
                  <a:lnTo>
                    <a:pt x="12" y="4"/>
                  </a:lnTo>
                  <a:lnTo>
                    <a:pt x="18" y="8"/>
                  </a:lnTo>
                  <a:lnTo>
                    <a:pt x="20" y="16"/>
                  </a:lnTo>
                  <a:lnTo>
                    <a:pt x="26" y="20"/>
                  </a:lnTo>
                  <a:lnTo>
                    <a:pt x="30" y="12"/>
                  </a:lnTo>
                  <a:lnTo>
                    <a:pt x="30" y="4"/>
                  </a:lnTo>
                  <a:lnTo>
                    <a:pt x="38" y="0"/>
                  </a:lnTo>
                  <a:lnTo>
                    <a:pt x="42" y="6"/>
                  </a:lnTo>
                  <a:lnTo>
                    <a:pt x="44" y="16"/>
                  </a:lnTo>
                  <a:lnTo>
                    <a:pt x="46" y="24"/>
                  </a:lnTo>
                  <a:lnTo>
                    <a:pt x="40" y="32"/>
                  </a:lnTo>
                  <a:lnTo>
                    <a:pt x="48" y="36"/>
                  </a:lnTo>
                  <a:lnTo>
                    <a:pt x="44" y="46"/>
                  </a:lnTo>
                  <a:lnTo>
                    <a:pt x="40" y="50"/>
                  </a:lnTo>
                  <a:lnTo>
                    <a:pt x="48" y="52"/>
                  </a:lnTo>
                  <a:lnTo>
                    <a:pt x="48" y="58"/>
                  </a:lnTo>
                  <a:lnTo>
                    <a:pt x="44" y="64"/>
                  </a:lnTo>
                  <a:lnTo>
                    <a:pt x="34" y="64"/>
                  </a:lnTo>
                  <a:lnTo>
                    <a:pt x="30" y="62"/>
                  </a:lnTo>
                  <a:lnTo>
                    <a:pt x="24" y="66"/>
                  </a:lnTo>
                  <a:lnTo>
                    <a:pt x="16" y="58"/>
                  </a:lnTo>
                  <a:lnTo>
                    <a:pt x="16" y="48"/>
                  </a:lnTo>
                  <a:lnTo>
                    <a:pt x="22" y="40"/>
                  </a:lnTo>
                  <a:lnTo>
                    <a:pt x="14" y="32"/>
                  </a:lnTo>
                  <a:lnTo>
                    <a:pt x="10" y="36"/>
                  </a:lnTo>
                  <a:lnTo>
                    <a:pt x="2" y="30"/>
                  </a:lnTo>
                  <a:lnTo>
                    <a:pt x="0" y="2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37" name="Freeform 70"/>
            <p:cNvSpPr>
              <a:spLocks/>
            </p:cNvSpPr>
            <p:nvPr/>
          </p:nvSpPr>
          <p:spPr bwMode="auto">
            <a:xfrm>
              <a:off x="984" y="2281"/>
              <a:ext cx="16" cy="32"/>
            </a:xfrm>
            <a:custGeom>
              <a:avLst/>
              <a:gdLst>
                <a:gd name="T0" fmla="*/ 14 w 16"/>
                <a:gd name="T1" fmla="*/ 14 h 32"/>
                <a:gd name="T2" fmla="*/ 16 w 16"/>
                <a:gd name="T3" fmla="*/ 22 h 32"/>
                <a:gd name="T4" fmla="*/ 8 w 16"/>
                <a:gd name="T5" fmla="*/ 32 h 32"/>
                <a:gd name="T6" fmla="*/ 0 w 16"/>
                <a:gd name="T7" fmla="*/ 24 h 32"/>
                <a:gd name="T8" fmla="*/ 2 w 16"/>
                <a:gd name="T9" fmla="*/ 14 h 32"/>
                <a:gd name="T10" fmla="*/ 6 w 16"/>
                <a:gd name="T11" fmla="*/ 4 h 32"/>
                <a:gd name="T12" fmla="*/ 12 w 16"/>
                <a:gd name="T13" fmla="*/ 0 h 32"/>
                <a:gd name="T14" fmla="*/ 16 w 16"/>
                <a:gd name="T15" fmla="*/ 4 h 32"/>
                <a:gd name="T16" fmla="*/ 14 w 16"/>
                <a:gd name="T17" fmla="*/ 14 h 32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16" h="32">
                  <a:moveTo>
                    <a:pt x="14" y="14"/>
                  </a:moveTo>
                  <a:lnTo>
                    <a:pt x="16" y="22"/>
                  </a:lnTo>
                  <a:lnTo>
                    <a:pt x="8" y="32"/>
                  </a:lnTo>
                  <a:lnTo>
                    <a:pt x="0" y="24"/>
                  </a:lnTo>
                  <a:lnTo>
                    <a:pt x="2" y="14"/>
                  </a:lnTo>
                  <a:lnTo>
                    <a:pt x="6" y="4"/>
                  </a:lnTo>
                  <a:lnTo>
                    <a:pt x="12" y="0"/>
                  </a:lnTo>
                  <a:lnTo>
                    <a:pt x="16" y="4"/>
                  </a:lnTo>
                  <a:lnTo>
                    <a:pt x="14" y="14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38" name="Freeform 71"/>
            <p:cNvSpPr>
              <a:spLocks/>
            </p:cNvSpPr>
            <p:nvPr/>
          </p:nvSpPr>
          <p:spPr bwMode="auto">
            <a:xfrm>
              <a:off x="994" y="2239"/>
              <a:ext cx="28" cy="32"/>
            </a:xfrm>
            <a:custGeom>
              <a:avLst/>
              <a:gdLst>
                <a:gd name="T0" fmla="*/ 10 w 28"/>
                <a:gd name="T1" fmla="*/ 24 h 32"/>
                <a:gd name="T2" fmla="*/ 6 w 28"/>
                <a:gd name="T3" fmla="*/ 16 h 32"/>
                <a:gd name="T4" fmla="*/ 0 w 28"/>
                <a:gd name="T5" fmla="*/ 10 h 32"/>
                <a:gd name="T6" fmla="*/ 6 w 28"/>
                <a:gd name="T7" fmla="*/ 2 h 32"/>
                <a:gd name="T8" fmla="*/ 12 w 28"/>
                <a:gd name="T9" fmla="*/ 0 h 32"/>
                <a:gd name="T10" fmla="*/ 22 w 28"/>
                <a:gd name="T11" fmla="*/ 2 h 32"/>
                <a:gd name="T12" fmla="*/ 28 w 28"/>
                <a:gd name="T13" fmla="*/ 12 h 32"/>
                <a:gd name="T14" fmla="*/ 20 w 28"/>
                <a:gd name="T15" fmla="*/ 18 h 32"/>
                <a:gd name="T16" fmla="*/ 18 w 28"/>
                <a:gd name="T17" fmla="*/ 28 h 32"/>
                <a:gd name="T18" fmla="*/ 12 w 28"/>
                <a:gd name="T19" fmla="*/ 32 h 32"/>
                <a:gd name="T20" fmla="*/ 10 w 28"/>
                <a:gd name="T21" fmla="*/ 24 h 32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28" h="32">
                  <a:moveTo>
                    <a:pt x="10" y="24"/>
                  </a:moveTo>
                  <a:lnTo>
                    <a:pt x="6" y="16"/>
                  </a:lnTo>
                  <a:lnTo>
                    <a:pt x="0" y="10"/>
                  </a:lnTo>
                  <a:lnTo>
                    <a:pt x="6" y="2"/>
                  </a:lnTo>
                  <a:lnTo>
                    <a:pt x="12" y="0"/>
                  </a:lnTo>
                  <a:lnTo>
                    <a:pt x="22" y="2"/>
                  </a:lnTo>
                  <a:lnTo>
                    <a:pt x="28" y="12"/>
                  </a:lnTo>
                  <a:lnTo>
                    <a:pt x="20" y="18"/>
                  </a:lnTo>
                  <a:lnTo>
                    <a:pt x="18" y="28"/>
                  </a:lnTo>
                  <a:lnTo>
                    <a:pt x="12" y="32"/>
                  </a:lnTo>
                  <a:lnTo>
                    <a:pt x="10" y="24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39" name="Freeform 72"/>
            <p:cNvSpPr>
              <a:spLocks/>
            </p:cNvSpPr>
            <p:nvPr/>
          </p:nvSpPr>
          <p:spPr bwMode="auto">
            <a:xfrm>
              <a:off x="1012" y="2457"/>
              <a:ext cx="66" cy="64"/>
            </a:xfrm>
            <a:custGeom>
              <a:avLst/>
              <a:gdLst>
                <a:gd name="T0" fmla="*/ 4 w 66"/>
                <a:gd name="T1" fmla="*/ 30 h 64"/>
                <a:gd name="T2" fmla="*/ 12 w 66"/>
                <a:gd name="T3" fmla="*/ 32 h 64"/>
                <a:gd name="T4" fmla="*/ 20 w 66"/>
                <a:gd name="T5" fmla="*/ 26 h 64"/>
                <a:gd name="T6" fmla="*/ 26 w 66"/>
                <a:gd name="T7" fmla="*/ 22 h 64"/>
                <a:gd name="T8" fmla="*/ 30 w 66"/>
                <a:gd name="T9" fmla="*/ 28 h 64"/>
                <a:gd name="T10" fmla="*/ 38 w 66"/>
                <a:gd name="T11" fmla="*/ 28 h 64"/>
                <a:gd name="T12" fmla="*/ 42 w 66"/>
                <a:gd name="T13" fmla="*/ 20 h 64"/>
                <a:gd name="T14" fmla="*/ 48 w 66"/>
                <a:gd name="T15" fmla="*/ 10 h 64"/>
                <a:gd name="T16" fmla="*/ 56 w 66"/>
                <a:gd name="T17" fmla="*/ 4 h 64"/>
                <a:gd name="T18" fmla="*/ 64 w 66"/>
                <a:gd name="T19" fmla="*/ 0 h 64"/>
                <a:gd name="T20" fmla="*/ 66 w 66"/>
                <a:gd name="T21" fmla="*/ 2 h 64"/>
                <a:gd name="T22" fmla="*/ 62 w 66"/>
                <a:gd name="T23" fmla="*/ 16 h 64"/>
                <a:gd name="T24" fmla="*/ 48 w 66"/>
                <a:gd name="T25" fmla="*/ 22 h 64"/>
                <a:gd name="T26" fmla="*/ 44 w 66"/>
                <a:gd name="T27" fmla="*/ 32 h 64"/>
                <a:gd name="T28" fmla="*/ 44 w 66"/>
                <a:gd name="T29" fmla="*/ 36 h 64"/>
                <a:gd name="T30" fmla="*/ 42 w 66"/>
                <a:gd name="T31" fmla="*/ 40 h 64"/>
                <a:gd name="T32" fmla="*/ 30 w 66"/>
                <a:gd name="T33" fmla="*/ 44 h 64"/>
                <a:gd name="T34" fmla="*/ 28 w 66"/>
                <a:gd name="T35" fmla="*/ 52 h 64"/>
                <a:gd name="T36" fmla="*/ 24 w 66"/>
                <a:gd name="T37" fmla="*/ 58 h 64"/>
                <a:gd name="T38" fmla="*/ 14 w 66"/>
                <a:gd name="T39" fmla="*/ 64 h 64"/>
                <a:gd name="T40" fmla="*/ 6 w 66"/>
                <a:gd name="T41" fmla="*/ 58 h 64"/>
                <a:gd name="T42" fmla="*/ 8 w 66"/>
                <a:gd name="T43" fmla="*/ 48 h 64"/>
                <a:gd name="T44" fmla="*/ 8 w 66"/>
                <a:gd name="T45" fmla="*/ 44 h 64"/>
                <a:gd name="T46" fmla="*/ 0 w 66"/>
                <a:gd name="T47" fmla="*/ 44 h 64"/>
                <a:gd name="T48" fmla="*/ 2 w 66"/>
                <a:gd name="T49" fmla="*/ 36 h 64"/>
                <a:gd name="T50" fmla="*/ 4 w 66"/>
                <a:gd name="T51" fmla="*/ 30 h 64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</a:gdLst>
              <a:ahLst/>
              <a:cxnLst>
                <a:cxn ang="T52">
                  <a:pos x="T0" y="T1"/>
                </a:cxn>
                <a:cxn ang="T53">
                  <a:pos x="T2" y="T3"/>
                </a:cxn>
                <a:cxn ang="T54">
                  <a:pos x="T4" y="T5"/>
                </a:cxn>
                <a:cxn ang="T55">
                  <a:pos x="T6" y="T7"/>
                </a:cxn>
                <a:cxn ang="T56">
                  <a:pos x="T8" y="T9"/>
                </a:cxn>
                <a:cxn ang="T57">
                  <a:pos x="T10" y="T11"/>
                </a:cxn>
                <a:cxn ang="T58">
                  <a:pos x="T12" y="T13"/>
                </a:cxn>
                <a:cxn ang="T59">
                  <a:pos x="T14" y="T15"/>
                </a:cxn>
                <a:cxn ang="T60">
                  <a:pos x="T16" y="T17"/>
                </a:cxn>
                <a:cxn ang="T61">
                  <a:pos x="T18" y="T19"/>
                </a:cxn>
                <a:cxn ang="T62">
                  <a:pos x="T20" y="T21"/>
                </a:cxn>
                <a:cxn ang="T63">
                  <a:pos x="T22" y="T23"/>
                </a:cxn>
                <a:cxn ang="T64">
                  <a:pos x="T24" y="T25"/>
                </a:cxn>
                <a:cxn ang="T65">
                  <a:pos x="T26" y="T27"/>
                </a:cxn>
                <a:cxn ang="T66">
                  <a:pos x="T28" y="T29"/>
                </a:cxn>
                <a:cxn ang="T67">
                  <a:pos x="T30" y="T31"/>
                </a:cxn>
                <a:cxn ang="T68">
                  <a:pos x="T32" y="T33"/>
                </a:cxn>
                <a:cxn ang="T69">
                  <a:pos x="T34" y="T35"/>
                </a:cxn>
                <a:cxn ang="T70">
                  <a:pos x="T36" y="T37"/>
                </a:cxn>
                <a:cxn ang="T71">
                  <a:pos x="T38" y="T39"/>
                </a:cxn>
                <a:cxn ang="T72">
                  <a:pos x="T40" y="T41"/>
                </a:cxn>
                <a:cxn ang="T73">
                  <a:pos x="T42" y="T43"/>
                </a:cxn>
                <a:cxn ang="T74">
                  <a:pos x="T44" y="T45"/>
                </a:cxn>
                <a:cxn ang="T75">
                  <a:pos x="T46" y="T47"/>
                </a:cxn>
                <a:cxn ang="T76">
                  <a:pos x="T48" y="T49"/>
                </a:cxn>
                <a:cxn ang="T77">
                  <a:pos x="T50" y="T51"/>
                </a:cxn>
              </a:cxnLst>
              <a:rect l="0" t="0" r="r" b="b"/>
              <a:pathLst>
                <a:path w="66" h="64">
                  <a:moveTo>
                    <a:pt x="4" y="30"/>
                  </a:moveTo>
                  <a:lnTo>
                    <a:pt x="12" y="32"/>
                  </a:lnTo>
                  <a:lnTo>
                    <a:pt x="20" y="26"/>
                  </a:lnTo>
                  <a:lnTo>
                    <a:pt x="26" y="22"/>
                  </a:lnTo>
                  <a:lnTo>
                    <a:pt x="30" y="28"/>
                  </a:lnTo>
                  <a:lnTo>
                    <a:pt x="38" y="28"/>
                  </a:lnTo>
                  <a:lnTo>
                    <a:pt x="42" y="20"/>
                  </a:lnTo>
                  <a:lnTo>
                    <a:pt x="48" y="10"/>
                  </a:lnTo>
                  <a:lnTo>
                    <a:pt x="56" y="4"/>
                  </a:lnTo>
                  <a:lnTo>
                    <a:pt x="64" y="0"/>
                  </a:lnTo>
                  <a:lnTo>
                    <a:pt x="66" y="2"/>
                  </a:lnTo>
                  <a:lnTo>
                    <a:pt x="62" y="16"/>
                  </a:lnTo>
                  <a:lnTo>
                    <a:pt x="48" y="22"/>
                  </a:lnTo>
                  <a:lnTo>
                    <a:pt x="44" y="32"/>
                  </a:lnTo>
                  <a:lnTo>
                    <a:pt x="44" y="36"/>
                  </a:lnTo>
                  <a:lnTo>
                    <a:pt x="42" y="40"/>
                  </a:lnTo>
                  <a:lnTo>
                    <a:pt x="30" y="44"/>
                  </a:lnTo>
                  <a:lnTo>
                    <a:pt x="28" y="52"/>
                  </a:lnTo>
                  <a:lnTo>
                    <a:pt x="24" y="58"/>
                  </a:lnTo>
                  <a:lnTo>
                    <a:pt x="14" y="64"/>
                  </a:lnTo>
                  <a:lnTo>
                    <a:pt x="6" y="58"/>
                  </a:lnTo>
                  <a:lnTo>
                    <a:pt x="8" y="48"/>
                  </a:lnTo>
                  <a:lnTo>
                    <a:pt x="8" y="44"/>
                  </a:lnTo>
                  <a:lnTo>
                    <a:pt x="0" y="44"/>
                  </a:lnTo>
                  <a:lnTo>
                    <a:pt x="2" y="36"/>
                  </a:lnTo>
                  <a:lnTo>
                    <a:pt x="4" y="3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40" name="Freeform 73"/>
            <p:cNvSpPr>
              <a:spLocks/>
            </p:cNvSpPr>
            <p:nvPr/>
          </p:nvSpPr>
          <p:spPr bwMode="auto">
            <a:xfrm>
              <a:off x="1084" y="2521"/>
              <a:ext cx="18" cy="36"/>
            </a:xfrm>
            <a:custGeom>
              <a:avLst/>
              <a:gdLst>
                <a:gd name="T0" fmla="*/ 8 w 18"/>
                <a:gd name="T1" fmla="*/ 0 h 36"/>
                <a:gd name="T2" fmla="*/ 18 w 18"/>
                <a:gd name="T3" fmla="*/ 4 h 36"/>
                <a:gd name="T4" fmla="*/ 18 w 18"/>
                <a:gd name="T5" fmla="*/ 12 h 36"/>
                <a:gd name="T6" fmla="*/ 16 w 18"/>
                <a:gd name="T7" fmla="*/ 22 h 36"/>
                <a:gd name="T8" fmla="*/ 18 w 18"/>
                <a:gd name="T9" fmla="*/ 34 h 36"/>
                <a:gd name="T10" fmla="*/ 8 w 18"/>
                <a:gd name="T11" fmla="*/ 36 h 36"/>
                <a:gd name="T12" fmla="*/ 0 w 18"/>
                <a:gd name="T13" fmla="*/ 22 h 36"/>
                <a:gd name="T14" fmla="*/ 2 w 18"/>
                <a:gd name="T15" fmla="*/ 12 h 36"/>
                <a:gd name="T16" fmla="*/ 2 w 18"/>
                <a:gd name="T17" fmla="*/ 6 h 36"/>
                <a:gd name="T18" fmla="*/ 8 w 18"/>
                <a:gd name="T19" fmla="*/ 0 h 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0" t="0" r="r" b="b"/>
              <a:pathLst>
                <a:path w="18" h="36">
                  <a:moveTo>
                    <a:pt x="8" y="0"/>
                  </a:moveTo>
                  <a:lnTo>
                    <a:pt x="18" y="4"/>
                  </a:lnTo>
                  <a:lnTo>
                    <a:pt x="18" y="12"/>
                  </a:lnTo>
                  <a:lnTo>
                    <a:pt x="16" y="22"/>
                  </a:lnTo>
                  <a:lnTo>
                    <a:pt x="18" y="34"/>
                  </a:lnTo>
                  <a:lnTo>
                    <a:pt x="8" y="36"/>
                  </a:lnTo>
                  <a:lnTo>
                    <a:pt x="0" y="22"/>
                  </a:lnTo>
                  <a:lnTo>
                    <a:pt x="2" y="12"/>
                  </a:lnTo>
                  <a:lnTo>
                    <a:pt x="2" y="6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41" name="Freeform 74"/>
            <p:cNvSpPr>
              <a:spLocks/>
            </p:cNvSpPr>
            <p:nvPr/>
          </p:nvSpPr>
          <p:spPr bwMode="auto">
            <a:xfrm>
              <a:off x="1088" y="2699"/>
              <a:ext cx="40" cy="38"/>
            </a:xfrm>
            <a:custGeom>
              <a:avLst/>
              <a:gdLst>
                <a:gd name="T0" fmla="*/ 34 w 40"/>
                <a:gd name="T1" fmla="*/ 0 h 38"/>
                <a:gd name="T2" fmla="*/ 38 w 40"/>
                <a:gd name="T3" fmla="*/ 6 h 38"/>
                <a:gd name="T4" fmla="*/ 40 w 40"/>
                <a:gd name="T5" fmla="*/ 16 h 38"/>
                <a:gd name="T6" fmla="*/ 38 w 40"/>
                <a:gd name="T7" fmla="*/ 20 h 38"/>
                <a:gd name="T8" fmla="*/ 34 w 40"/>
                <a:gd name="T9" fmla="*/ 24 h 38"/>
                <a:gd name="T10" fmla="*/ 26 w 40"/>
                <a:gd name="T11" fmla="*/ 32 h 38"/>
                <a:gd name="T12" fmla="*/ 24 w 40"/>
                <a:gd name="T13" fmla="*/ 36 h 38"/>
                <a:gd name="T14" fmla="*/ 14 w 40"/>
                <a:gd name="T15" fmla="*/ 38 h 38"/>
                <a:gd name="T16" fmla="*/ 0 w 40"/>
                <a:gd name="T17" fmla="*/ 38 h 38"/>
                <a:gd name="T18" fmla="*/ 6 w 40"/>
                <a:gd name="T19" fmla="*/ 24 h 38"/>
                <a:gd name="T20" fmla="*/ 18 w 40"/>
                <a:gd name="T21" fmla="*/ 10 h 38"/>
                <a:gd name="T22" fmla="*/ 24 w 40"/>
                <a:gd name="T23" fmla="*/ 4 h 38"/>
                <a:gd name="T24" fmla="*/ 34 w 40"/>
                <a:gd name="T25" fmla="*/ 0 h 38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0" t="0" r="r" b="b"/>
              <a:pathLst>
                <a:path w="40" h="38">
                  <a:moveTo>
                    <a:pt x="34" y="0"/>
                  </a:moveTo>
                  <a:lnTo>
                    <a:pt x="38" y="6"/>
                  </a:lnTo>
                  <a:lnTo>
                    <a:pt x="40" y="16"/>
                  </a:lnTo>
                  <a:lnTo>
                    <a:pt x="38" y="20"/>
                  </a:lnTo>
                  <a:lnTo>
                    <a:pt x="34" y="24"/>
                  </a:lnTo>
                  <a:lnTo>
                    <a:pt x="26" y="32"/>
                  </a:lnTo>
                  <a:lnTo>
                    <a:pt x="24" y="36"/>
                  </a:lnTo>
                  <a:lnTo>
                    <a:pt x="14" y="38"/>
                  </a:lnTo>
                  <a:lnTo>
                    <a:pt x="0" y="38"/>
                  </a:lnTo>
                  <a:lnTo>
                    <a:pt x="6" y="24"/>
                  </a:lnTo>
                  <a:lnTo>
                    <a:pt x="18" y="10"/>
                  </a:lnTo>
                  <a:lnTo>
                    <a:pt x="24" y="4"/>
                  </a:lnTo>
                  <a:lnTo>
                    <a:pt x="34" y="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42" name="Freeform 75"/>
            <p:cNvSpPr>
              <a:spLocks/>
            </p:cNvSpPr>
            <p:nvPr/>
          </p:nvSpPr>
          <p:spPr bwMode="auto">
            <a:xfrm>
              <a:off x="1270" y="3206"/>
              <a:ext cx="32" cy="24"/>
            </a:xfrm>
            <a:custGeom>
              <a:avLst/>
              <a:gdLst>
                <a:gd name="T0" fmla="*/ 0 w 32"/>
                <a:gd name="T1" fmla="*/ 10 h 24"/>
                <a:gd name="T2" fmla="*/ 8 w 32"/>
                <a:gd name="T3" fmla="*/ 4 h 24"/>
                <a:gd name="T4" fmla="*/ 14 w 32"/>
                <a:gd name="T5" fmla="*/ 0 h 24"/>
                <a:gd name="T6" fmla="*/ 22 w 32"/>
                <a:gd name="T7" fmla="*/ 2 h 24"/>
                <a:gd name="T8" fmla="*/ 30 w 32"/>
                <a:gd name="T9" fmla="*/ 8 h 24"/>
                <a:gd name="T10" fmla="*/ 32 w 32"/>
                <a:gd name="T11" fmla="*/ 14 h 24"/>
                <a:gd name="T12" fmla="*/ 24 w 32"/>
                <a:gd name="T13" fmla="*/ 20 h 24"/>
                <a:gd name="T14" fmla="*/ 20 w 32"/>
                <a:gd name="T15" fmla="*/ 24 h 24"/>
                <a:gd name="T16" fmla="*/ 10 w 32"/>
                <a:gd name="T17" fmla="*/ 24 h 24"/>
                <a:gd name="T18" fmla="*/ 2 w 32"/>
                <a:gd name="T19" fmla="*/ 16 h 24"/>
                <a:gd name="T20" fmla="*/ 0 w 32"/>
                <a:gd name="T21" fmla="*/ 10 h 24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32" h="24">
                  <a:moveTo>
                    <a:pt x="0" y="10"/>
                  </a:moveTo>
                  <a:lnTo>
                    <a:pt x="8" y="4"/>
                  </a:lnTo>
                  <a:lnTo>
                    <a:pt x="14" y="0"/>
                  </a:lnTo>
                  <a:lnTo>
                    <a:pt x="22" y="2"/>
                  </a:lnTo>
                  <a:lnTo>
                    <a:pt x="30" y="8"/>
                  </a:lnTo>
                  <a:lnTo>
                    <a:pt x="32" y="14"/>
                  </a:lnTo>
                  <a:lnTo>
                    <a:pt x="24" y="20"/>
                  </a:lnTo>
                  <a:lnTo>
                    <a:pt x="20" y="24"/>
                  </a:lnTo>
                  <a:lnTo>
                    <a:pt x="10" y="24"/>
                  </a:lnTo>
                  <a:lnTo>
                    <a:pt x="2" y="16"/>
                  </a:lnTo>
                  <a:lnTo>
                    <a:pt x="0" y="10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43" name="Freeform 76"/>
            <p:cNvSpPr>
              <a:spLocks/>
            </p:cNvSpPr>
            <p:nvPr/>
          </p:nvSpPr>
          <p:spPr bwMode="auto">
            <a:xfrm>
              <a:off x="908" y="2153"/>
              <a:ext cx="654" cy="1093"/>
            </a:xfrm>
            <a:custGeom>
              <a:avLst/>
              <a:gdLst>
                <a:gd name="T0" fmla="*/ 202 w 654"/>
                <a:gd name="T1" fmla="*/ 1041 h 1093"/>
                <a:gd name="T2" fmla="*/ 170 w 654"/>
                <a:gd name="T3" fmla="*/ 1091 h 1093"/>
                <a:gd name="T4" fmla="*/ 122 w 654"/>
                <a:gd name="T5" fmla="*/ 1065 h 1093"/>
                <a:gd name="T6" fmla="*/ 52 w 654"/>
                <a:gd name="T7" fmla="*/ 1081 h 1093"/>
                <a:gd name="T8" fmla="*/ 10 w 654"/>
                <a:gd name="T9" fmla="*/ 1081 h 1093"/>
                <a:gd name="T10" fmla="*/ 22 w 654"/>
                <a:gd name="T11" fmla="*/ 1061 h 1093"/>
                <a:gd name="T12" fmla="*/ 84 w 654"/>
                <a:gd name="T13" fmla="*/ 1023 h 1093"/>
                <a:gd name="T14" fmla="*/ 148 w 654"/>
                <a:gd name="T15" fmla="*/ 971 h 1093"/>
                <a:gd name="T16" fmla="*/ 220 w 654"/>
                <a:gd name="T17" fmla="*/ 971 h 1093"/>
                <a:gd name="T18" fmla="*/ 294 w 654"/>
                <a:gd name="T19" fmla="*/ 923 h 1093"/>
                <a:gd name="T20" fmla="*/ 224 w 654"/>
                <a:gd name="T21" fmla="*/ 947 h 1093"/>
                <a:gd name="T22" fmla="*/ 170 w 654"/>
                <a:gd name="T23" fmla="*/ 917 h 1093"/>
                <a:gd name="T24" fmla="*/ 154 w 654"/>
                <a:gd name="T25" fmla="*/ 883 h 1093"/>
                <a:gd name="T26" fmla="*/ 88 w 654"/>
                <a:gd name="T27" fmla="*/ 881 h 1093"/>
                <a:gd name="T28" fmla="*/ 126 w 654"/>
                <a:gd name="T29" fmla="*/ 843 h 1093"/>
                <a:gd name="T30" fmla="*/ 196 w 654"/>
                <a:gd name="T31" fmla="*/ 769 h 1093"/>
                <a:gd name="T32" fmla="*/ 152 w 654"/>
                <a:gd name="T33" fmla="*/ 749 h 1093"/>
                <a:gd name="T34" fmla="*/ 176 w 654"/>
                <a:gd name="T35" fmla="*/ 686 h 1093"/>
                <a:gd name="T36" fmla="*/ 232 w 654"/>
                <a:gd name="T37" fmla="*/ 692 h 1093"/>
                <a:gd name="T38" fmla="*/ 286 w 654"/>
                <a:gd name="T39" fmla="*/ 694 h 1093"/>
                <a:gd name="T40" fmla="*/ 310 w 654"/>
                <a:gd name="T41" fmla="*/ 628 h 1093"/>
                <a:gd name="T42" fmla="*/ 308 w 654"/>
                <a:gd name="T43" fmla="*/ 606 h 1093"/>
                <a:gd name="T44" fmla="*/ 282 w 654"/>
                <a:gd name="T45" fmla="*/ 536 h 1093"/>
                <a:gd name="T46" fmla="*/ 298 w 654"/>
                <a:gd name="T47" fmla="*/ 486 h 1093"/>
                <a:gd name="T48" fmla="*/ 234 w 654"/>
                <a:gd name="T49" fmla="*/ 488 h 1093"/>
                <a:gd name="T50" fmla="*/ 192 w 654"/>
                <a:gd name="T51" fmla="*/ 482 h 1093"/>
                <a:gd name="T52" fmla="*/ 178 w 654"/>
                <a:gd name="T53" fmla="*/ 458 h 1093"/>
                <a:gd name="T54" fmla="*/ 226 w 654"/>
                <a:gd name="T55" fmla="*/ 390 h 1093"/>
                <a:gd name="T56" fmla="*/ 222 w 654"/>
                <a:gd name="T57" fmla="*/ 334 h 1093"/>
                <a:gd name="T58" fmla="*/ 188 w 654"/>
                <a:gd name="T59" fmla="*/ 350 h 1093"/>
                <a:gd name="T60" fmla="*/ 156 w 654"/>
                <a:gd name="T61" fmla="*/ 412 h 1093"/>
                <a:gd name="T62" fmla="*/ 164 w 654"/>
                <a:gd name="T63" fmla="*/ 346 h 1093"/>
                <a:gd name="T64" fmla="*/ 194 w 654"/>
                <a:gd name="T65" fmla="*/ 272 h 1093"/>
                <a:gd name="T66" fmla="*/ 186 w 654"/>
                <a:gd name="T67" fmla="*/ 260 h 1093"/>
                <a:gd name="T68" fmla="*/ 130 w 654"/>
                <a:gd name="T69" fmla="*/ 274 h 1093"/>
                <a:gd name="T70" fmla="*/ 152 w 654"/>
                <a:gd name="T71" fmla="*/ 230 h 1093"/>
                <a:gd name="T72" fmla="*/ 184 w 654"/>
                <a:gd name="T73" fmla="*/ 196 h 1093"/>
                <a:gd name="T74" fmla="*/ 210 w 654"/>
                <a:gd name="T75" fmla="*/ 166 h 1093"/>
                <a:gd name="T76" fmla="*/ 206 w 654"/>
                <a:gd name="T77" fmla="*/ 108 h 1093"/>
                <a:gd name="T78" fmla="*/ 240 w 654"/>
                <a:gd name="T79" fmla="*/ 70 h 1093"/>
                <a:gd name="T80" fmla="*/ 286 w 654"/>
                <a:gd name="T81" fmla="*/ 0 h 1093"/>
                <a:gd name="T82" fmla="*/ 358 w 654"/>
                <a:gd name="T83" fmla="*/ 22 h 1093"/>
                <a:gd name="T84" fmla="*/ 408 w 654"/>
                <a:gd name="T85" fmla="*/ 52 h 1093"/>
                <a:gd name="T86" fmla="*/ 332 w 654"/>
                <a:gd name="T87" fmla="*/ 112 h 1093"/>
                <a:gd name="T88" fmla="*/ 360 w 654"/>
                <a:gd name="T89" fmla="*/ 142 h 1093"/>
                <a:gd name="T90" fmla="*/ 476 w 654"/>
                <a:gd name="T91" fmla="*/ 170 h 1093"/>
                <a:gd name="T92" fmla="*/ 430 w 654"/>
                <a:gd name="T93" fmla="*/ 264 h 1093"/>
                <a:gd name="T94" fmla="*/ 350 w 654"/>
                <a:gd name="T95" fmla="*/ 310 h 1093"/>
                <a:gd name="T96" fmla="*/ 360 w 654"/>
                <a:gd name="T97" fmla="*/ 340 h 1093"/>
                <a:gd name="T98" fmla="*/ 336 w 654"/>
                <a:gd name="T99" fmla="*/ 360 h 1093"/>
                <a:gd name="T100" fmla="*/ 412 w 654"/>
                <a:gd name="T101" fmla="*/ 378 h 1093"/>
                <a:gd name="T102" fmla="*/ 458 w 654"/>
                <a:gd name="T103" fmla="*/ 458 h 1093"/>
                <a:gd name="T104" fmla="*/ 492 w 654"/>
                <a:gd name="T105" fmla="*/ 576 h 1093"/>
                <a:gd name="T106" fmla="*/ 532 w 654"/>
                <a:gd name="T107" fmla="*/ 674 h 1093"/>
                <a:gd name="T108" fmla="*/ 554 w 654"/>
                <a:gd name="T109" fmla="*/ 765 h 1093"/>
                <a:gd name="T110" fmla="*/ 570 w 654"/>
                <a:gd name="T111" fmla="*/ 793 h 1093"/>
                <a:gd name="T112" fmla="*/ 640 w 654"/>
                <a:gd name="T113" fmla="*/ 901 h 1093"/>
                <a:gd name="T114" fmla="*/ 594 w 654"/>
                <a:gd name="T115" fmla="*/ 951 h 1093"/>
                <a:gd name="T116" fmla="*/ 546 w 654"/>
                <a:gd name="T117" fmla="*/ 975 h 1093"/>
                <a:gd name="T118" fmla="*/ 604 w 654"/>
                <a:gd name="T119" fmla="*/ 1015 h 1093"/>
                <a:gd name="T120" fmla="*/ 512 w 654"/>
                <a:gd name="T121" fmla="*/ 1069 h 1093"/>
                <a:gd name="T122" fmla="*/ 412 w 654"/>
                <a:gd name="T123" fmla="*/ 1057 h 1093"/>
                <a:gd name="T124" fmla="*/ 318 w 654"/>
                <a:gd name="T125" fmla="*/ 1051 h 1093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0" t="0" r="r" b="b"/>
              <a:pathLst>
                <a:path w="654" h="1093">
                  <a:moveTo>
                    <a:pt x="276" y="1057"/>
                  </a:moveTo>
                  <a:lnTo>
                    <a:pt x="264" y="1045"/>
                  </a:lnTo>
                  <a:lnTo>
                    <a:pt x="252" y="1037"/>
                  </a:lnTo>
                  <a:lnTo>
                    <a:pt x="234" y="1037"/>
                  </a:lnTo>
                  <a:lnTo>
                    <a:pt x="222" y="1037"/>
                  </a:lnTo>
                  <a:lnTo>
                    <a:pt x="214" y="1045"/>
                  </a:lnTo>
                  <a:lnTo>
                    <a:pt x="202" y="1041"/>
                  </a:lnTo>
                  <a:lnTo>
                    <a:pt x="196" y="1049"/>
                  </a:lnTo>
                  <a:lnTo>
                    <a:pt x="190" y="1061"/>
                  </a:lnTo>
                  <a:lnTo>
                    <a:pt x="188" y="1075"/>
                  </a:lnTo>
                  <a:lnTo>
                    <a:pt x="180" y="1069"/>
                  </a:lnTo>
                  <a:lnTo>
                    <a:pt x="180" y="1077"/>
                  </a:lnTo>
                  <a:lnTo>
                    <a:pt x="174" y="1085"/>
                  </a:lnTo>
                  <a:lnTo>
                    <a:pt x="170" y="1091"/>
                  </a:lnTo>
                  <a:lnTo>
                    <a:pt x="158" y="1083"/>
                  </a:lnTo>
                  <a:lnTo>
                    <a:pt x="148" y="1075"/>
                  </a:lnTo>
                  <a:lnTo>
                    <a:pt x="142" y="1067"/>
                  </a:lnTo>
                  <a:lnTo>
                    <a:pt x="138" y="1059"/>
                  </a:lnTo>
                  <a:lnTo>
                    <a:pt x="132" y="1053"/>
                  </a:lnTo>
                  <a:lnTo>
                    <a:pt x="132" y="1065"/>
                  </a:lnTo>
                  <a:lnTo>
                    <a:pt x="122" y="1065"/>
                  </a:lnTo>
                  <a:lnTo>
                    <a:pt x="108" y="1063"/>
                  </a:lnTo>
                  <a:lnTo>
                    <a:pt x="96" y="1061"/>
                  </a:lnTo>
                  <a:lnTo>
                    <a:pt x="88" y="1061"/>
                  </a:lnTo>
                  <a:lnTo>
                    <a:pt x="80" y="1071"/>
                  </a:lnTo>
                  <a:lnTo>
                    <a:pt x="68" y="1073"/>
                  </a:lnTo>
                  <a:lnTo>
                    <a:pt x="60" y="1073"/>
                  </a:lnTo>
                  <a:lnTo>
                    <a:pt x="52" y="1081"/>
                  </a:lnTo>
                  <a:lnTo>
                    <a:pt x="50" y="1089"/>
                  </a:lnTo>
                  <a:lnTo>
                    <a:pt x="42" y="1093"/>
                  </a:lnTo>
                  <a:lnTo>
                    <a:pt x="34" y="1081"/>
                  </a:lnTo>
                  <a:lnTo>
                    <a:pt x="30" y="1077"/>
                  </a:lnTo>
                  <a:lnTo>
                    <a:pt x="22" y="1073"/>
                  </a:lnTo>
                  <a:lnTo>
                    <a:pt x="16" y="1077"/>
                  </a:lnTo>
                  <a:lnTo>
                    <a:pt x="10" y="1081"/>
                  </a:lnTo>
                  <a:lnTo>
                    <a:pt x="0" y="1079"/>
                  </a:lnTo>
                  <a:lnTo>
                    <a:pt x="0" y="1069"/>
                  </a:lnTo>
                  <a:lnTo>
                    <a:pt x="2" y="1065"/>
                  </a:lnTo>
                  <a:lnTo>
                    <a:pt x="6" y="1063"/>
                  </a:lnTo>
                  <a:lnTo>
                    <a:pt x="10" y="1061"/>
                  </a:lnTo>
                  <a:lnTo>
                    <a:pt x="16" y="1061"/>
                  </a:lnTo>
                  <a:lnTo>
                    <a:pt x="22" y="1061"/>
                  </a:lnTo>
                  <a:lnTo>
                    <a:pt x="30" y="1061"/>
                  </a:lnTo>
                  <a:lnTo>
                    <a:pt x="36" y="1061"/>
                  </a:lnTo>
                  <a:lnTo>
                    <a:pt x="48" y="1055"/>
                  </a:lnTo>
                  <a:lnTo>
                    <a:pt x="60" y="1045"/>
                  </a:lnTo>
                  <a:lnTo>
                    <a:pt x="70" y="1035"/>
                  </a:lnTo>
                  <a:lnTo>
                    <a:pt x="74" y="1027"/>
                  </a:lnTo>
                  <a:lnTo>
                    <a:pt x="84" y="1023"/>
                  </a:lnTo>
                  <a:lnTo>
                    <a:pt x="98" y="1017"/>
                  </a:lnTo>
                  <a:lnTo>
                    <a:pt x="116" y="1003"/>
                  </a:lnTo>
                  <a:lnTo>
                    <a:pt x="116" y="989"/>
                  </a:lnTo>
                  <a:lnTo>
                    <a:pt x="122" y="979"/>
                  </a:lnTo>
                  <a:lnTo>
                    <a:pt x="132" y="979"/>
                  </a:lnTo>
                  <a:lnTo>
                    <a:pt x="142" y="981"/>
                  </a:lnTo>
                  <a:lnTo>
                    <a:pt x="148" y="971"/>
                  </a:lnTo>
                  <a:lnTo>
                    <a:pt x="152" y="959"/>
                  </a:lnTo>
                  <a:lnTo>
                    <a:pt x="166" y="957"/>
                  </a:lnTo>
                  <a:lnTo>
                    <a:pt x="176" y="957"/>
                  </a:lnTo>
                  <a:lnTo>
                    <a:pt x="184" y="957"/>
                  </a:lnTo>
                  <a:lnTo>
                    <a:pt x="196" y="959"/>
                  </a:lnTo>
                  <a:lnTo>
                    <a:pt x="210" y="969"/>
                  </a:lnTo>
                  <a:lnTo>
                    <a:pt x="220" y="971"/>
                  </a:lnTo>
                  <a:lnTo>
                    <a:pt x="236" y="971"/>
                  </a:lnTo>
                  <a:lnTo>
                    <a:pt x="250" y="969"/>
                  </a:lnTo>
                  <a:lnTo>
                    <a:pt x="256" y="957"/>
                  </a:lnTo>
                  <a:lnTo>
                    <a:pt x="264" y="949"/>
                  </a:lnTo>
                  <a:lnTo>
                    <a:pt x="274" y="943"/>
                  </a:lnTo>
                  <a:lnTo>
                    <a:pt x="286" y="937"/>
                  </a:lnTo>
                  <a:lnTo>
                    <a:pt x="294" y="923"/>
                  </a:lnTo>
                  <a:lnTo>
                    <a:pt x="288" y="925"/>
                  </a:lnTo>
                  <a:lnTo>
                    <a:pt x="280" y="931"/>
                  </a:lnTo>
                  <a:lnTo>
                    <a:pt x="264" y="929"/>
                  </a:lnTo>
                  <a:lnTo>
                    <a:pt x="262" y="927"/>
                  </a:lnTo>
                  <a:lnTo>
                    <a:pt x="248" y="935"/>
                  </a:lnTo>
                  <a:lnTo>
                    <a:pt x="242" y="945"/>
                  </a:lnTo>
                  <a:lnTo>
                    <a:pt x="224" y="947"/>
                  </a:lnTo>
                  <a:lnTo>
                    <a:pt x="214" y="941"/>
                  </a:lnTo>
                  <a:lnTo>
                    <a:pt x="202" y="931"/>
                  </a:lnTo>
                  <a:lnTo>
                    <a:pt x="196" y="919"/>
                  </a:lnTo>
                  <a:lnTo>
                    <a:pt x="190" y="911"/>
                  </a:lnTo>
                  <a:lnTo>
                    <a:pt x="184" y="909"/>
                  </a:lnTo>
                  <a:lnTo>
                    <a:pt x="176" y="911"/>
                  </a:lnTo>
                  <a:lnTo>
                    <a:pt x="170" y="917"/>
                  </a:lnTo>
                  <a:lnTo>
                    <a:pt x="154" y="915"/>
                  </a:lnTo>
                  <a:lnTo>
                    <a:pt x="156" y="907"/>
                  </a:lnTo>
                  <a:lnTo>
                    <a:pt x="170" y="903"/>
                  </a:lnTo>
                  <a:lnTo>
                    <a:pt x="174" y="895"/>
                  </a:lnTo>
                  <a:lnTo>
                    <a:pt x="160" y="895"/>
                  </a:lnTo>
                  <a:lnTo>
                    <a:pt x="154" y="891"/>
                  </a:lnTo>
                  <a:lnTo>
                    <a:pt x="154" y="883"/>
                  </a:lnTo>
                  <a:lnTo>
                    <a:pt x="146" y="883"/>
                  </a:lnTo>
                  <a:lnTo>
                    <a:pt x="138" y="885"/>
                  </a:lnTo>
                  <a:lnTo>
                    <a:pt x="122" y="887"/>
                  </a:lnTo>
                  <a:lnTo>
                    <a:pt x="116" y="893"/>
                  </a:lnTo>
                  <a:lnTo>
                    <a:pt x="96" y="891"/>
                  </a:lnTo>
                  <a:lnTo>
                    <a:pt x="94" y="883"/>
                  </a:lnTo>
                  <a:lnTo>
                    <a:pt x="88" y="881"/>
                  </a:lnTo>
                  <a:lnTo>
                    <a:pt x="86" y="875"/>
                  </a:lnTo>
                  <a:lnTo>
                    <a:pt x="94" y="869"/>
                  </a:lnTo>
                  <a:lnTo>
                    <a:pt x="96" y="861"/>
                  </a:lnTo>
                  <a:lnTo>
                    <a:pt x="88" y="853"/>
                  </a:lnTo>
                  <a:lnTo>
                    <a:pt x="92" y="845"/>
                  </a:lnTo>
                  <a:lnTo>
                    <a:pt x="106" y="839"/>
                  </a:lnTo>
                  <a:lnTo>
                    <a:pt x="126" y="843"/>
                  </a:lnTo>
                  <a:lnTo>
                    <a:pt x="134" y="833"/>
                  </a:lnTo>
                  <a:lnTo>
                    <a:pt x="154" y="831"/>
                  </a:lnTo>
                  <a:lnTo>
                    <a:pt x="170" y="827"/>
                  </a:lnTo>
                  <a:lnTo>
                    <a:pt x="186" y="815"/>
                  </a:lnTo>
                  <a:lnTo>
                    <a:pt x="194" y="795"/>
                  </a:lnTo>
                  <a:lnTo>
                    <a:pt x="198" y="781"/>
                  </a:lnTo>
                  <a:lnTo>
                    <a:pt x="196" y="769"/>
                  </a:lnTo>
                  <a:lnTo>
                    <a:pt x="198" y="755"/>
                  </a:lnTo>
                  <a:lnTo>
                    <a:pt x="200" y="745"/>
                  </a:lnTo>
                  <a:lnTo>
                    <a:pt x="194" y="739"/>
                  </a:lnTo>
                  <a:lnTo>
                    <a:pt x="184" y="739"/>
                  </a:lnTo>
                  <a:lnTo>
                    <a:pt x="176" y="747"/>
                  </a:lnTo>
                  <a:lnTo>
                    <a:pt x="164" y="751"/>
                  </a:lnTo>
                  <a:lnTo>
                    <a:pt x="152" y="749"/>
                  </a:lnTo>
                  <a:lnTo>
                    <a:pt x="154" y="741"/>
                  </a:lnTo>
                  <a:lnTo>
                    <a:pt x="166" y="735"/>
                  </a:lnTo>
                  <a:lnTo>
                    <a:pt x="180" y="724"/>
                  </a:lnTo>
                  <a:lnTo>
                    <a:pt x="190" y="714"/>
                  </a:lnTo>
                  <a:lnTo>
                    <a:pt x="188" y="704"/>
                  </a:lnTo>
                  <a:lnTo>
                    <a:pt x="180" y="696"/>
                  </a:lnTo>
                  <a:lnTo>
                    <a:pt x="176" y="686"/>
                  </a:lnTo>
                  <a:lnTo>
                    <a:pt x="180" y="674"/>
                  </a:lnTo>
                  <a:lnTo>
                    <a:pt x="194" y="670"/>
                  </a:lnTo>
                  <a:lnTo>
                    <a:pt x="200" y="676"/>
                  </a:lnTo>
                  <a:lnTo>
                    <a:pt x="212" y="692"/>
                  </a:lnTo>
                  <a:lnTo>
                    <a:pt x="216" y="698"/>
                  </a:lnTo>
                  <a:lnTo>
                    <a:pt x="226" y="700"/>
                  </a:lnTo>
                  <a:lnTo>
                    <a:pt x="232" y="692"/>
                  </a:lnTo>
                  <a:lnTo>
                    <a:pt x="240" y="698"/>
                  </a:lnTo>
                  <a:lnTo>
                    <a:pt x="256" y="698"/>
                  </a:lnTo>
                  <a:lnTo>
                    <a:pt x="264" y="696"/>
                  </a:lnTo>
                  <a:lnTo>
                    <a:pt x="274" y="698"/>
                  </a:lnTo>
                  <a:lnTo>
                    <a:pt x="280" y="710"/>
                  </a:lnTo>
                  <a:lnTo>
                    <a:pt x="288" y="708"/>
                  </a:lnTo>
                  <a:lnTo>
                    <a:pt x="286" y="694"/>
                  </a:lnTo>
                  <a:lnTo>
                    <a:pt x="296" y="688"/>
                  </a:lnTo>
                  <a:lnTo>
                    <a:pt x="298" y="678"/>
                  </a:lnTo>
                  <a:lnTo>
                    <a:pt x="296" y="670"/>
                  </a:lnTo>
                  <a:lnTo>
                    <a:pt x="308" y="654"/>
                  </a:lnTo>
                  <a:lnTo>
                    <a:pt x="302" y="646"/>
                  </a:lnTo>
                  <a:lnTo>
                    <a:pt x="304" y="632"/>
                  </a:lnTo>
                  <a:lnTo>
                    <a:pt x="310" y="628"/>
                  </a:lnTo>
                  <a:lnTo>
                    <a:pt x="322" y="626"/>
                  </a:lnTo>
                  <a:lnTo>
                    <a:pt x="322" y="612"/>
                  </a:lnTo>
                  <a:lnTo>
                    <a:pt x="328" y="602"/>
                  </a:lnTo>
                  <a:lnTo>
                    <a:pt x="328" y="596"/>
                  </a:lnTo>
                  <a:lnTo>
                    <a:pt x="318" y="594"/>
                  </a:lnTo>
                  <a:lnTo>
                    <a:pt x="310" y="596"/>
                  </a:lnTo>
                  <a:lnTo>
                    <a:pt x="308" y="606"/>
                  </a:lnTo>
                  <a:lnTo>
                    <a:pt x="300" y="600"/>
                  </a:lnTo>
                  <a:lnTo>
                    <a:pt x="302" y="590"/>
                  </a:lnTo>
                  <a:lnTo>
                    <a:pt x="294" y="586"/>
                  </a:lnTo>
                  <a:lnTo>
                    <a:pt x="290" y="574"/>
                  </a:lnTo>
                  <a:lnTo>
                    <a:pt x="292" y="564"/>
                  </a:lnTo>
                  <a:lnTo>
                    <a:pt x="282" y="552"/>
                  </a:lnTo>
                  <a:lnTo>
                    <a:pt x="282" y="536"/>
                  </a:lnTo>
                  <a:lnTo>
                    <a:pt x="288" y="522"/>
                  </a:lnTo>
                  <a:lnTo>
                    <a:pt x="298" y="508"/>
                  </a:lnTo>
                  <a:lnTo>
                    <a:pt x="308" y="502"/>
                  </a:lnTo>
                  <a:lnTo>
                    <a:pt x="316" y="496"/>
                  </a:lnTo>
                  <a:lnTo>
                    <a:pt x="328" y="492"/>
                  </a:lnTo>
                  <a:lnTo>
                    <a:pt x="314" y="490"/>
                  </a:lnTo>
                  <a:lnTo>
                    <a:pt x="298" y="486"/>
                  </a:lnTo>
                  <a:lnTo>
                    <a:pt x="294" y="492"/>
                  </a:lnTo>
                  <a:lnTo>
                    <a:pt x="288" y="496"/>
                  </a:lnTo>
                  <a:lnTo>
                    <a:pt x="274" y="496"/>
                  </a:lnTo>
                  <a:lnTo>
                    <a:pt x="268" y="500"/>
                  </a:lnTo>
                  <a:lnTo>
                    <a:pt x="252" y="504"/>
                  </a:lnTo>
                  <a:lnTo>
                    <a:pt x="240" y="496"/>
                  </a:lnTo>
                  <a:lnTo>
                    <a:pt x="234" y="488"/>
                  </a:lnTo>
                  <a:lnTo>
                    <a:pt x="228" y="492"/>
                  </a:lnTo>
                  <a:lnTo>
                    <a:pt x="230" y="500"/>
                  </a:lnTo>
                  <a:lnTo>
                    <a:pt x="230" y="510"/>
                  </a:lnTo>
                  <a:lnTo>
                    <a:pt x="218" y="508"/>
                  </a:lnTo>
                  <a:lnTo>
                    <a:pt x="208" y="492"/>
                  </a:lnTo>
                  <a:lnTo>
                    <a:pt x="202" y="484"/>
                  </a:lnTo>
                  <a:lnTo>
                    <a:pt x="192" y="482"/>
                  </a:lnTo>
                  <a:lnTo>
                    <a:pt x="190" y="488"/>
                  </a:lnTo>
                  <a:lnTo>
                    <a:pt x="190" y="500"/>
                  </a:lnTo>
                  <a:lnTo>
                    <a:pt x="186" y="504"/>
                  </a:lnTo>
                  <a:lnTo>
                    <a:pt x="184" y="492"/>
                  </a:lnTo>
                  <a:lnTo>
                    <a:pt x="178" y="480"/>
                  </a:lnTo>
                  <a:lnTo>
                    <a:pt x="176" y="468"/>
                  </a:lnTo>
                  <a:lnTo>
                    <a:pt x="178" y="458"/>
                  </a:lnTo>
                  <a:lnTo>
                    <a:pt x="188" y="458"/>
                  </a:lnTo>
                  <a:lnTo>
                    <a:pt x="194" y="444"/>
                  </a:lnTo>
                  <a:lnTo>
                    <a:pt x="208" y="434"/>
                  </a:lnTo>
                  <a:lnTo>
                    <a:pt x="210" y="420"/>
                  </a:lnTo>
                  <a:lnTo>
                    <a:pt x="222" y="410"/>
                  </a:lnTo>
                  <a:lnTo>
                    <a:pt x="232" y="402"/>
                  </a:lnTo>
                  <a:lnTo>
                    <a:pt x="226" y="390"/>
                  </a:lnTo>
                  <a:lnTo>
                    <a:pt x="216" y="380"/>
                  </a:lnTo>
                  <a:lnTo>
                    <a:pt x="220" y="366"/>
                  </a:lnTo>
                  <a:lnTo>
                    <a:pt x="220" y="360"/>
                  </a:lnTo>
                  <a:lnTo>
                    <a:pt x="220" y="346"/>
                  </a:lnTo>
                  <a:lnTo>
                    <a:pt x="230" y="344"/>
                  </a:lnTo>
                  <a:lnTo>
                    <a:pt x="230" y="336"/>
                  </a:lnTo>
                  <a:lnTo>
                    <a:pt x="222" y="334"/>
                  </a:lnTo>
                  <a:lnTo>
                    <a:pt x="214" y="348"/>
                  </a:lnTo>
                  <a:lnTo>
                    <a:pt x="210" y="348"/>
                  </a:lnTo>
                  <a:lnTo>
                    <a:pt x="206" y="354"/>
                  </a:lnTo>
                  <a:lnTo>
                    <a:pt x="204" y="366"/>
                  </a:lnTo>
                  <a:lnTo>
                    <a:pt x="200" y="354"/>
                  </a:lnTo>
                  <a:lnTo>
                    <a:pt x="196" y="348"/>
                  </a:lnTo>
                  <a:lnTo>
                    <a:pt x="188" y="350"/>
                  </a:lnTo>
                  <a:lnTo>
                    <a:pt x="186" y="360"/>
                  </a:lnTo>
                  <a:lnTo>
                    <a:pt x="174" y="364"/>
                  </a:lnTo>
                  <a:lnTo>
                    <a:pt x="170" y="376"/>
                  </a:lnTo>
                  <a:lnTo>
                    <a:pt x="170" y="384"/>
                  </a:lnTo>
                  <a:lnTo>
                    <a:pt x="164" y="394"/>
                  </a:lnTo>
                  <a:lnTo>
                    <a:pt x="160" y="404"/>
                  </a:lnTo>
                  <a:lnTo>
                    <a:pt x="156" y="412"/>
                  </a:lnTo>
                  <a:lnTo>
                    <a:pt x="144" y="410"/>
                  </a:lnTo>
                  <a:lnTo>
                    <a:pt x="142" y="398"/>
                  </a:lnTo>
                  <a:lnTo>
                    <a:pt x="152" y="386"/>
                  </a:lnTo>
                  <a:lnTo>
                    <a:pt x="156" y="376"/>
                  </a:lnTo>
                  <a:lnTo>
                    <a:pt x="162" y="366"/>
                  </a:lnTo>
                  <a:lnTo>
                    <a:pt x="172" y="358"/>
                  </a:lnTo>
                  <a:lnTo>
                    <a:pt x="164" y="346"/>
                  </a:lnTo>
                  <a:lnTo>
                    <a:pt x="172" y="334"/>
                  </a:lnTo>
                  <a:lnTo>
                    <a:pt x="170" y="320"/>
                  </a:lnTo>
                  <a:lnTo>
                    <a:pt x="178" y="310"/>
                  </a:lnTo>
                  <a:lnTo>
                    <a:pt x="182" y="300"/>
                  </a:lnTo>
                  <a:lnTo>
                    <a:pt x="180" y="294"/>
                  </a:lnTo>
                  <a:lnTo>
                    <a:pt x="194" y="284"/>
                  </a:lnTo>
                  <a:lnTo>
                    <a:pt x="194" y="272"/>
                  </a:lnTo>
                  <a:lnTo>
                    <a:pt x="202" y="272"/>
                  </a:lnTo>
                  <a:lnTo>
                    <a:pt x="202" y="262"/>
                  </a:lnTo>
                  <a:lnTo>
                    <a:pt x="208" y="252"/>
                  </a:lnTo>
                  <a:lnTo>
                    <a:pt x="212" y="246"/>
                  </a:lnTo>
                  <a:lnTo>
                    <a:pt x="204" y="244"/>
                  </a:lnTo>
                  <a:lnTo>
                    <a:pt x="192" y="252"/>
                  </a:lnTo>
                  <a:lnTo>
                    <a:pt x="186" y="260"/>
                  </a:lnTo>
                  <a:lnTo>
                    <a:pt x="176" y="260"/>
                  </a:lnTo>
                  <a:lnTo>
                    <a:pt x="178" y="270"/>
                  </a:lnTo>
                  <a:lnTo>
                    <a:pt x="170" y="276"/>
                  </a:lnTo>
                  <a:lnTo>
                    <a:pt x="164" y="282"/>
                  </a:lnTo>
                  <a:lnTo>
                    <a:pt x="150" y="280"/>
                  </a:lnTo>
                  <a:lnTo>
                    <a:pt x="134" y="282"/>
                  </a:lnTo>
                  <a:lnTo>
                    <a:pt x="130" y="274"/>
                  </a:lnTo>
                  <a:lnTo>
                    <a:pt x="136" y="270"/>
                  </a:lnTo>
                  <a:lnTo>
                    <a:pt x="148" y="262"/>
                  </a:lnTo>
                  <a:lnTo>
                    <a:pt x="152" y="256"/>
                  </a:lnTo>
                  <a:lnTo>
                    <a:pt x="144" y="250"/>
                  </a:lnTo>
                  <a:lnTo>
                    <a:pt x="140" y="240"/>
                  </a:lnTo>
                  <a:lnTo>
                    <a:pt x="148" y="234"/>
                  </a:lnTo>
                  <a:lnTo>
                    <a:pt x="152" y="230"/>
                  </a:lnTo>
                  <a:lnTo>
                    <a:pt x="148" y="222"/>
                  </a:lnTo>
                  <a:lnTo>
                    <a:pt x="158" y="220"/>
                  </a:lnTo>
                  <a:lnTo>
                    <a:pt x="170" y="222"/>
                  </a:lnTo>
                  <a:lnTo>
                    <a:pt x="178" y="226"/>
                  </a:lnTo>
                  <a:lnTo>
                    <a:pt x="178" y="214"/>
                  </a:lnTo>
                  <a:lnTo>
                    <a:pt x="178" y="202"/>
                  </a:lnTo>
                  <a:lnTo>
                    <a:pt x="184" y="196"/>
                  </a:lnTo>
                  <a:lnTo>
                    <a:pt x="194" y="200"/>
                  </a:lnTo>
                  <a:lnTo>
                    <a:pt x="188" y="186"/>
                  </a:lnTo>
                  <a:lnTo>
                    <a:pt x="196" y="182"/>
                  </a:lnTo>
                  <a:lnTo>
                    <a:pt x="206" y="186"/>
                  </a:lnTo>
                  <a:lnTo>
                    <a:pt x="198" y="172"/>
                  </a:lnTo>
                  <a:lnTo>
                    <a:pt x="200" y="166"/>
                  </a:lnTo>
                  <a:lnTo>
                    <a:pt x="210" y="166"/>
                  </a:lnTo>
                  <a:lnTo>
                    <a:pt x="200" y="158"/>
                  </a:lnTo>
                  <a:lnTo>
                    <a:pt x="198" y="150"/>
                  </a:lnTo>
                  <a:lnTo>
                    <a:pt x="194" y="138"/>
                  </a:lnTo>
                  <a:lnTo>
                    <a:pt x="196" y="128"/>
                  </a:lnTo>
                  <a:lnTo>
                    <a:pt x="210" y="126"/>
                  </a:lnTo>
                  <a:lnTo>
                    <a:pt x="204" y="118"/>
                  </a:lnTo>
                  <a:lnTo>
                    <a:pt x="206" y="108"/>
                  </a:lnTo>
                  <a:lnTo>
                    <a:pt x="210" y="100"/>
                  </a:lnTo>
                  <a:lnTo>
                    <a:pt x="216" y="86"/>
                  </a:lnTo>
                  <a:lnTo>
                    <a:pt x="230" y="86"/>
                  </a:lnTo>
                  <a:lnTo>
                    <a:pt x="244" y="92"/>
                  </a:lnTo>
                  <a:lnTo>
                    <a:pt x="252" y="88"/>
                  </a:lnTo>
                  <a:lnTo>
                    <a:pt x="246" y="78"/>
                  </a:lnTo>
                  <a:lnTo>
                    <a:pt x="240" y="70"/>
                  </a:lnTo>
                  <a:lnTo>
                    <a:pt x="250" y="68"/>
                  </a:lnTo>
                  <a:lnTo>
                    <a:pt x="250" y="48"/>
                  </a:lnTo>
                  <a:lnTo>
                    <a:pt x="264" y="46"/>
                  </a:lnTo>
                  <a:lnTo>
                    <a:pt x="266" y="34"/>
                  </a:lnTo>
                  <a:lnTo>
                    <a:pt x="278" y="28"/>
                  </a:lnTo>
                  <a:lnTo>
                    <a:pt x="276" y="14"/>
                  </a:lnTo>
                  <a:lnTo>
                    <a:pt x="286" y="0"/>
                  </a:lnTo>
                  <a:lnTo>
                    <a:pt x="296" y="6"/>
                  </a:lnTo>
                  <a:lnTo>
                    <a:pt x="308" y="14"/>
                  </a:lnTo>
                  <a:lnTo>
                    <a:pt x="304" y="22"/>
                  </a:lnTo>
                  <a:lnTo>
                    <a:pt x="314" y="18"/>
                  </a:lnTo>
                  <a:lnTo>
                    <a:pt x="322" y="24"/>
                  </a:lnTo>
                  <a:lnTo>
                    <a:pt x="336" y="24"/>
                  </a:lnTo>
                  <a:lnTo>
                    <a:pt x="358" y="22"/>
                  </a:lnTo>
                  <a:lnTo>
                    <a:pt x="378" y="20"/>
                  </a:lnTo>
                  <a:lnTo>
                    <a:pt x="384" y="24"/>
                  </a:lnTo>
                  <a:lnTo>
                    <a:pt x="396" y="22"/>
                  </a:lnTo>
                  <a:lnTo>
                    <a:pt x="410" y="24"/>
                  </a:lnTo>
                  <a:lnTo>
                    <a:pt x="416" y="30"/>
                  </a:lnTo>
                  <a:lnTo>
                    <a:pt x="410" y="38"/>
                  </a:lnTo>
                  <a:lnTo>
                    <a:pt x="408" y="52"/>
                  </a:lnTo>
                  <a:lnTo>
                    <a:pt x="398" y="70"/>
                  </a:lnTo>
                  <a:lnTo>
                    <a:pt x="384" y="70"/>
                  </a:lnTo>
                  <a:lnTo>
                    <a:pt x="370" y="82"/>
                  </a:lnTo>
                  <a:lnTo>
                    <a:pt x="354" y="90"/>
                  </a:lnTo>
                  <a:lnTo>
                    <a:pt x="346" y="100"/>
                  </a:lnTo>
                  <a:lnTo>
                    <a:pt x="330" y="102"/>
                  </a:lnTo>
                  <a:lnTo>
                    <a:pt x="332" y="112"/>
                  </a:lnTo>
                  <a:lnTo>
                    <a:pt x="316" y="110"/>
                  </a:lnTo>
                  <a:lnTo>
                    <a:pt x="324" y="118"/>
                  </a:lnTo>
                  <a:lnTo>
                    <a:pt x="342" y="120"/>
                  </a:lnTo>
                  <a:lnTo>
                    <a:pt x="332" y="132"/>
                  </a:lnTo>
                  <a:lnTo>
                    <a:pt x="318" y="144"/>
                  </a:lnTo>
                  <a:lnTo>
                    <a:pt x="342" y="146"/>
                  </a:lnTo>
                  <a:lnTo>
                    <a:pt x="360" y="142"/>
                  </a:lnTo>
                  <a:lnTo>
                    <a:pt x="378" y="138"/>
                  </a:lnTo>
                  <a:lnTo>
                    <a:pt x="390" y="148"/>
                  </a:lnTo>
                  <a:lnTo>
                    <a:pt x="408" y="148"/>
                  </a:lnTo>
                  <a:lnTo>
                    <a:pt x="428" y="154"/>
                  </a:lnTo>
                  <a:lnTo>
                    <a:pt x="448" y="158"/>
                  </a:lnTo>
                  <a:lnTo>
                    <a:pt x="468" y="160"/>
                  </a:lnTo>
                  <a:lnTo>
                    <a:pt x="476" y="170"/>
                  </a:lnTo>
                  <a:lnTo>
                    <a:pt x="478" y="182"/>
                  </a:lnTo>
                  <a:lnTo>
                    <a:pt x="476" y="194"/>
                  </a:lnTo>
                  <a:lnTo>
                    <a:pt x="466" y="202"/>
                  </a:lnTo>
                  <a:lnTo>
                    <a:pt x="454" y="220"/>
                  </a:lnTo>
                  <a:lnTo>
                    <a:pt x="450" y="232"/>
                  </a:lnTo>
                  <a:lnTo>
                    <a:pt x="440" y="254"/>
                  </a:lnTo>
                  <a:lnTo>
                    <a:pt x="430" y="264"/>
                  </a:lnTo>
                  <a:lnTo>
                    <a:pt x="418" y="274"/>
                  </a:lnTo>
                  <a:lnTo>
                    <a:pt x="408" y="288"/>
                  </a:lnTo>
                  <a:lnTo>
                    <a:pt x="398" y="300"/>
                  </a:lnTo>
                  <a:lnTo>
                    <a:pt x="392" y="302"/>
                  </a:lnTo>
                  <a:lnTo>
                    <a:pt x="384" y="304"/>
                  </a:lnTo>
                  <a:lnTo>
                    <a:pt x="362" y="308"/>
                  </a:lnTo>
                  <a:lnTo>
                    <a:pt x="350" y="310"/>
                  </a:lnTo>
                  <a:lnTo>
                    <a:pt x="364" y="318"/>
                  </a:lnTo>
                  <a:lnTo>
                    <a:pt x="380" y="318"/>
                  </a:lnTo>
                  <a:lnTo>
                    <a:pt x="398" y="318"/>
                  </a:lnTo>
                  <a:lnTo>
                    <a:pt x="408" y="324"/>
                  </a:lnTo>
                  <a:lnTo>
                    <a:pt x="400" y="332"/>
                  </a:lnTo>
                  <a:lnTo>
                    <a:pt x="376" y="342"/>
                  </a:lnTo>
                  <a:lnTo>
                    <a:pt x="360" y="340"/>
                  </a:lnTo>
                  <a:lnTo>
                    <a:pt x="352" y="346"/>
                  </a:lnTo>
                  <a:lnTo>
                    <a:pt x="344" y="350"/>
                  </a:lnTo>
                  <a:lnTo>
                    <a:pt x="332" y="352"/>
                  </a:lnTo>
                  <a:lnTo>
                    <a:pt x="318" y="350"/>
                  </a:lnTo>
                  <a:lnTo>
                    <a:pt x="318" y="352"/>
                  </a:lnTo>
                  <a:lnTo>
                    <a:pt x="324" y="354"/>
                  </a:lnTo>
                  <a:lnTo>
                    <a:pt x="336" y="360"/>
                  </a:lnTo>
                  <a:lnTo>
                    <a:pt x="346" y="364"/>
                  </a:lnTo>
                  <a:lnTo>
                    <a:pt x="354" y="366"/>
                  </a:lnTo>
                  <a:lnTo>
                    <a:pt x="364" y="366"/>
                  </a:lnTo>
                  <a:lnTo>
                    <a:pt x="374" y="358"/>
                  </a:lnTo>
                  <a:lnTo>
                    <a:pt x="386" y="362"/>
                  </a:lnTo>
                  <a:lnTo>
                    <a:pt x="398" y="370"/>
                  </a:lnTo>
                  <a:lnTo>
                    <a:pt x="412" y="378"/>
                  </a:lnTo>
                  <a:lnTo>
                    <a:pt x="420" y="378"/>
                  </a:lnTo>
                  <a:lnTo>
                    <a:pt x="422" y="384"/>
                  </a:lnTo>
                  <a:lnTo>
                    <a:pt x="428" y="400"/>
                  </a:lnTo>
                  <a:lnTo>
                    <a:pt x="432" y="420"/>
                  </a:lnTo>
                  <a:lnTo>
                    <a:pt x="454" y="430"/>
                  </a:lnTo>
                  <a:lnTo>
                    <a:pt x="456" y="438"/>
                  </a:lnTo>
                  <a:lnTo>
                    <a:pt x="458" y="458"/>
                  </a:lnTo>
                  <a:lnTo>
                    <a:pt x="448" y="464"/>
                  </a:lnTo>
                  <a:lnTo>
                    <a:pt x="450" y="482"/>
                  </a:lnTo>
                  <a:lnTo>
                    <a:pt x="456" y="518"/>
                  </a:lnTo>
                  <a:lnTo>
                    <a:pt x="460" y="546"/>
                  </a:lnTo>
                  <a:lnTo>
                    <a:pt x="464" y="560"/>
                  </a:lnTo>
                  <a:lnTo>
                    <a:pt x="480" y="566"/>
                  </a:lnTo>
                  <a:lnTo>
                    <a:pt x="492" y="576"/>
                  </a:lnTo>
                  <a:lnTo>
                    <a:pt x="514" y="594"/>
                  </a:lnTo>
                  <a:lnTo>
                    <a:pt x="518" y="612"/>
                  </a:lnTo>
                  <a:lnTo>
                    <a:pt x="528" y="630"/>
                  </a:lnTo>
                  <a:lnTo>
                    <a:pt x="534" y="640"/>
                  </a:lnTo>
                  <a:lnTo>
                    <a:pt x="530" y="648"/>
                  </a:lnTo>
                  <a:lnTo>
                    <a:pt x="528" y="660"/>
                  </a:lnTo>
                  <a:lnTo>
                    <a:pt x="532" y="674"/>
                  </a:lnTo>
                  <a:lnTo>
                    <a:pt x="540" y="692"/>
                  </a:lnTo>
                  <a:lnTo>
                    <a:pt x="536" y="700"/>
                  </a:lnTo>
                  <a:lnTo>
                    <a:pt x="530" y="710"/>
                  </a:lnTo>
                  <a:lnTo>
                    <a:pt x="536" y="718"/>
                  </a:lnTo>
                  <a:lnTo>
                    <a:pt x="548" y="731"/>
                  </a:lnTo>
                  <a:lnTo>
                    <a:pt x="552" y="751"/>
                  </a:lnTo>
                  <a:lnTo>
                    <a:pt x="554" y="765"/>
                  </a:lnTo>
                  <a:lnTo>
                    <a:pt x="544" y="777"/>
                  </a:lnTo>
                  <a:lnTo>
                    <a:pt x="532" y="783"/>
                  </a:lnTo>
                  <a:lnTo>
                    <a:pt x="528" y="791"/>
                  </a:lnTo>
                  <a:lnTo>
                    <a:pt x="532" y="805"/>
                  </a:lnTo>
                  <a:lnTo>
                    <a:pt x="546" y="809"/>
                  </a:lnTo>
                  <a:lnTo>
                    <a:pt x="558" y="801"/>
                  </a:lnTo>
                  <a:lnTo>
                    <a:pt x="570" y="793"/>
                  </a:lnTo>
                  <a:lnTo>
                    <a:pt x="590" y="795"/>
                  </a:lnTo>
                  <a:lnTo>
                    <a:pt x="618" y="801"/>
                  </a:lnTo>
                  <a:lnTo>
                    <a:pt x="640" y="819"/>
                  </a:lnTo>
                  <a:lnTo>
                    <a:pt x="654" y="845"/>
                  </a:lnTo>
                  <a:lnTo>
                    <a:pt x="652" y="869"/>
                  </a:lnTo>
                  <a:lnTo>
                    <a:pt x="644" y="885"/>
                  </a:lnTo>
                  <a:lnTo>
                    <a:pt x="640" y="901"/>
                  </a:lnTo>
                  <a:lnTo>
                    <a:pt x="630" y="911"/>
                  </a:lnTo>
                  <a:lnTo>
                    <a:pt x="620" y="923"/>
                  </a:lnTo>
                  <a:lnTo>
                    <a:pt x="602" y="925"/>
                  </a:lnTo>
                  <a:lnTo>
                    <a:pt x="590" y="925"/>
                  </a:lnTo>
                  <a:lnTo>
                    <a:pt x="604" y="935"/>
                  </a:lnTo>
                  <a:lnTo>
                    <a:pt x="604" y="945"/>
                  </a:lnTo>
                  <a:lnTo>
                    <a:pt x="594" y="951"/>
                  </a:lnTo>
                  <a:lnTo>
                    <a:pt x="584" y="941"/>
                  </a:lnTo>
                  <a:lnTo>
                    <a:pt x="576" y="945"/>
                  </a:lnTo>
                  <a:lnTo>
                    <a:pt x="568" y="949"/>
                  </a:lnTo>
                  <a:lnTo>
                    <a:pt x="574" y="957"/>
                  </a:lnTo>
                  <a:lnTo>
                    <a:pt x="576" y="969"/>
                  </a:lnTo>
                  <a:lnTo>
                    <a:pt x="570" y="975"/>
                  </a:lnTo>
                  <a:lnTo>
                    <a:pt x="546" y="975"/>
                  </a:lnTo>
                  <a:lnTo>
                    <a:pt x="544" y="981"/>
                  </a:lnTo>
                  <a:lnTo>
                    <a:pt x="548" y="989"/>
                  </a:lnTo>
                  <a:lnTo>
                    <a:pt x="558" y="999"/>
                  </a:lnTo>
                  <a:lnTo>
                    <a:pt x="576" y="1003"/>
                  </a:lnTo>
                  <a:lnTo>
                    <a:pt x="592" y="1003"/>
                  </a:lnTo>
                  <a:lnTo>
                    <a:pt x="610" y="1005"/>
                  </a:lnTo>
                  <a:lnTo>
                    <a:pt x="604" y="1015"/>
                  </a:lnTo>
                  <a:lnTo>
                    <a:pt x="602" y="1033"/>
                  </a:lnTo>
                  <a:lnTo>
                    <a:pt x="576" y="1043"/>
                  </a:lnTo>
                  <a:lnTo>
                    <a:pt x="568" y="1043"/>
                  </a:lnTo>
                  <a:lnTo>
                    <a:pt x="566" y="1055"/>
                  </a:lnTo>
                  <a:lnTo>
                    <a:pt x="544" y="1059"/>
                  </a:lnTo>
                  <a:lnTo>
                    <a:pt x="520" y="1065"/>
                  </a:lnTo>
                  <a:lnTo>
                    <a:pt x="512" y="1069"/>
                  </a:lnTo>
                  <a:lnTo>
                    <a:pt x="506" y="1073"/>
                  </a:lnTo>
                  <a:lnTo>
                    <a:pt x="490" y="1069"/>
                  </a:lnTo>
                  <a:lnTo>
                    <a:pt x="476" y="1059"/>
                  </a:lnTo>
                  <a:lnTo>
                    <a:pt x="464" y="1057"/>
                  </a:lnTo>
                  <a:lnTo>
                    <a:pt x="440" y="1057"/>
                  </a:lnTo>
                  <a:lnTo>
                    <a:pt x="426" y="1061"/>
                  </a:lnTo>
                  <a:lnTo>
                    <a:pt x="412" y="1057"/>
                  </a:lnTo>
                  <a:lnTo>
                    <a:pt x="404" y="1051"/>
                  </a:lnTo>
                  <a:lnTo>
                    <a:pt x="386" y="1049"/>
                  </a:lnTo>
                  <a:lnTo>
                    <a:pt x="376" y="1039"/>
                  </a:lnTo>
                  <a:lnTo>
                    <a:pt x="372" y="1049"/>
                  </a:lnTo>
                  <a:lnTo>
                    <a:pt x="342" y="1053"/>
                  </a:lnTo>
                  <a:lnTo>
                    <a:pt x="324" y="1051"/>
                  </a:lnTo>
                  <a:lnTo>
                    <a:pt x="318" y="1051"/>
                  </a:lnTo>
                  <a:lnTo>
                    <a:pt x="320" y="1057"/>
                  </a:lnTo>
                  <a:lnTo>
                    <a:pt x="324" y="1061"/>
                  </a:lnTo>
                  <a:lnTo>
                    <a:pt x="318" y="1069"/>
                  </a:lnTo>
                  <a:lnTo>
                    <a:pt x="304" y="1061"/>
                  </a:lnTo>
                  <a:lnTo>
                    <a:pt x="286" y="1055"/>
                  </a:lnTo>
                  <a:lnTo>
                    <a:pt x="276" y="1057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44" name="Freeform 77"/>
            <p:cNvSpPr>
              <a:spLocks/>
            </p:cNvSpPr>
            <p:nvPr/>
          </p:nvSpPr>
          <p:spPr bwMode="auto">
            <a:xfrm>
              <a:off x="848" y="2563"/>
              <a:ext cx="204" cy="158"/>
            </a:xfrm>
            <a:custGeom>
              <a:avLst/>
              <a:gdLst>
                <a:gd name="T0" fmla="*/ 92 w 204"/>
                <a:gd name="T1" fmla="*/ 8 h 158"/>
                <a:gd name="T2" fmla="*/ 112 w 204"/>
                <a:gd name="T3" fmla="*/ 4 h 158"/>
                <a:gd name="T4" fmla="*/ 122 w 204"/>
                <a:gd name="T5" fmla="*/ 0 h 158"/>
                <a:gd name="T6" fmla="*/ 164 w 204"/>
                <a:gd name="T7" fmla="*/ 2 h 158"/>
                <a:gd name="T8" fmla="*/ 176 w 204"/>
                <a:gd name="T9" fmla="*/ 14 h 158"/>
                <a:gd name="T10" fmla="*/ 182 w 204"/>
                <a:gd name="T11" fmla="*/ 32 h 158"/>
                <a:gd name="T12" fmla="*/ 184 w 204"/>
                <a:gd name="T13" fmla="*/ 50 h 158"/>
                <a:gd name="T14" fmla="*/ 194 w 204"/>
                <a:gd name="T15" fmla="*/ 62 h 158"/>
                <a:gd name="T16" fmla="*/ 190 w 204"/>
                <a:gd name="T17" fmla="*/ 74 h 158"/>
                <a:gd name="T18" fmla="*/ 182 w 204"/>
                <a:gd name="T19" fmla="*/ 82 h 158"/>
                <a:gd name="T20" fmla="*/ 200 w 204"/>
                <a:gd name="T21" fmla="*/ 90 h 158"/>
                <a:gd name="T22" fmla="*/ 202 w 204"/>
                <a:gd name="T23" fmla="*/ 106 h 158"/>
                <a:gd name="T24" fmla="*/ 194 w 204"/>
                <a:gd name="T25" fmla="*/ 108 h 158"/>
                <a:gd name="T26" fmla="*/ 190 w 204"/>
                <a:gd name="T27" fmla="*/ 112 h 158"/>
                <a:gd name="T28" fmla="*/ 194 w 204"/>
                <a:gd name="T29" fmla="*/ 124 h 158"/>
                <a:gd name="T30" fmla="*/ 180 w 204"/>
                <a:gd name="T31" fmla="*/ 138 h 158"/>
                <a:gd name="T32" fmla="*/ 164 w 204"/>
                <a:gd name="T33" fmla="*/ 142 h 158"/>
                <a:gd name="T34" fmla="*/ 144 w 204"/>
                <a:gd name="T35" fmla="*/ 158 h 158"/>
                <a:gd name="T36" fmla="*/ 130 w 204"/>
                <a:gd name="T37" fmla="*/ 146 h 158"/>
                <a:gd name="T38" fmla="*/ 104 w 204"/>
                <a:gd name="T39" fmla="*/ 142 h 158"/>
                <a:gd name="T40" fmla="*/ 98 w 204"/>
                <a:gd name="T41" fmla="*/ 124 h 158"/>
                <a:gd name="T42" fmla="*/ 92 w 204"/>
                <a:gd name="T43" fmla="*/ 102 h 158"/>
                <a:gd name="T44" fmla="*/ 68 w 204"/>
                <a:gd name="T45" fmla="*/ 100 h 158"/>
                <a:gd name="T46" fmla="*/ 54 w 204"/>
                <a:gd name="T47" fmla="*/ 124 h 158"/>
                <a:gd name="T48" fmla="*/ 24 w 204"/>
                <a:gd name="T49" fmla="*/ 106 h 158"/>
                <a:gd name="T50" fmla="*/ 0 w 204"/>
                <a:gd name="T51" fmla="*/ 74 h 158"/>
                <a:gd name="T52" fmla="*/ 14 w 204"/>
                <a:gd name="T53" fmla="*/ 58 h 158"/>
                <a:gd name="T54" fmla="*/ 32 w 204"/>
                <a:gd name="T55" fmla="*/ 62 h 158"/>
                <a:gd name="T56" fmla="*/ 30 w 204"/>
                <a:gd name="T57" fmla="*/ 48 h 158"/>
                <a:gd name="T58" fmla="*/ 34 w 204"/>
                <a:gd name="T59" fmla="*/ 40 h 158"/>
                <a:gd name="T60" fmla="*/ 56 w 204"/>
                <a:gd name="T61" fmla="*/ 40 h 158"/>
                <a:gd name="T62" fmla="*/ 74 w 204"/>
                <a:gd name="T63" fmla="*/ 14 h 158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0" t="0" r="r" b="b"/>
              <a:pathLst>
                <a:path w="204" h="158">
                  <a:moveTo>
                    <a:pt x="80" y="6"/>
                  </a:moveTo>
                  <a:lnTo>
                    <a:pt x="92" y="8"/>
                  </a:lnTo>
                  <a:lnTo>
                    <a:pt x="102" y="10"/>
                  </a:lnTo>
                  <a:lnTo>
                    <a:pt x="112" y="4"/>
                  </a:lnTo>
                  <a:lnTo>
                    <a:pt x="114" y="2"/>
                  </a:lnTo>
                  <a:lnTo>
                    <a:pt x="122" y="0"/>
                  </a:lnTo>
                  <a:lnTo>
                    <a:pt x="140" y="2"/>
                  </a:lnTo>
                  <a:lnTo>
                    <a:pt x="164" y="2"/>
                  </a:lnTo>
                  <a:lnTo>
                    <a:pt x="174" y="8"/>
                  </a:lnTo>
                  <a:lnTo>
                    <a:pt x="176" y="14"/>
                  </a:lnTo>
                  <a:lnTo>
                    <a:pt x="176" y="26"/>
                  </a:lnTo>
                  <a:lnTo>
                    <a:pt x="182" y="32"/>
                  </a:lnTo>
                  <a:lnTo>
                    <a:pt x="180" y="40"/>
                  </a:lnTo>
                  <a:lnTo>
                    <a:pt x="184" y="50"/>
                  </a:lnTo>
                  <a:lnTo>
                    <a:pt x="186" y="60"/>
                  </a:lnTo>
                  <a:lnTo>
                    <a:pt x="194" y="62"/>
                  </a:lnTo>
                  <a:lnTo>
                    <a:pt x="194" y="68"/>
                  </a:lnTo>
                  <a:lnTo>
                    <a:pt x="190" y="74"/>
                  </a:lnTo>
                  <a:lnTo>
                    <a:pt x="182" y="76"/>
                  </a:lnTo>
                  <a:lnTo>
                    <a:pt x="182" y="82"/>
                  </a:lnTo>
                  <a:lnTo>
                    <a:pt x="190" y="82"/>
                  </a:lnTo>
                  <a:lnTo>
                    <a:pt x="200" y="90"/>
                  </a:lnTo>
                  <a:lnTo>
                    <a:pt x="204" y="94"/>
                  </a:lnTo>
                  <a:lnTo>
                    <a:pt x="202" y="106"/>
                  </a:lnTo>
                  <a:lnTo>
                    <a:pt x="198" y="114"/>
                  </a:lnTo>
                  <a:lnTo>
                    <a:pt x="194" y="108"/>
                  </a:lnTo>
                  <a:lnTo>
                    <a:pt x="192" y="110"/>
                  </a:lnTo>
                  <a:lnTo>
                    <a:pt x="190" y="112"/>
                  </a:lnTo>
                  <a:lnTo>
                    <a:pt x="192" y="120"/>
                  </a:lnTo>
                  <a:lnTo>
                    <a:pt x="194" y="124"/>
                  </a:lnTo>
                  <a:lnTo>
                    <a:pt x="188" y="130"/>
                  </a:lnTo>
                  <a:lnTo>
                    <a:pt x="180" y="138"/>
                  </a:lnTo>
                  <a:lnTo>
                    <a:pt x="168" y="138"/>
                  </a:lnTo>
                  <a:lnTo>
                    <a:pt x="164" y="142"/>
                  </a:lnTo>
                  <a:lnTo>
                    <a:pt x="156" y="150"/>
                  </a:lnTo>
                  <a:lnTo>
                    <a:pt x="144" y="158"/>
                  </a:lnTo>
                  <a:lnTo>
                    <a:pt x="136" y="156"/>
                  </a:lnTo>
                  <a:lnTo>
                    <a:pt x="130" y="146"/>
                  </a:lnTo>
                  <a:lnTo>
                    <a:pt x="118" y="144"/>
                  </a:lnTo>
                  <a:lnTo>
                    <a:pt x="104" y="142"/>
                  </a:lnTo>
                  <a:lnTo>
                    <a:pt x="106" y="126"/>
                  </a:lnTo>
                  <a:lnTo>
                    <a:pt x="98" y="124"/>
                  </a:lnTo>
                  <a:lnTo>
                    <a:pt x="92" y="118"/>
                  </a:lnTo>
                  <a:lnTo>
                    <a:pt x="92" y="102"/>
                  </a:lnTo>
                  <a:lnTo>
                    <a:pt x="84" y="94"/>
                  </a:lnTo>
                  <a:lnTo>
                    <a:pt x="68" y="100"/>
                  </a:lnTo>
                  <a:lnTo>
                    <a:pt x="68" y="114"/>
                  </a:lnTo>
                  <a:lnTo>
                    <a:pt x="54" y="124"/>
                  </a:lnTo>
                  <a:lnTo>
                    <a:pt x="32" y="116"/>
                  </a:lnTo>
                  <a:lnTo>
                    <a:pt x="24" y="106"/>
                  </a:lnTo>
                  <a:lnTo>
                    <a:pt x="16" y="102"/>
                  </a:lnTo>
                  <a:lnTo>
                    <a:pt x="0" y="74"/>
                  </a:lnTo>
                  <a:lnTo>
                    <a:pt x="8" y="66"/>
                  </a:lnTo>
                  <a:lnTo>
                    <a:pt x="14" y="58"/>
                  </a:lnTo>
                  <a:lnTo>
                    <a:pt x="20" y="62"/>
                  </a:lnTo>
                  <a:lnTo>
                    <a:pt x="32" y="62"/>
                  </a:lnTo>
                  <a:lnTo>
                    <a:pt x="38" y="56"/>
                  </a:lnTo>
                  <a:lnTo>
                    <a:pt x="30" y="48"/>
                  </a:lnTo>
                  <a:lnTo>
                    <a:pt x="24" y="38"/>
                  </a:lnTo>
                  <a:lnTo>
                    <a:pt x="34" y="40"/>
                  </a:lnTo>
                  <a:lnTo>
                    <a:pt x="42" y="42"/>
                  </a:lnTo>
                  <a:lnTo>
                    <a:pt x="56" y="40"/>
                  </a:lnTo>
                  <a:lnTo>
                    <a:pt x="60" y="30"/>
                  </a:lnTo>
                  <a:lnTo>
                    <a:pt x="74" y="14"/>
                  </a:lnTo>
                  <a:lnTo>
                    <a:pt x="80" y="6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8053" name="Freeform 78"/>
          <p:cNvSpPr>
            <a:spLocks/>
          </p:cNvSpPr>
          <p:nvPr/>
        </p:nvSpPr>
        <p:spPr bwMode="auto">
          <a:xfrm>
            <a:off x="5014913" y="2719388"/>
            <a:ext cx="266700" cy="496887"/>
          </a:xfrm>
          <a:custGeom>
            <a:avLst/>
            <a:gdLst>
              <a:gd name="T0" fmla="*/ 2147483647 w 207"/>
              <a:gd name="T1" fmla="*/ 2147483647 h 384"/>
              <a:gd name="T2" fmla="*/ 2147483647 w 207"/>
              <a:gd name="T3" fmla="*/ 2147483647 h 384"/>
              <a:gd name="T4" fmla="*/ 2147483647 w 207"/>
              <a:gd name="T5" fmla="*/ 2147483647 h 384"/>
              <a:gd name="T6" fmla="*/ 0 w 207"/>
              <a:gd name="T7" fmla="*/ 2147483647 h 384"/>
              <a:gd name="T8" fmla="*/ 2147483647 w 207"/>
              <a:gd name="T9" fmla="*/ 2147483647 h 384"/>
              <a:gd name="T10" fmla="*/ 2147483647 w 207"/>
              <a:gd name="T11" fmla="*/ 2147483647 h 384"/>
              <a:gd name="T12" fmla="*/ 0 w 207"/>
              <a:gd name="T13" fmla="*/ 2147483647 h 384"/>
              <a:gd name="T14" fmla="*/ 2147483647 w 207"/>
              <a:gd name="T15" fmla="*/ 2147483647 h 384"/>
              <a:gd name="T16" fmla="*/ 2147483647 w 207"/>
              <a:gd name="T17" fmla="*/ 2147483647 h 384"/>
              <a:gd name="T18" fmla="*/ 2147483647 w 207"/>
              <a:gd name="T19" fmla="*/ 2147483647 h 384"/>
              <a:gd name="T20" fmla="*/ 2147483647 w 207"/>
              <a:gd name="T21" fmla="*/ 2147483647 h 384"/>
              <a:gd name="T22" fmla="*/ 2147483647 w 207"/>
              <a:gd name="T23" fmla="*/ 2147483647 h 384"/>
              <a:gd name="T24" fmla="*/ 2147483647 w 207"/>
              <a:gd name="T25" fmla="*/ 2147483647 h 384"/>
              <a:gd name="T26" fmla="*/ 2147483647 w 207"/>
              <a:gd name="T27" fmla="*/ 2147483647 h 384"/>
              <a:gd name="T28" fmla="*/ 2147483647 w 207"/>
              <a:gd name="T29" fmla="*/ 2147483647 h 384"/>
              <a:gd name="T30" fmla="*/ 2147483647 w 207"/>
              <a:gd name="T31" fmla="*/ 2147483647 h 384"/>
              <a:gd name="T32" fmla="*/ 2147483647 w 207"/>
              <a:gd name="T33" fmla="*/ 2147483647 h 384"/>
              <a:gd name="T34" fmla="*/ 2147483647 w 207"/>
              <a:gd name="T35" fmla="*/ 2147483647 h 384"/>
              <a:gd name="T36" fmla="*/ 2147483647 w 207"/>
              <a:gd name="T37" fmla="*/ 2147483647 h 384"/>
              <a:gd name="T38" fmla="*/ 2147483647 w 207"/>
              <a:gd name="T39" fmla="*/ 2147483647 h 384"/>
              <a:gd name="T40" fmla="*/ 2147483647 w 207"/>
              <a:gd name="T41" fmla="*/ 2147483647 h 384"/>
              <a:gd name="T42" fmla="*/ 2147483647 w 207"/>
              <a:gd name="T43" fmla="*/ 0 h 384"/>
              <a:gd name="T44" fmla="*/ 2147483647 w 207"/>
              <a:gd name="T45" fmla="*/ 2147483647 h 384"/>
              <a:gd name="T46" fmla="*/ 2147483647 w 207"/>
              <a:gd name="T47" fmla="*/ 2147483647 h 384"/>
              <a:gd name="T48" fmla="*/ 2147483647 w 207"/>
              <a:gd name="T49" fmla="*/ 2147483647 h 384"/>
              <a:gd name="T50" fmla="*/ 2147483647 w 207"/>
              <a:gd name="T51" fmla="*/ 2147483647 h 384"/>
              <a:gd name="T52" fmla="*/ 2147483647 w 207"/>
              <a:gd name="T53" fmla="*/ 2147483647 h 384"/>
              <a:gd name="T54" fmla="*/ 2147483647 w 207"/>
              <a:gd name="T55" fmla="*/ 2147483647 h 384"/>
              <a:gd name="T56" fmla="*/ 2147483647 w 207"/>
              <a:gd name="T57" fmla="*/ 2147483647 h 384"/>
              <a:gd name="T58" fmla="*/ 2147483647 w 207"/>
              <a:gd name="T59" fmla="*/ 2147483647 h 384"/>
              <a:gd name="T60" fmla="*/ 2147483647 w 207"/>
              <a:gd name="T61" fmla="*/ 2147483647 h 384"/>
              <a:gd name="T62" fmla="*/ 2147483647 w 207"/>
              <a:gd name="T63" fmla="*/ 2147483647 h 384"/>
              <a:gd name="T64" fmla="*/ 2147483647 w 207"/>
              <a:gd name="T65" fmla="*/ 2147483647 h 384"/>
              <a:gd name="T66" fmla="*/ 2147483647 w 207"/>
              <a:gd name="T67" fmla="*/ 2147483647 h 384"/>
              <a:gd name="T68" fmla="*/ 2147483647 w 207"/>
              <a:gd name="T69" fmla="*/ 2147483647 h 384"/>
              <a:gd name="T70" fmla="*/ 2147483647 w 207"/>
              <a:gd name="T71" fmla="*/ 2147483647 h 384"/>
              <a:gd name="T72" fmla="*/ 2147483647 w 207"/>
              <a:gd name="T73" fmla="*/ 2147483647 h 384"/>
              <a:gd name="T74" fmla="*/ 2147483647 w 207"/>
              <a:gd name="T75" fmla="*/ 2147483647 h 384"/>
              <a:gd name="T76" fmla="*/ 2147483647 w 207"/>
              <a:gd name="T77" fmla="*/ 2147483647 h 384"/>
              <a:gd name="T78" fmla="*/ 2147483647 w 207"/>
              <a:gd name="T79" fmla="*/ 2147483647 h 384"/>
              <a:gd name="T80" fmla="*/ 2147483647 w 207"/>
              <a:gd name="T81" fmla="*/ 2147483647 h 384"/>
              <a:gd name="T82" fmla="*/ 2147483647 w 207"/>
              <a:gd name="T83" fmla="*/ 2147483647 h 384"/>
              <a:gd name="T84" fmla="*/ 2147483647 w 207"/>
              <a:gd name="T85" fmla="*/ 2147483647 h 384"/>
              <a:gd name="T86" fmla="*/ 2147483647 w 207"/>
              <a:gd name="T87" fmla="*/ 2147483647 h 384"/>
              <a:gd name="T88" fmla="*/ 2147483647 w 207"/>
              <a:gd name="T89" fmla="*/ 2147483647 h 384"/>
              <a:gd name="T90" fmla="*/ 2147483647 w 207"/>
              <a:gd name="T91" fmla="*/ 2147483647 h 384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0" t="0" r="r" b="b"/>
            <a:pathLst>
              <a:path w="207" h="384">
                <a:moveTo>
                  <a:pt x="36" y="364"/>
                </a:moveTo>
                <a:lnTo>
                  <a:pt x="30" y="360"/>
                </a:lnTo>
                <a:lnTo>
                  <a:pt x="22" y="350"/>
                </a:lnTo>
                <a:lnTo>
                  <a:pt x="28" y="342"/>
                </a:lnTo>
                <a:lnTo>
                  <a:pt x="38" y="330"/>
                </a:lnTo>
                <a:lnTo>
                  <a:pt x="38" y="314"/>
                </a:lnTo>
                <a:lnTo>
                  <a:pt x="38" y="302"/>
                </a:lnTo>
                <a:lnTo>
                  <a:pt x="36" y="296"/>
                </a:lnTo>
                <a:lnTo>
                  <a:pt x="26" y="298"/>
                </a:lnTo>
                <a:lnTo>
                  <a:pt x="16" y="292"/>
                </a:lnTo>
                <a:lnTo>
                  <a:pt x="8" y="288"/>
                </a:lnTo>
                <a:lnTo>
                  <a:pt x="0" y="278"/>
                </a:lnTo>
                <a:lnTo>
                  <a:pt x="0" y="264"/>
                </a:lnTo>
                <a:lnTo>
                  <a:pt x="6" y="244"/>
                </a:lnTo>
                <a:lnTo>
                  <a:pt x="14" y="242"/>
                </a:lnTo>
                <a:lnTo>
                  <a:pt x="18" y="238"/>
                </a:lnTo>
                <a:lnTo>
                  <a:pt x="22" y="232"/>
                </a:lnTo>
                <a:lnTo>
                  <a:pt x="18" y="224"/>
                </a:lnTo>
                <a:lnTo>
                  <a:pt x="10" y="214"/>
                </a:lnTo>
                <a:lnTo>
                  <a:pt x="0" y="218"/>
                </a:lnTo>
                <a:lnTo>
                  <a:pt x="0" y="188"/>
                </a:lnTo>
                <a:lnTo>
                  <a:pt x="0" y="160"/>
                </a:lnTo>
                <a:lnTo>
                  <a:pt x="2" y="150"/>
                </a:lnTo>
                <a:lnTo>
                  <a:pt x="6" y="136"/>
                </a:lnTo>
                <a:lnTo>
                  <a:pt x="10" y="142"/>
                </a:lnTo>
                <a:lnTo>
                  <a:pt x="18" y="150"/>
                </a:lnTo>
                <a:lnTo>
                  <a:pt x="30" y="150"/>
                </a:lnTo>
                <a:lnTo>
                  <a:pt x="34" y="158"/>
                </a:lnTo>
                <a:lnTo>
                  <a:pt x="46" y="162"/>
                </a:lnTo>
                <a:lnTo>
                  <a:pt x="48" y="154"/>
                </a:lnTo>
                <a:lnTo>
                  <a:pt x="50" y="142"/>
                </a:lnTo>
                <a:lnTo>
                  <a:pt x="56" y="134"/>
                </a:lnTo>
                <a:lnTo>
                  <a:pt x="56" y="126"/>
                </a:lnTo>
                <a:lnTo>
                  <a:pt x="68" y="126"/>
                </a:lnTo>
                <a:lnTo>
                  <a:pt x="76" y="132"/>
                </a:lnTo>
                <a:lnTo>
                  <a:pt x="74" y="140"/>
                </a:lnTo>
                <a:lnTo>
                  <a:pt x="84" y="150"/>
                </a:lnTo>
                <a:lnTo>
                  <a:pt x="91" y="140"/>
                </a:lnTo>
                <a:lnTo>
                  <a:pt x="84" y="126"/>
                </a:lnTo>
                <a:lnTo>
                  <a:pt x="82" y="110"/>
                </a:lnTo>
                <a:lnTo>
                  <a:pt x="82" y="98"/>
                </a:lnTo>
                <a:lnTo>
                  <a:pt x="82" y="94"/>
                </a:lnTo>
                <a:lnTo>
                  <a:pt x="64" y="94"/>
                </a:lnTo>
                <a:lnTo>
                  <a:pt x="54" y="100"/>
                </a:lnTo>
                <a:lnTo>
                  <a:pt x="42" y="102"/>
                </a:lnTo>
                <a:lnTo>
                  <a:pt x="38" y="112"/>
                </a:lnTo>
                <a:lnTo>
                  <a:pt x="38" y="120"/>
                </a:lnTo>
                <a:lnTo>
                  <a:pt x="30" y="120"/>
                </a:lnTo>
                <a:lnTo>
                  <a:pt x="30" y="130"/>
                </a:lnTo>
                <a:lnTo>
                  <a:pt x="28" y="138"/>
                </a:lnTo>
                <a:lnTo>
                  <a:pt x="20" y="136"/>
                </a:lnTo>
                <a:lnTo>
                  <a:pt x="12" y="124"/>
                </a:lnTo>
                <a:lnTo>
                  <a:pt x="18" y="106"/>
                </a:lnTo>
                <a:lnTo>
                  <a:pt x="30" y="90"/>
                </a:lnTo>
                <a:lnTo>
                  <a:pt x="40" y="84"/>
                </a:lnTo>
                <a:lnTo>
                  <a:pt x="62" y="80"/>
                </a:lnTo>
                <a:lnTo>
                  <a:pt x="68" y="76"/>
                </a:lnTo>
                <a:lnTo>
                  <a:pt x="93" y="78"/>
                </a:lnTo>
                <a:lnTo>
                  <a:pt x="109" y="60"/>
                </a:lnTo>
                <a:lnTo>
                  <a:pt x="123" y="38"/>
                </a:lnTo>
                <a:lnTo>
                  <a:pt x="133" y="20"/>
                </a:lnTo>
                <a:lnTo>
                  <a:pt x="147" y="20"/>
                </a:lnTo>
                <a:lnTo>
                  <a:pt x="159" y="14"/>
                </a:lnTo>
                <a:lnTo>
                  <a:pt x="167" y="6"/>
                </a:lnTo>
                <a:lnTo>
                  <a:pt x="175" y="0"/>
                </a:lnTo>
                <a:lnTo>
                  <a:pt x="179" y="0"/>
                </a:lnTo>
                <a:lnTo>
                  <a:pt x="177" y="8"/>
                </a:lnTo>
                <a:lnTo>
                  <a:pt x="165" y="20"/>
                </a:lnTo>
                <a:lnTo>
                  <a:pt x="169" y="30"/>
                </a:lnTo>
                <a:lnTo>
                  <a:pt x="175" y="40"/>
                </a:lnTo>
                <a:lnTo>
                  <a:pt x="175" y="66"/>
                </a:lnTo>
                <a:lnTo>
                  <a:pt x="169" y="74"/>
                </a:lnTo>
                <a:lnTo>
                  <a:pt x="167" y="84"/>
                </a:lnTo>
                <a:lnTo>
                  <a:pt x="163" y="92"/>
                </a:lnTo>
                <a:lnTo>
                  <a:pt x="155" y="98"/>
                </a:lnTo>
                <a:lnTo>
                  <a:pt x="147" y="94"/>
                </a:lnTo>
                <a:lnTo>
                  <a:pt x="155" y="104"/>
                </a:lnTo>
                <a:lnTo>
                  <a:pt x="157" y="112"/>
                </a:lnTo>
                <a:lnTo>
                  <a:pt x="159" y="124"/>
                </a:lnTo>
                <a:lnTo>
                  <a:pt x="159" y="136"/>
                </a:lnTo>
                <a:lnTo>
                  <a:pt x="149" y="138"/>
                </a:lnTo>
                <a:lnTo>
                  <a:pt x="163" y="138"/>
                </a:lnTo>
                <a:lnTo>
                  <a:pt x="163" y="146"/>
                </a:lnTo>
                <a:lnTo>
                  <a:pt x="155" y="152"/>
                </a:lnTo>
                <a:lnTo>
                  <a:pt x="157" y="156"/>
                </a:lnTo>
                <a:lnTo>
                  <a:pt x="163" y="150"/>
                </a:lnTo>
                <a:lnTo>
                  <a:pt x="169" y="158"/>
                </a:lnTo>
                <a:lnTo>
                  <a:pt x="177" y="158"/>
                </a:lnTo>
                <a:lnTo>
                  <a:pt x="193" y="156"/>
                </a:lnTo>
                <a:lnTo>
                  <a:pt x="197" y="158"/>
                </a:lnTo>
                <a:lnTo>
                  <a:pt x="203" y="160"/>
                </a:lnTo>
                <a:lnTo>
                  <a:pt x="207" y="176"/>
                </a:lnTo>
                <a:lnTo>
                  <a:pt x="205" y="182"/>
                </a:lnTo>
                <a:lnTo>
                  <a:pt x="195" y="192"/>
                </a:lnTo>
                <a:lnTo>
                  <a:pt x="191" y="200"/>
                </a:lnTo>
                <a:lnTo>
                  <a:pt x="187" y="204"/>
                </a:lnTo>
                <a:lnTo>
                  <a:pt x="177" y="212"/>
                </a:lnTo>
                <a:lnTo>
                  <a:pt x="177" y="202"/>
                </a:lnTo>
                <a:lnTo>
                  <a:pt x="171" y="200"/>
                </a:lnTo>
                <a:lnTo>
                  <a:pt x="169" y="206"/>
                </a:lnTo>
                <a:lnTo>
                  <a:pt x="161" y="202"/>
                </a:lnTo>
                <a:lnTo>
                  <a:pt x="155" y="200"/>
                </a:lnTo>
                <a:lnTo>
                  <a:pt x="155" y="212"/>
                </a:lnTo>
                <a:lnTo>
                  <a:pt x="157" y="226"/>
                </a:lnTo>
                <a:lnTo>
                  <a:pt x="155" y="236"/>
                </a:lnTo>
                <a:lnTo>
                  <a:pt x="155" y="244"/>
                </a:lnTo>
                <a:lnTo>
                  <a:pt x="147" y="244"/>
                </a:lnTo>
                <a:lnTo>
                  <a:pt x="141" y="240"/>
                </a:lnTo>
                <a:lnTo>
                  <a:pt x="137" y="244"/>
                </a:lnTo>
                <a:lnTo>
                  <a:pt x="141" y="252"/>
                </a:lnTo>
                <a:lnTo>
                  <a:pt x="141" y="264"/>
                </a:lnTo>
                <a:lnTo>
                  <a:pt x="131" y="268"/>
                </a:lnTo>
                <a:lnTo>
                  <a:pt x="125" y="272"/>
                </a:lnTo>
                <a:lnTo>
                  <a:pt x="125" y="278"/>
                </a:lnTo>
                <a:lnTo>
                  <a:pt x="127" y="284"/>
                </a:lnTo>
                <a:lnTo>
                  <a:pt x="121" y="288"/>
                </a:lnTo>
                <a:lnTo>
                  <a:pt x="111" y="286"/>
                </a:lnTo>
                <a:lnTo>
                  <a:pt x="109" y="296"/>
                </a:lnTo>
                <a:lnTo>
                  <a:pt x="109" y="308"/>
                </a:lnTo>
                <a:lnTo>
                  <a:pt x="113" y="316"/>
                </a:lnTo>
                <a:lnTo>
                  <a:pt x="113" y="326"/>
                </a:lnTo>
                <a:lnTo>
                  <a:pt x="109" y="332"/>
                </a:lnTo>
                <a:lnTo>
                  <a:pt x="101" y="334"/>
                </a:lnTo>
                <a:lnTo>
                  <a:pt x="105" y="348"/>
                </a:lnTo>
                <a:lnTo>
                  <a:pt x="111" y="350"/>
                </a:lnTo>
                <a:lnTo>
                  <a:pt x="119" y="346"/>
                </a:lnTo>
                <a:lnTo>
                  <a:pt x="129" y="348"/>
                </a:lnTo>
                <a:lnTo>
                  <a:pt x="135" y="354"/>
                </a:lnTo>
                <a:lnTo>
                  <a:pt x="143" y="366"/>
                </a:lnTo>
                <a:lnTo>
                  <a:pt x="143" y="372"/>
                </a:lnTo>
                <a:lnTo>
                  <a:pt x="137" y="384"/>
                </a:lnTo>
                <a:lnTo>
                  <a:pt x="131" y="380"/>
                </a:lnTo>
                <a:lnTo>
                  <a:pt x="117" y="378"/>
                </a:lnTo>
                <a:lnTo>
                  <a:pt x="105" y="366"/>
                </a:lnTo>
                <a:lnTo>
                  <a:pt x="97" y="380"/>
                </a:lnTo>
                <a:lnTo>
                  <a:pt x="82" y="380"/>
                </a:lnTo>
                <a:lnTo>
                  <a:pt x="72" y="370"/>
                </a:lnTo>
                <a:lnTo>
                  <a:pt x="58" y="366"/>
                </a:lnTo>
                <a:lnTo>
                  <a:pt x="36" y="364"/>
                </a:lnTo>
                <a:close/>
              </a:path>
            </a:pathLst>
          </a:custGeom>
          <a:solidFill>
            <a:srgbClr val="FFCC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54" name="Freeform 79"/>
          <p:cNvSpPr>
            <a:spLocks/>
          </p:cNvSpPr>
          <p:nvPr/>
        </p:nvSpPr>
        <p:spPr bwMode="auto">
          <a:xfrm>
            <a:off x="5173663" y="3074988"/>
            <a:ext cx="98425" cy="98425"/>
          </a:xfrm>
          <a:custGeom>
            <a:avLst/>
            <a:gdLst>
              <a:gd name="T0" fmla="*/ 2147483647 w 76"/>
              <a:gd name="T1" fmla="*/ 2147483647 h 76"/>
              <a:gd name="T2" fmla="*/ 2147483647 w 76"/>
              <a:gd name="T3" fmla="*/ 2147483647 h 76"/>
              <a:gd name="T4" fmla="*/ 2147483647 w 76"/>
              <a:gd name="T5" fmla="*/ 2147483647 h 76"/>
              <a:gd name="T6" fmla="*/ 2147483647 w 76"/>
              <a:gd name="T7" fmla="*/ 2147483647 h 76"/>
              <a:gd name="T8" fmla="*/ 2147483647 w 76"/>
              <a:gd name="T9" fmla="*/ 2147483647 h 76"/>
              <a:gd name="T10" fmla="*/ 2147483647 w 76"/>
              <a:gd name="T11" fmla="*/ 0 h 76"/>
              <a:gd name="T12" fmla="*/ 2147483647 w 76"/>
              <a:gd name="T13" fmla="*/ 2147483647 h 76"/>
              <a:gd name="T14" fmla="*/ 2147483647 w 76"/>
              <a:gd name="T15" fmla="*/ 2147483647 h 76"/>
              <a:gd name="T16" fmla="*/ 2147483647 w 76"/>
              <a:gd name="T17" fmla="*/ 2147483647 h 76"/>
              <a:gd name="T18" fmla="*/ 2147483647 w 76"/>
              <a:gd name="T19" fmla="*/ 2147483647 h 76"/>
              <a:gd name="T20" fmla="*/ 2147483647 w 76"/>
              <a:gd name="T21" fmla="*/ 2147483647 h 76"/>
              <a:gd name="T22" fmla="*/ 2147483647 w 76"/>
              <a:gd name="T23" fmla="*/ 2147483647 h 76"/>
              <a:gd name="T24" fmla="*/ 2147483647 w 76"/>
              <a:gd name="T25" fmla="*/ 2147483647 h 76"/>
              <a:gd name="T26" fmla="*/ 2147483647 w 76"/>
              <a:gd name="T27" fmla="*/ 2147483647 h 76"/>
              <a:gd name="T28" fmla="*/ 2147483647 w 76"/>
              <a:gd name="T29" fmla="*/ 2147483647 h 76"/>
              <a:gd name="T30" fmla="*/ 2147483647 w 76"/>
              <a:gd name="T31" fmla="*/ 2147483647 h 76"/>
              <a:gd name="T32" fmla="*/ 2147483647 w 76"/>
              <a:gd name="T33" fmla="*/ 2147483647 h 76"/>
              <a:gd name="T34" fmla="*/ 2147483647 w 76"/>
              <a:gd name="T35" fmla="*/ 2147483647 h 76"/>
              <a:gd name="T36" fmla="*/ 2147483647 w 76"/>
              <a:gd name="T37" fmla="*/ 2147483647 h 76"/>
              <a:gd name="T38" fmla="*/ 2147483647 w 76"/>
              <a:gd name="T39" fmla="*/ 2147483647 h 76"/>
              <a:gd name="T40" fmla="*/ 2147483647 w 76"/>
              <a:gd name="T41" fmla="*/ 2147483647 h 76"/>
              <a:gd name="T42" fmla="*/ 2147483647 w 76"/>
              <a:gd name="T43" fmla="*/ 2147483647 h 76"/>
              <a:gd name="T44" fmla="*/ 2147483647 w 76"/>
              <a:gd name="T45" fmla="*/ 2147483647 h 76"/>
              <a:gd name="T46" fmla="*/ 2147483647 w 76"/>
              <a:gd name="T47" fmla="*/ 2147483647 h 76"/>
              <a:gd name="T48" fmla="*/ 2147483647 w 76"/>
              <a:gd name="T49" fmla="*/ 2147483647 h 76"/>
              <a:gd name="T50" fmla="*/ 2147483647 w 76"/>
              <a:gd name="T51" fmla="*/ 2147483647 h 76"/>
              <a:gd name="T52" fmla="*/ 0 w 76"/>
              <a:gd name="T53" fmla="*/ 2147483647 h 76"/>
              <a:gd name="T54" fmla="*/ 2147483647 w 76"/>
              <a:gd name="T55" fmla="*/ 2147483647 h 7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0" t="0" r="r" b="b"/>
            <a:pathLst>
              <a:path w="76" h="76">
                <a:moveTo>
                  <a:pt x="4" y="20"/>
                </a:moveTo>
                <a:lnTo>
                  <a:pt x="12" y="18"/>
                </a:lnTo>
                <a:lnTo>
                  <a:pt x="20" y="14"/>
                </a:lnTo>
                <a:lnTo>
                  <a:pt x="26" y="6"/>
                </a:lnTo>
                <a:lnTo>
                  <a:pt x="28" y="4"/>
                </a:lnTo>
                <a:lnTo>
                  <a:pt x="30" y="0"/>
                </a:lnTo>
                <a:lnTo>
                  <a:pt x="40" y="2"/>
                </a:lnTo>
                <a:lnTo>
                  <a:pt x="46" y="8"/>
                </a:lnTo>
                <a:lnTo>
                  <a:pt x="52" y="10"/>
                </a:lnTo>
                <a:lnTo>
                  <a:pt x="56" y="2"/>
                </a:lnTo>
                <a:lnTo>
                  <a:pt x="66" y="6"/>
                </a:lnTo>
                <a:lnTo>
                  <a:pt x="68" y="14"/>
                </a:lnTo>
                <a:lnTo>
                  <a:pt x="68" y="22"/>
                </a:lnTo>
                <a:lnTo>
                  <a:pt x="76" y="34"/>
                </a:lnTo>
                <a:lnTo>
                  <a:pt x="76" y="44"/>
                </a:lnTo>
                <a:lnTo>
                  <a:pt x="74" y="62"/>
                </a:lnTo>
                <a:lnTo>
                  <a:pt x="70" y="68"/>
                </a:lnTo>
                <a:lnTo>
                  <a:pt x="58" y="76"/>
                </a:lnTo>
                <a:lnTo>
                  <a:pt x="46" y="74"/>
                </a:lnTo>
                <a:lnTo>
                  <a:pt x="34" y="70"/>
                </a:lnTo>
                <a:lnTo>
                  <a:pt x="30" y="70"/>
                </a:lnTo>
                <a:lnTo>
                  <a:pt x="26" y="70"/>
                </a:lnTo>
                <a:lnTo>
                  <a:pt x="26" y="58"/>
                </a:lnTo>
                <a:lnTo>
                  <a:pt x="16" y="56"/>
                </a:lnTo>
                <a:lnTo>
                  <a:pt x="8" y="44"/>
                </a:lnTo>
                <a:lnTo>
                  <a:pt x="4" y="32"/>
                </a:lnTo>
                <a:lnTo>
                  <a:pt x="0" y="24"/>
                </a:lnTo>
                <a:lnTo>
                  <a:pt x="4" y="20"/>
                </a:lnTo>
                <a:close/>
              </a:path>
            </a:pathLst>
          </a:custGeom>
          <a:solidFill>
            <a:srgbClr val="FFCC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55" name="Freeform 80"/>
          <p:cNvSpPr>
            <a:spLocks/>
          </p:cNvSpPr>
          <p:nvPr/>
        </p:nvSpPr>
        <p:spPr bwMode="auto">
          <a:xfrm>
            <a:off x="5256213" y="3157538"/>
            <a:ext cx="31750" cy="65087"/>
          </a:xfrm>
          <a:custGeom>
            <a:avLst/>
            <a:gdLst>
              <a:gd name="T0" fmla="*/ 2147483647 w 24"/>
              <a:gd name="T1" fmla="*/ 2147483647 h 50"/>
              <a:gd name="T2" fmla="*/ 2147483647 w 24"/>
              <a:gd name="T3" fmla="*/ 2147483647 h 50"/>
              <a:gd name="T4" fmla="*/ 2147483647 w 24"/>
              <a:gd name="T5" fmla="*/ 2147483647 h 50"/>
              <a:gd name="T6" fmla="*/ 2147483647 w 24"/>
              <a:gd name="T7" fmla="*/ 0 h 50"/>
              <a:gd name="T8" fmla="*/ 2147483647 w 24"/>
              <a:gd name="T9" fmla="*/ 2147483647 h 50"/>
              <a:gd name="T10" fmla="*/ 2147483647 w 24"/>
              <a:gd name="T11" fmla="*/ 2147483647 h 50"/>
              <a:gd name="T12" fmla="*/ 2147483647 w 24"/>
              <a:gd name="T13" fmla="*/ 2147483647 h 50"/>
              <a:gd name="T14" fmla="*/ 2147483647 w 24"/>
              <a:gd name="T15" fmla="*/ 2147483647 h 50"/>
              <a:gd name="T16" fmla="*/ 2147483647 w 24"/>
              <a:gd name="T17" fmla="*/ 2147483647 h 50"/>
              <a:gd name="T18" fmla="*/ 2147483647 w 24"/>
              <a:gd name="T19" fmla="*/ 2147483647 h 50"/>
              <a:gd name="T20" fmla="*/ 0 w 24"/>
              <a:gd name="T21" fmla="*/ 2147483647 h 50"/>
              <a:gd name="T22" fmla="*/ 0 w 24"/>
              <a:gd name="T23" fmla="*/ 2147483647 h 50"/>
              <a:gd name="T24" fmla="*/ 2147483647 w 24"/>
              <a:gd name="T25" fmla="*/ 2147483647 h 50"/>
              <a:gd name="T26" fmla="*/ 2147483647 w 24"/>
              <a:gd name="T27" fmla="*/ 2147483647 h 50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4" h="50">
                <a:moveTo>
                  <a:pt x="4" y="24"/>
                </a:moveTo>
                <a:lnTo>
                  <a:pt x="12" y="16"/>
                </a:lnTo>
                <a:lnTo>
                  <a:pt x="12" y="4"/>
                </a:lnTo>
                <a:lnTo>
                  <a:pt x="20" y="0"/>
                </a:lnTo>
                <a:lnTo>
                  <a:pt x="24" y="8"/>
                </a:lnTo>
                <a:lnTo>
                  <a:pt x="20" y="16"/>
                </a:lnTo>
                <a:lnTo>
                  <a:pt x="18" y="24"/>
                </a:lnTo>
                <a:lnTo>
                  <a:pt x="12" y="32"/>
                </a:lnTo>
                <a:lnTo>
                  <a:pt x="12" y="44"/>
                </a:lnTo>
                <a:lnTo>
                  <a:pt x="8" y="50"/>
                </a:lnTo>
                <a:lnTo>
                  <a:pt x="0" y="46"/>
                </a:lnTo>
                <a:lnTo>
                  <a:pt x="0" y="38"/>
                </a:lnTo>
                <a:lnTo>
                  <a:pt x="4" y="28"/>
                </a:lnTo>
                <a:lnTo>
                  <a:pt x="4" y="24"/>
                </a:lnTo>
                <a:close/>
              </a:path>
            </a:pathLst>
          </a:custGeom>
          <a:solidFill>
            <a:srgbClr val="FF921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56" name="Freeform 81"/>
          <p:cNvSpPr>
            <a:spLocks/>
          </p:cNvSpPr>
          <p:nvPr/>
        </p:nvSpPr>
        <p:spPr bwMode="auto">
          <a:xfrm>
            <a:off x="5284788" y="2986088"/>
            <a:ext cx="163512" cy="257175"/>
          </a:xfrm>
          <a:custGeom>
            <a:avLst/>
            <a:gdLst>
              <a:gd name="T0" fmla="*/ 2147483647 w 126"/>
              <a:gd name="T1" fmla="*/ 2147483647 h 198"/>
              <a:gd name="T2" fmla="*/ 2147483647 w 126"/>
              <a:gd name="T3" fmla="*/ 2147483647 h 198"/>
              <a:gd name="T4" fmla="*/ 2147483647 w 126"/>
              <a:gd name="T5" fmla="*/ 2147483647 h 198"/>
              <a:gd name="T6" fmla="*/ 2147483647 w 126"/>
              <a:gd name="T7" fmla="*/ 2147483647 h 198"/>
              <a:gd name="T8" fmla="*/ 2147483647 w 126"/>
              <a:gd name="T9" fmla="*/ 2147483647 h 198"/>
              <a:gd name="T10" fmla="*/ 2147483647 w 126"/>
              <a:gd name="T11" fmla="*/ 2147483647 h 198"/>
              <a:gd name="T12" fmla="*/ 2147483647 w 126"/>
              <a:gd name="T13" fmla="*/ 2147483647 h 198"/>
              <a:gd name="T14" fmla="*/ 2147483647 w 126"/>
              <a:gd name="T15" fmla="*/ 2147483647 h 198"/>
              <a:gd name="T16" fmla="*/ 2147483647 w 126"/>
              <a:gd name="T17" fmla="*/ 2147483647 h 198"/>
              <a:gd name="T18" fmla="*/ 2147483647 w 126"/>
              <a:gd name="T19" fmla="*/ 2147483647 h 198"/>
              <a:gd name="T20" fmla="*/ 2147483647 w 126"/>
              <a:gd name="T21" fmla="*/ 2147483647 h 198"/>
              <a:gd name="T22" fmla="*/ 2147483647 w 126"/>
              <a:gd name="T23" fmla="*/ 2147483647 h 198"/>
              <a:gd name="T24" fmla="*/ 2147483647 w 126"/>
              <a:gd name="T25" fmla="*/ 2147483647 h 198"/>
              <a:gd name="T26" fmla="*/ 2147483647 w 126"/>
              <a:gd name="T27" fmla="*/ 2147483647 h 198"/>
              <a:gd name="T28" fmla="*/ 2147483647 w 126"/>
              <a:gd name="T29" fmla="*/ 2147483647 h 198"/>
              <a:gd name="T30" fmla="*/ 2147483647 w 126"/>
              <a:gd name="T31" fmla="*/ 2147483647 h 198"/>
              <a:gd name="T32" fmla="*/ 2147483647 w 126"/>
              <a:gd name="T33" fmla="*/ 0 h 198"/>
              <a:gd name="T34" fmla="*/ 2147483647 w 126"/>
              <a:gd name="T35" fmla="*/ 2147483647 h 198"/>
              <a:gd name="T36" fmla="*/ 2147483647 w 126"/>
              <a:gd name="T37" fmla="*/ 2147483647 h 198"/>
              <a:gd name="T38" fmla="*/ 2147483647 w 126"/>
              <a:gd name="T39" fmla="*/ 2147483647 h 198"/>
              <a:gd name="T40" fmla="*/ 2147483647 w 126"/>
              <a:gd name="T41" fmla="*/ 2147483647 h 198"/>
              <a:gd name="T42" fmla="*/ 2147483647 w 126"/>
              <a:gd name="T43" fmla="*/ 2147483647 h 198"/>
              <a:gd name="T44" fmla="*/ 2147483647 w 126"/>
              <a:gd name="T45" fmla="*/ 2147483647 h 198"/>
              <a:gd name="T46" fmla="*/ 2147483647 w 126"/>
              <a:gd name="T47" fmla="*/ 2147483647 h 198"/>
              <a:gd name="T48" fmla="*/ 2147483647 w 126"/>
              <a:gd name="T49" fmla="*/ 2147483647 h 198"/>
              <a:gd name="T50" fmla="*/ 2147483647 w 126"/>
              <a:gd name="T51" fmla="*/ 2147483647 h 198"/>
              <a:gd name="T52" fmla="*/ 2147483647 w 126"/>
              <a:gd name="T53" fmla="*/ 2147483647 h 198"/>
              <a:gd name="T54" fmla="*/ 2147483647 w 126"/>
              <a:gd name="T55" fmla="*/ 2147483647 h 198"/>
              <a:gd name="T56" fmla="*/ 2147483647 w 126"/>
              <a:gd name="T57" fmla="*/ 2147483647 h 198"/>
              <a:gd name="T58" fmla="*/ 2147483647 w 126"/>
              <a:gd name="T59" fmla="*/ 2147483647 h 198"/>
              <a:gd name="T60" fmla="*/ 2147483647 w 126"/>
              <a:gd name="T61" fmla="*/ 2147483647 h 198"/>
              <a:gd name="T62" fmla="*/ 2147483647 w 126"/>
              <a:gd name="T63" fmla="*/ 2147483647 h 198"/>
              <a:gd name="T64" fmla="*/ 2147483647 w 126"/>
              <a:gd name="T65" fmla="*/ 2147483647 h 198"/>
              <a:gd name="T66" fmla="*/ 2147483647 w 126"/>
              <a:gd name="T67" fmla="*/ 2147483647 h 198"/>
              <a:gd name="T68" fmla="*/ 2147483647 w 126"/>
              <a:gd name="T69" fmla="*/ 2147483647 h 198"/>
              <a:gd name="T70" fmla="*/ 2147483647 w 126"/>
              <a:gd name="T71" fmla="*/ 2147483647 h 198"/>
              <a:gd name="T72" fmla="*/ 2147483647 w 126"/>
              <a:gd name="T73" fmla="*/ 2147483647 h 198"/>
              <a:gd name="T74" fmla="*/ 2147483647 w 126"/>
              <a:gd name="T75" fmla="*/ 2147483647 h 198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0" t="0" r="r" b="b"/>
            <a:pathLst>
              <a:path w="126" h="198">
                <a:moveTo>
                  <a:pt x="14" y="156"/>
                </a:moveTo>
                <a:lnTo>
                  <a:pt x="22" y="154"/>
                </a:lnTo>
                <a:lnTo>
                  <a:pt x="32" y="162"/>
                </a:lnTo>
                <a:lnTo>
                  <a:pt x="44" y="168"/>
                </a:lnTo>
                <a:lnTo>
                  <a:pt x="56" y="160"/>
                </a:lnTo>
                <a:lnTo>
                  <a:pt x="62" y="150"/>
                </a:lnTo>
                <a:lnTo>
                  <a:pt x="68" y="146"/>
                </a:lnTo>
                <a:lnTo>
                  <a:pt x="58" y="140"/>
                </a:lnTo>
                <a:lnTo>
                  <a:pt x="56" y="134"/>
                </a:lnTo>
                <a:lnTo>
                  <a:pt x="58" y="124"/>
                </a:lnTo>
                <a:lnTo>
                  <a:pt x="48" y="122"/>
                </a:lnTo>
                <a:lnTo>
                  <a:pt x="38" y="122"/>
                </a:lnTo>
                <a:lnTo>
                  <a:pt x="24" y="122"/>
                </a:lnTo>
                <a:lnTo>
                  <a:pt x="22" y="112"/>
                </a:lnTo>
                <a:lnTo>
                  <a:pt x="16" y="106"/>
                </a:lnTo>
                <a:lnTo>
                  <a:pt x="14" y="94"/>
                </a:lnTo>
                <a:lnTo>
                  <a:pt x="8" y="90"/>
                </a:lnTo>
                <a:lnTo>
                  <a:pt x="2" y="90"/>
                </a:lnTo>
                <a:lnTo>
                  <a:pt x="0" y="80"/>
                </a:lnTo>
                <a:lnTo>
                  <a:pt x="8" y="68"/>
                </a:lnTo>
                <a:lnTo>
                  <a:pt x="18" y="58"/>
                </a:lnTo>
                <a:lnTo>
                  <a:pt x="28" y="48"/>
                </a:lnTo>
                <a:lnTo>
                  <a:pt x="34" y="34"/>
                </a:lnTo>
                <a:lnTo>
                  <a:pt x="42" y="34"/>
                </a:lnTo>
                <a:lnTo>
                  <a:pt x="50" y="42"/>
                </a:lnTo>
                <a:lnTo>
                  <a:pt x="52" y="48"/>
                </a:lnTo>
                <a:lnTo>
                  <a:pt x="62" y="54"/>
                </a:lnTo>
                <a:lnTo>
                  <a:pt x="78" y="50"/>
                </a:lnTo>
                <a:lnTo>
                  <a:pt x="76" y="38"/>
                </a:lnTo>
                <a:lnTo>
                  <a:pt x="70" y="28"/>
                </a:lnTo>
                <a:lnTo>
                  <a:pt x="66" y="18"/>
                </a:lnTo>
                <a:lnTo>
                  <a:pt x="76" y="12"/>
                </a:lnTo>
                <a:lnTo>
                  <a:pt x="84" y="2"/>
                </a:lnTo>
                <a:lnTo>
                  <a:pt x="94" y="0"/>
                </a:lnTo>
                <a:lnTo>
                  <a:pt x="106" y="4"/>
                </a:lnTo>
                <a:lnTo>
                  <a:pt x="116" y="8"/>
                </a:lnTo>
                <a:lnTo>
                  <a:pt x="114" y="20"/>
                </a:lnTo>
                <a:lnTo>
                  <a:pt x="114" y="32"/>
                </a:lnTo>
                <a:lnTo>
                  <a:pt x="120" y="40"/>
                </a:lnTo>
                <a:lnTo>
                  <a:pt x="122" y="50"/>
                </a:lnTo>
                <a:lnTo>
                  <a:pt x="126" y="62"/>
                </a:lnTo>
                <a:lnTo>
                  <a:pt x="116" y="66"/>
                </a:lnTo>
                <a:lnTo>
                  <a:pt x="108" y="66"/>
                </a:lnTo>
                <a:lnTo>
                  <a:pt x="90" y="76"/>
                </a:lnTo>
                <a:lnTo>
                  <a:pt x="88" y="84"/>
                </a:lnTo>
                <a:lnTo>
                  <a:pt x="94" y="92"/>
                </a:lnTo>
                <a:lnTo>
                  <a:pt x="102" y="92"/>
                </a:lnTo>
                <a:lnTo>
                  <a:pt x="108" y="98"/>
                </a:lnTo>
                <a:lnTo>
                  <a:pt x="110" y="108"/>
                </a:lnTo>
                <a:lnTo>
                  <a:pt x="104" y="112"/>
                </a:lnTo>
                <a:lnTo>
                  <a:pt x="86" y="120"/>
                </a:lnTo>
                <a:lnTo>
                  <a:pt x="84" y="130"/>
                </a:lnTo>
                <a:lnTo>
                  <a:pt x="94" y="142"/>
                </a:lnTo>
                <a:lnTo>
                  <a:pt x="106" y="142"/>
                </a:lnTo>
                <a:lnTo>
                  <a:pt x="118" y="142"/>
                </a:lnTo>
                <a:lnTo>
                  <a:pt x="120" y="152"/>
                </a:lnTo>
                <a:lnTo>
                  <a:pt x="110" y="154"/>
                </a:lnTo>
                <a:lnTo>
                  <a:pt x="98" y="154"/>
                </a:lnTo>
                <a:lnTo>
                  <a:pt x="90" y="162"/>
                </a:lnTo>
                <a:lnTo>
                  <a:pt x="88" y="172"/>
                </a:lnTo>
                <a:lnTo>
                  <a:pt x="82" y="178"/>
                </a:lnTo>
                <a:lnTo>
                  <a:pt x="78" y="186"/>
                </a:lnTo>
                <a:lnTo>
                  <a:pt x="78" y="198"/>
                </a:lnTo>
                <a:lnTo>
                  <a:pt x="68" y="192"/>
                </a:lnTo>
                <a:lnTo>
                  <a:pt x="64" y="190"/>
                </a:lnTo>
                <a:lnTo>
                  <a:pt x="64" y="192"/>
                </a:lnTo>
                <a:lnTo>
                  <a:pt x="62" y="194"/>
                </a:lnTo>
                <a:lnTo>
                  <a:pt x="60" y="194"/>
                </a:lnTo>
                <a:lnTo>
                  <a:pt x="50" y="190"/>
                </a:lnTo>
                <a:lnTo>
                  <a:pt x="42" y="194"/>
                </a:lnTo>
                <a:lnTo>
                  <a:pt x="32" y="194"/>
                </a:lnTo>
                <a:lnTo>
                  <a:pt x="24" y="186"/>
                </a:lnTo>
                <a:lnTo>
                  <a:pt x="18" y="182"/>
                </a:lnTo>
                <a:lnTo>
                  <a:pt x="8" y="178"/>
                </a:lnTo>
                <a:lnTo>
                  <a:pt x="6" y="164"/>
                </a:lnTo>
                <a:lnTo>
                  <a:pt x="8" y="158"/>
                </a:lnTo>
                <a:lnTo>
                  <a:pt x="14" y="156"/>
                </a:lnTo>
                <a:close/>
              </a:path>
            </a:pathLst>
          </a:custGeom>
          <a:solidFill>
            <a:srgbClr val="FFCC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57" name="Freeform 82"/>
          <p:cNvSpPr>
            <a:spLocks/>
          </p:cNvSpPr>
          <p:nvPr/>
        </p:nvSpPr>
        <p:spPr bwMode="auto">
          <a:xfrm>
            <a:off x="5502275" y="3222625"/>
            <a:ext cx="61913" cy="79375"/>
          </a:xfrm>
          <a:custGeom>
            <a:avLst/>
            <a:gdLst>
              <a:gd name="T0" fmla="*/ 0 w 48"/>
              <a:gd name="T1" fmla="*/ 2147483647 h 62"/>
              <a:gd name="T2" fmla="*/ 2147483647 w 48"/>
              <a:gd name="T3" fmla="*/ 2147483647 h 62"/>
              <a:gd name="T4" fmla="*/ 2147483647 w 48"/>
              <a:gd name="T5" fmla="*/ 2147483647 h 62"/>
              <a:gd name="T6" fmla="*/ 2147483647 w 48"/>
              <a:gd name="T7" fmla="*/ 2147483647 h 62"/>
              <a:gd name="T8" fmla="*/ 2147483647 w 48"/>
              <a:gd name="T9" fmla="*/ 2147483647 h 62"/>
              <a:gd name="T10" fmla="*/ 2147483647 w 48"/>
              <a:gd name="T11" fmla="*/ 2147483647 h 62"/>
              <a:gd name="T12" fmla="*/ 2147483647 w 48"/>
              <a:gd name="T13" fmla="*/ 2147483647 h 62"/>
              <a:gd name="T14" fmla="*/ 2147483647 w 48"/>
              <a:gd name="T15" fmla="*/ 2147483647 h 62"/>
              <a:gd name="T16" fmla="*/ 2147483647 w 48"/>
              <a:gd name="T17" fmla="*/ 2147483647 h 62"/>
              <a:gd name="T18" fmla="*/ 2147483647 w 48"/>
              <a:gd name="T19" fmla="*/ 2147483647 h 62"/>
              <a:gd name="T20" fmla="*/ 2147483647 w 48"/>
              <a:gd name="T21" fmla="*/ 2147483647 h 62"/>
              <a:gd name="T22" fmla="*/ 2147483647 w 48"/>
              <a:gd name="T23" fmla="*/ 2147483647 h 62"/>
              <a:gd name="T24" fmla="*/ 2147483647 w 48"/>
              <a:gd name="T25" fmla="*/ 0 h 62"/>
              <a:gd name="T26" fmla="*/ 2147483647 w 48"/>
              <a:gd name="T27" fmla="*/ 2147483647 h 62"/>
              <a:gd name="T28" fmla="*/ 2147483647 w 48"/>
              <a:gd name="T29" fmla="*/ 2147483647 h 62"/>
              <a:gd name="T30" fmla="*/ 2147483647 w 48"/>
              <a:gd name="T31" fmla="*/ 2147483647 h 62"/>
              <a:gd name="T32" fmla="*/ 2147483647 w 48"/>
              <a:gd name="T33" fmla="*/ 2147483647 h 62"/>
              <a:gd name="T34" fmla="*/ 2147483647 w 48"/>
              <a:gd name="T35" fmla="*/ 2147483647 h 62"/>
              <a:gd name="T36" fmla="*/ 2147483647 w 48"/>
              <a:gd name="T37" fmla="*/ 2147483647 h 62"/>
              <a:gd name="T38" fmla="*/ 2147483647 w 48"/>
              <a:gd name="T39" fmla="*/ 2147483647 h 62"/>
              <a:gd name="T40" fmla="*/ 2147483647 w 48"/>
              <a:gd name="T41" fmla="*/ 2147483647 h 62"/>
              <a:gd name="T42" fmla="*/ 2147483647 w 48"/>
              <a:gd name="T43" fmla="*/ 2147483647 h 62"/>
              <a:gd name="T44" fmla="*/ 2147483647 w 48"/>
              <a:gd name="T45" fmla="*/ 2147483647 h 62"/>
              <a:gd name="T46" fmla="*/ 2147483647 w 48"/>
              <a:gd name="T47" fmla="*/ 2147483647 h 62"/>
              <a:gd name="T48" fmla="*/ 2147483647 w 48"/>
              <a:gd name="T49" fmla="*/ 2147483647 h 62"/>
              <a:gd name="T50" fmla="*/ 2147483647 w 48"/>
              <a:gd name="T51" fmla="*/ 2147483647 h 62"/>
              <a:gd name="T52" fmla="*/ 2147483647 w 48"/>
              <a:gd name="T53" fmla="*/ 2147483647 h 62"/>
              <a:gd name="T54" fmla="*/ 2147483647 w 48"/>
              <a:gd name="T55" fmla="*/ 2147483647 h 62"/>
              <a:gd name="T56" fmla="*/ 2147483647 w 48"/>
              <a:gd name="T57" fmla="*/ 2147483647 h 62"/>
              <a:gd name="T58" fmla="*/ 2147483647 w 48"/>
              <a:gd name="T59" fmla="*/ 2147483647 h 62"/>
              <a:gd name="T60" fmla="*/ 2147483647 w 48"/>
              <a:gd name="T61" fmla="*/ 2147483647 h 62"/>
              <a:gd name="T62" fmla="*/ 2147483647 w 48"/>
              <a:gd name="T63" fmla="*/ 2147483647 h 62"/>
              <a:gd name="T64" fmla="*/ 0 w 48"/>
              <a:gd name="T65" fmla="*/ 2147483647 h 62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0" t="0" r="r" b="b"/>
            <a:pathLst>
              <a:path w="48" h="62">
                <a:moveTo>
                  <a:pt x="0" y="42"/>
                </a:moveTo>
                <a:lnTo>
                  <a:pt x="4" y="38"/>
                </a:lnTo>
                <a:lnTo>
                  <a:pt x="2" y="24"/>
                </a:lnTo>
                <a:lnTo>
                  <a:pt x="8" y="22"/>
                </a:lnTo>
                <a:lnTo>
                  <a:pt x="14" y="24"/>
                </a:lnTo>
                <a:lnTo>
                  <a:pt x="22" y="28"/>
                </a:lnTo>
                <a:lnTo>
                  <a:pt x="22" y="20"/>
                </a:lnTo>
                <a:lnTo>
                  <a:pt x="18" y="16"/>
                </a:lnTo>
                <a:lnTo>
                  <a:pt x="10" y="18"/>
                </a:lnTo>
                <a:lnTo>
                  <a:pt x="4" y="12"/>
                </a:lnTo>
                <a:lnTo>
                  <a:pt x="4" y="8"/>
                </a:lnTo>
                <a:lnTo>
                  <a:pt x="8" y="2"/>
                </a:lnTo>
                <a:lnTo>
                  <a:pt x="14" y="0"/>
                </a:lnTo>
                <a:lnTo>
                  <a:pt x="18" y="4"/>
                </a:lnTo>
                <a:lnTo>
                  <a:pt x="22" y="14"/>
                </a:lnTo>
                <a:lnTo>
                  <a:pt x="26" y="16"/>
                </a:lnTo>
                <a:lnTo>
                  <a:pt x="28" y="14"/>
                </a:lnTo>
                <a:lnTo>
                  <a:pt x="34" y="14"/>
                </a:lnTo>
                <a:lnTo>
                  <a:pt x="38" y="18"/>
                </a:lnTo>
                <a:lnTo>
                  <a:pt x="40" y="22"/>
                </a:lnTo>
                <a:lnTo>
                  <a:pt x="36" y="26"/>
                </a:lnTo>
                <a:lnTo>
                  <a:pt x="32" y="32"/>
                </a:lnTo>
                <a:lnTo>
                  <a:pt x="36" y="36"/>
                </a:lnTo>
                <a:lnTo>
                  <a:pt x="42" y="40"/>
                </a:lnTo>
                <a:lnTo>
                  <a:pt x="48" y="50"/>
                </a:lnTo>
                <a:lnTo>
                  <a:pt x="42" y="52"/>
                </a:lnTo>
                <a:lnTo>
                  <a:pt x="28" y="50"/>
                </a:lnTo>
                <a:lnTo>
                  <a:pt x="26" y="48"/>
                </a:lnTo>
                <a:lnTo>
                  <a:pt x="20" y="50"/>
                </a:lnTo>
                <a:lnTo>
                  <a:pt x="20" y="58"/>
                </a:lnTo>
                <a:lnTo>
                  <a:pt x="14" y="62"/>
                </a:lnTo>
                <a:lnTo>
                  <a:pt x="2" y="56"/>
                </a:lnTo>
                <a:lnTo>
                  <a:pt x="0" y="4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58" name="Freeform 83"/>
          <p:cNvSpPr>
            <a:spLocks/>
          </p:cNvSpPr>
          <p:nvPr/>
        </p:nvSpPr>
        <p:spPr bwMode="auto">
          <a:xfrm>
            <a:off x="5641975" y="3121025"/>
            <a:ext cx="47625" cy="39688"/>
          </a:xfrm>
          <a:custGeom>
            <a:avLst/>
            <a:gdLst>
              <a:gd name="T0" fmla="*/ 2147483647 w 36"/>
              <a:gd name="T1" fmla="*/ 0 h 30"/>
              <a:gd name="T2" fmla="*/ 2147483647 w 36"/>
              <a:gd name="T3" fmla="*/ 0 h 30"/>
              <a:gd name="T4" fmla="*/ 2147483647 w 36"/>
              <a:gd name="T5" fmla="*/ 2147483647 h 30"/>
              <a:gd name="T6" fmla="*/ 2147483647 w 36"/>
              <a:gd name="T7" fmla="*/ 2147483647 h 30"/>
              <a:gd name="T8" fmla="*/ 2147483647 w 36"/>
              <a:gd name="T9" fmla="*/ 2147483647 h 30"/>
              <a:gd name="T10" fmla="*/ 2147483647 w 36"/>
              <a:gd name="T11" fmla="*/ 2147483647 h 30"/>
              <a:gd name="T12" fmla="*/ 2147483647 w 36"/>
              <a:gd name="T13" fmla="*/ 2147483647 h 30"/>
              <a:gd name="T14" fmla="*/ 2147483647 w 36"/>
              <a:gd name="T15" fmla="*/ 2147483647 h 30"/>
              <a:gd name="T16" fmla="*/ 2147483647 w 36"/>
              <a:gd name="T17" fmla="*/ 2147483647 h 30"/>
              <a:gd name="T18" fmla="*/ 0 w 36"/>
              <a:gd name="T19" fmla="*/ 2147483647 h 30"/>
              <a:gd name="T20" fmla="*/ 0 w 36"/>
              <a:gd name="T21" fmla="*/ 2147483647 h 30"/>
              <a:gd name="T22" fmla="*/ 2147483647 w 36"/>
              <a:gd name="T23" fmla="*/ 0 h 30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0" t="0" r="r" b="b"/>
            <a:pathLst>
              <a:path w="36" h="30">
                <a:moveTo>
                  <a:pt x="4" y="0"/>
                </a:moveTo>
                <a:lnTo>
                  <a:pt x="12" y="0"/>
                </a:lnTo>
                <a:lnTo>
                  <a:pt x="26" y="8"/>
                </a:lnTo>
                <a:lnTo>
                  <a:pt x="34" y="14"/>
                </a:lnTo>
                <a:lnTo>
                  <a:pt x="36" y="22"/>
                </a:lnTo>
                <a:lnTo>
                  <a:pt x="28" y="28"/>
                </a:lnTo>
                <a:lnTo>
                  <a:pt x="18" y="30"/>
                </a:lnTo>
                <a:lnTo>
                  <a:pt x="12" y="24"/>
                </a:lnTo>
                <a:lnTo>
                  <a:pt x="6" y="26"/>
                </a:lnTo>
                <a:lnTo>
                  <a:pt x="0" y="18"/>
                </a:lnTo>
                <a:lnTo>
                  <a:pt x="0" y="6"/>
                </a:lnTo>
                <a:lnTo>
                  <a:pt x="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59" name="Freeform 84"/>
          <p:cNvSpPr>
            <a:spLocks/>
          </p:cNvSpPr>
          <p:nvPr/>
        </p:nvSpPr>
        <p:spPr bwMode="auto">
          <a:xfrm>
            <a:off x="5238750" y="3017838"/>
            <a:ext cx="17463" cy="36512"/>
          </a:xfrm>
          <a:custGeom>
            <a:avLst/>
            <a:gdLst>
              <a:gd name="T0" fmla="*/ 2147483647 w 14"/>
              <a:gd name="T1" fmla="*/ 0 h 28"/>
              <a:gd name="T2" fmla="*/ 2147483647 w 14"/>
              <a:gd name="T3" fmla="*/ 2147483647 h 28"/>
              <a:gd name="T4" fmla="*/ 2147483647 w 14"/>
              <a:gd name="T5" fmla="*/ 2147483647 h 28"/>
              <a:gd name="T6" fmla="*/ 2147483647 w 14"/>
              <a:gd name="T7" fmla="*/ 2147483647 h 28"/>
              <a:gd name="T8" fmla="*/ 2147483647 w 14"/>
              <a:gd name="T9" fmla="*/ 2147483647 h 28"/>
              <a:gd name="T10" fmla="*/ 2147483647 w 14"/>
              <a:gd name="T11" fmla="*/ 2147483647 h 28"/>
              <a:gd name="T12" fmla="*/ 0 w 14"/>
              <a:gd name="T13" fmla="*/ 2147483647 h 28"/>
              <a:gd name="T14" fmla="*/ 0 w 14"/>
              <a:gd name="T15" fmla="*/ 2147483647 h 28"/>
              <a:gd name="T16" fmla="*/ 2147483647 w 14"/>
              <a:gd name="T17" fmla="*/ 2147483647 h 28"/>
              <a:gd name="T18" fmla="*/ 2147483647 w 14"/>
              <a:gd name="T19" fmla="*/ 2147483647 h 28"/>
              <a:gd name="T20" fmla="*/ 2147483647 w 14"/>
              <a:gd name="T21" fmla="*/ 0 h 2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4" h="28">
                <a:moveTo>
                  <a:pt x="4" y="0"/>
                </a:moveTo>
                <a:lnTo>
                  <a:pt x="10" y="4"/>
                </a:lnTo>
                <a:lnTo>
                  <a:pt x="14" y="10"/>
                </a:lnTo>
                <a:lnTo>
                  <a:pt x="14" y="16"/>
                </a:lnTo>
                <a:lnTo>
                  <a:pt x="12" y="24"/>
                </a:lnTo>
                <a:lnTo>
                  <a:pt x="8" y="28"/>
                </a:lnTo>
                <a:lnTo>
                  <a:pt x="0" y="24"/>
                </a:lnTo>
                <a:lnTo>
                  <a:pt x="0" y="14"/>
                </a:lnTo>
                <a:lnTo>
                  <a:pt x="4" y="8"/>
                </a:lnTo>
                <a:lnTo>
                  <a:pt x="2" y="4"/>
                </a:lnTo>
                <a:lnTo>
                  <a:pt x="4" y="0"/>
                </a:lnTo>
                <a:close/>
              </a:path>
            </a:pathLst>
          </a:custGeom>
          <a:solidFill>
            <a:srgbClr val="FF921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8060" name="Group 85"/>
          <p:cNvGrpSpPr>
            <a:grpSpLocks/>
          </p:cNvGrpSpPr>
          <p:nvPr/>
        </p:nvGrpSpPr>
        <p:grpSpPr bwMode="auto">
          <a:xfrm>
            <a:off x="4495800" y="3435350"/>
            <a:ext cx="414338" cy="441325"/>
            <a:chOff x="1672" y="2924"/>
            <a:chExt cx="320" cy="340"/>
          </a:xfrm>
        </p:grpSpPr>
        <p:sp>
          <p:nvSpPr>
            <p:cNvPr id="128131" name="Freeform 86"/>
            <p:cNvSpPr>
              <a:spLocks/>
            </p:cNvSpPr>
            <p:nvPr/>
          </p:nvSpPr>
          <p:spPr bwMode="auto">
            <a:xfrm>
              <a:off x="1672" y="2924"/>
              <a:ext cx="320" cy="340"/>
            </a:xfrm>
            <a:custGeom>
              <a:avLst/>
              <a:gdLst>
                <a:gd name="T0" fmla="*/ 18 w 320"/>
                <a:gd name="T1" fmla="*/ 244 h 340"/>
                <a:gd name="T2" fmla="*/ 48 w 320"/>
                <a:gd name="T3" fmla="*/ 252 h 340"/>
                <a:gd name="T4" fmla="*/ 74 w 320"/>
                <a:gd name="T5" fmla="*/ 238 h 340"/>
                <a:gd name="T6" fmla="*/ 66 w 320"/>
                <a:gd name="T7" fmla="*/ 222 h 340"/>
                <a:gd name="T8" fmla="*/ 42 w 320"/>
                <a:gd name="T9" fmla="*/ 214 h 340"/>
                <a:gd name="T10" fmla="*/ 44 w 320"/>
                <a:gd name="T11" fmla="*/ 204 h 340"/>
                <a:gd name="T12" fmla="*/ 74 w 320"/>
                <a:gd name="T13" fmla="*/ 216 h 340"/>
                <a:gd name="T14" fmla="*/ 80 w 320"/>
                <a:gd name="T15" fmla="*/ 206 h 340"/>
                <a:gd name="T16" fmla="*/ 62 w 320"/>
                <a:gd name="T17" fmla="*/ 178 h 340"/>
                <a:gd name="T18" fmla="*/ 92 w 320"/>
                <a:gd name="T19" fmla="*/ 148 h 340"/>
                <a:gd name="T20" fmla="*/ 112 w 320"/>
                <a:gd name="T21" fmla="*/ 100 h 340"/>
                <a:gd name="T22" fmla="*/ 126 w 320"/>
                <a:gd name="T23" fmla="*/ 68 h 340"/>
                <a:gd name="T24" fmla="*/ 138 w 320"/>
                <a:gd name="T25" fmla="*/ 60 h 340"/>
                <a:gd name="T26" fmla="*/ 150 w 320"/>
                <a:gd name="T27" fmla="*/ 58 h 340"/>
                <a:gd name="T28" fmla="*/ 156 w 320"/>
                <a:gd name="T29" fmla="*/ 74 h 340"/>
                <a:gd name="T30" fmla="*/ 166 w 320"/>
                <a:gd name="T31" fmla="*/ 92 h 340"/>
                <a:gd name="T32" fmla="*/ 148 w 320"/>
                <a:gd name="T33" fmla="*/ 102 h 340"/>
                <a:gd name="T34" fmla="*/ 148 w 320"/>
                <a:gd name="T35" fmla="*/ 128 h 340"/>
                <a:gd name="T36" fmla="*/ 176 w 320"/>
                <a:gd name="T37" fmla="*/ 116 h 340"/>
                <a:gd name="T38" fmla="*/ 198 w 320"/>
                <a:gd name="T39" fmla="*/ 92 h 340"/>
                <a:gd name="T40" fmla="*/ 188 w 320"/>
                <a:gd name="T41" fmla="*/ 62 h 340"/>
                <a:gd name="T42" fmla="*/ 180 w 320"/>
                <a:gd name="T43" fmla="*/ 38 h 340"/>
                <a:gd name="T44" fmla="*/ 224 w 320"/>
                <a:gd name="T45" fmla="*/ 6 h 340"/>
                <a:gd name="T46" fmla="*/ 278 w 320"/>
                <a:gd name="T47" fmla="*/ 0 h 340"/>
                <a:gd name="T48" fmla="*/ 312 w 320"/>
                <a:gd name="T49" fmla="*/ 22 h 340"/>
                <a:gd name="T50" fmla="*/ 308 w 320"/>
                <a:gd name="T51" fmla="*/ 80 h 340"/>
                <a:gd name="T52" fmla="*/ 278 w 320"/>
                <a:gd name="T53" fmla="*/ 124 h 340"/>
                <a:gd name="T54" fmla="*/ 288 w 320"/>
                <a:gd name="T55" fmla="*/ 172 h 340"/>
                <a:gd name="T56" fmla="*/ 280 w 320"/>
                <a:gd name="T57" fmla="*/ 198 h 340"/>
                <a:gd name="T58" fmla="*/ 218 w 320"/>
                <a:gd name="T59" fmla="*/ 202 h 340"/>
                <a:gd name="T60" fmla="*/ 232 w 320"/>
                <a:gd name="T61" fmla="*/ 268 h 340"/>
                <a:gd name="T62" fmla="*/ 204 w 320"/>
                <a:gd name="T63" fmla="*/ 306 h 340"/>
                <a:gd name="T64" fmla="*/ 212 w 320"/>
                <a:gd name="T65" fmla="*/ 340 h 340"/>
                <a:gd name="T66" fmla="*/ 182 w 320"/>
                <a:gd name="T67" fmla="*/ 332 h 340"/>
                <a:gd name="T68" fmla="*/ 194 w 320"/>
                <a:gd name="T69" fmla="*/ 314 h 340"/>
                <a:gd name="T70" fmla="*/ 202 w 320"/>
                <a:gd name="T71" fmla="*/ 292 h 340"/>
                <a:gd name="T72" fmla="*/ 182 w 320"/>
                <a:gd name="T73" fmla="*/ 284 h 340"/>
                <a:gd name="T74" fmla="*/ 150 w 320"/>
                <a:gd name="T75" fmla="*/ 274 h 340"/>
                <a:gd name="T76" fmla="*/ 140 w 320"/>
                <a:gd name="T77" fmla="*/ 258 h 340"/>
                <a:gd name="T78" fmla="*/ 134 w 320"/>
                <a:gd name="T79" fmla="*/ 246 h 340"/>
                <a:gd name="T80" fmla="*/ 122 w 320"/>
                <a:gd name="T81" fmla="*/ 252 h 340"/>
                <a:gd name="T82" fmla="*/ 112 w 320"/>
                <a:gd name="T83" fmla="*/ 242 h 340"/>
                <a:gd name="T84" fmla="*/ 102 w 320"/>
                <a:gd name="T85" fmla="*/ 242 h 340"/>
                <a:gd name="T86" fmla="*/ 86 w 320"/>
                <a:gd name="T87" fmla="*/ 256 h 340"/>
                <a:gd name="T88" fmla="*/ 64 w 320"/>
                <a:gd name="T89" fmla="*/ 264 h 340"/>
                <a:gd name="T90" fmla="*/ 38 w 320"/>
                <a:gd name="T91" fmla="*/ 270 h 340"/>
                <a:gd name="T92" fmla="*/ 14 w 320"/>
                <a:gd name="T93" fmla="*/ 264 h 340"/>
                <a:gd name="T94" fmla="*/ 0 w 320"/>
                <a:gd name="T95" fmla="*/ 252 h 340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0" t="0" r="r" b="b"/>
              <a:pathLst>
                <a:path w="320" h="340">
                  <a:moveTo>
                    <a:pt x="0" y="252"/>
                  </a:moveTo>
                  <a:lnTo>
                    <a:pt x="8" y="246"/>
                  </a:lnTo>
                  <a:lnTo>
                    <a:pt x="18" y="244"/>
                  </a:lnTo>
                  <a:lnTo>
                    <a:pt x="24" y="250"/>
                  </a:lnTo>
                  <a:lnTo>
                    <a:pt x="36" y="252"/>
                  </a:lnTo>
                  <a:lnTo>
                    <a:pt x="48" y="252"/>
                  </a:lnTo>
                  <a:lnTo>
                    <a:pt x="64" y="254"/>
                  </a:lnTo>
                  <a:lnTo>
                    <a:pt x="72" y="244"/>
                  </a:lnTo>
                  <a:lnTo>
                    <a:pt x="74" y="238"/>
                  </a:lnTo>
                  <a:lnTo>
                    <a:pt x="66" y="232"/>
                  </a:lnTo>
                  <a:lnTo>
                    <a:pt x="62" y="226"/>
                  </a:lnTo>
                  <a:lnTo>
                    <a:pt x="66" y="222"/>
                  </a:lnTo>
                  <a:lnTo>
                    <a:pt x="56" y="220"/>
                  </a:lnTo>
                  <a:lnTo>
                    <a:pt x="48" y="218"/>
                  </a:lnTo>
                  <a:lnTo>
                    <a:pt x="42" y="214"/>
                  </a:lnTo>
                  <a:lnTo>
                    <a:pt x="32" y="214"/>
                  </a:lnTo>
                  <a:lnTo>
                    <a:pt x="34" y="204"/>
                  </a:lnTo>
                  <a:lnTo>
                    <a:pt x="44" y="204"/>
                  </a:lnTo>
                  <a:lnTo>
                    <a:pt x="56" y="208"/>
                  </a:lnTo>
                  <a:lnTo>
                    <a:pt x="66" y="212"/>
                  </a:lnTo>
                  <a:lnTo>
                    <a:pt x="74" y="216"/>
                  </a:lnTo>
                  <a:lnTo>
                    <a:pt x="86" y="214"/>
                  </a:lnTo>
                  <a:lnTo>
                    <a:pt x="92" y="210"/>
                  </a:lnTo>
                  <a:lnTo>
                    <a:pt x="80" y="206"/>
                  </a:lnTo>
                  <a:lnTo>
                    <a:pt x="70" y="198"/>
                  </a:lnTo>
                  <a:lnTo>
                    <a:pt x="62" y="192"/>
                  </a:lnTo>
                  <a:lnTo>
                    <a:pt x="62" y="178"/>
                  </a:lnTo>
                  <a:lnTo>
                    <a:pt x="70" y="174"/>
                  </a:lnTo>
                  <a:lnTo>
                    <a:pt x="78" y="162"/>
                  </a:lnTo>
                  <a:lnTo>
                    <a:pt x="92" y="148"/>
                  </a:lnTo>
                  <a:lnTo>
                    <a:pt x="104" y="126"/>
                  </a:lnTo>
                  <a:lnTo>
                    <a:pt x="110" y="114"/>
                  </a:lnTo>
                  <a:lnTo>
                    <a:pt x="112" y="100"/>
                  </a:lnTo>
                  <a:lnTo>
                    <a:pt x="120" y="90"/>
                  </a:lnTo>
                  <a:lnTo>
                    <a:pt x="118" y="78"/>
                  </a:lnTo>
                  <a:lnTo>
                    <a:pt x="126" y="68"/>
                  </a:lnTo>
                  <a:lnTo>
                    <a:pt x="126" y="58"/>
                  </a:lnTo>
                  <a:lnTo>
                    <a:pt x="134" y="56"/>
                  </a:lnTo>
                  <a:lnTo>
                    <a:pt x="138" y="60"/>
                  </a:lnTo>
                  <a:lnTo>
                    <a:pt x="142" y="62"/>
                  </a:lnTo>
                  <a:lnTo>
                    <a:pt x="146" y="62"/>
                  </a:lnTo>
                  <a:lnTo>
                    <a:pt x="150" y="58"/>
                  </a:lnTo>
                  <a:lnTo>
                    <a:pt x="154" y="56"/>
                  </a:lnTo>
                  <a:lnTo>
                    <a:pt x="154" y="64"/>
                  </a:lnTo>
                  <a:lnTo>
                    <a:pt x="156" y="74"/>
                  </a:lnTo>
                  <a:lnTo>
                    <a:pt x="164" y="82"/>
                  </a:lnTo>
                  <a:lnTo>
                    <a:pt x="170" y="88"/>
                  </a:lnTo>
                  <a:lnTo>
                    <a:pt x="166" y="92"/>
                  </a:lnTo>
                  <a:lnTo>
                    <a:pt x="160" y="100"/>
                  </a:lnTo>
                  <a:lnTo>
                    <a:pt x="152" y="100"/>
                  </a:lnTo>
                  <a:lnTo>
                    <a:pt x="148" y="102"/>
                  </a:lnTo>
                  <a:lnTo>
                    <a:pt x="150" y="110"/>
                  </a:lnTo>
                  <a:lnTo>
                    <a:pt x="150" y="116"/>
                  </a:lnTo>
                  <a:lnTo>
                    <a:pt x="148" y="128"/>
                  </a:lnTo>
                  <a:lnTo>
                    <a:pt x="154" y="130"/>
                  </a:lnTo>
                  <a:lnTo>
                    <a:pt x="162" y="122"/>
                  </a:lnTo>
                  <a:lnTo>
                    <a:pt x="176" y="116"/>
                  </a:lnTo>
                  <a:lnTo>
                    <a:pt x="184" y="106"/>
                  </a:lnTo>
                  <a:lnTo>
                    <a:pt x="192" y="102"/>
                  </a:lnTo>
                  <a:lnTo>
                    <a:pt x="198" y="92"/>
                  </a:lnTo>
                  <a:lnTo>
                    <a:pt x="196" y="80"/>
                  </a:lnTo>
                  <a:lnTo>
                    <a:pt x="196" y="72"/>
                  </a:lnTo>
                  <a:lnTo>
                    <a:pt x="188" y="62"/>
                  </a:lnTo>
                  <a:lnTo>
                    <a:pt x="180" y="52"/>
                  </a:lnTo>
                  <a:lnTo>
                    <a:pt x="166" y="44"/>
                  </a:lnTo>
                  <a:lnTo>
                    <a:pt x="180" y="38"/>
                  </a:lnTo>
                  <a:lnTo>
                    <a:pt x="184" y="22"/>
                  </a:lnTo>
                  <a:lnTo>
                    <a:pt x="198" y="14"/>
                  </a:lnTo>
                  <a:lnTo>
                    <a:pt x="224" y="6"/>
                  </a:lnTo>
                  <a:lnTo>
                    <a:pt x="242" y="2"/>
                  </a:lnTo>
                  <a:lnTo>
                    <a:pt x="260" y="2"/>
                  </a:lnTo>
                  <a:lnTo>
                    <a:pt x="278" y="0"/>
                  </a:lnTo>
                  <a:lnTo>
                    <a:pt x="292" y="0"/>
                  </a:lnTo>
                  <a:lnTo>
                    <a:pt x="298" y="12"/>
                  </a:lnTo>
                  <a:lnTo>
                    <a:pt x="312" y="22"/>
                  </a:lnTo>
                  <a:lnTo>
                    <a:pt x="320" y="28"/>
                  </a:lnTo>
                  <a:lnTo>
                    <a:pt x="320" y="64"/>
                  </a:lnTo>
                  <a:lnTo>
                    <a:pt x="308" y="80"/>
                  </a:lnTo>
                  <a:lnTo>
                    <a:pt x="306" y="102"/>
                  </a:lnTo>
                  <a:lnTo>
                    <a:pt x="284" y="102"/>
                  </a:lnTo>
                  <a:lnTo>
                    <a:pt x="278" y="124"/>
                  </a:lnTo>
                  <a:lnTo>
                    <a:pt x="304" y="134"/>
                  </a:lnTo>
                  <a:lnTo>
                    <a:pt x="300" y="154"/>
                  </a:lnTo>
                  <a:lnTo>
                    <a:pt x="288" y="172"/>
                  </a:lnTo>
                  <a:lnTo>
                    <a:pt x="276" y="176"/>
                  </a:lnTo>
                  <a:lnTo>
                    <a:pt x="286" y="190"/>
                  </a:lnTo>
                  <a:lnTo>
                    <a:pt x="280" y="198"/>
                  </a:lnTo>
                  <a:lnTo>
                    <a:pt x="262" y="200"/>
                  </a:lnTo>
                  <a:lnTo>
                    <a:pt x="230" y="198"/>
                  </a:lnTo>
                  <a:lnTo>
                    <a:pt x="218" y="202"/>
                  </a:lnTo>
                  <a:lnTo>
                    <a:pt x="222" y="230"/>
                  </a:lnTo>
                  <a:lnTo>
                    <a:pt x="232" y="242"/>
                  </a:lnTo>
                  <a:lnTo>
                    <a:pt x="232" y="268"/>
                  </a:lnTo>
                  <a:lnTo>
                    <a:pt x="220" y="282"/>
                  </a:lnTo>
                  <a:lnTo>
                    <a:pt x="224" y="294"/>
                  </a:lnTo>
                  <a:lnTo>
                    <a:pt x="204" y="306"/>
                  </a:lnTo>
                  <a:lnTo>
                    <a:pt x="208" y="314"/>
                  </a:lnTo>
                  <a:lnTo>
                    <a:pt x="216" y="324"/>
                  </a:lnTo>
                  <a:lnTo>
                    <a:pt x="212" y="340"/>
                  </a:lnTo>
                  <a:lnTo>
                    <a:pt x="200" y="340"/>
                  </a:lnTo>
                  <a:lnTo>
                    <a:pt x="188" y="340"/>
                  </a:lnTo>
                  <a:lnTo>
                    <a:pt x="182" y="332"/>
                  </a:lnTo>
                  <a:lnTo>
                    <a:pt x="182" y="326"/>
                  </a:lnTo>
                  <a:lnTo>
                    <a:pt x="190" y="320"/>
                  </a:lnTo>
                  <a:lnTo>
                    <a:pt x="194" y="314"/>
                  </a:lnTo>
                  <a:lnTo>
                    <a:pt x="194" y="302"/>
                  </a:lnTo>
                  <a:lnTo>
                    <a:pt x="202" y="300"/>
                  </a:lnTo>
                  <a:lnTo>
                    <a:pt x="202" y="292"/>
                  </a:lnTo>
                  <a:lnTo>
                    <a:pt x="200" y="288"/>
                  </a:lnTo>
                  <a:lnTo>
                    <a:pt x="194" y="286"/>
                  </a:lnTo>
                  <a:lnTo>
                    <a:pt x="182" y="284"/>
                  </a:lnTo>
                  <a:lnTo>
                    <a:pt x="178" y="276"/>
                  </a:lnTo>
                  <a:lnTo>
                    <a:pt x="162" y="278"/>
                  </a:lnTo>
                  <a:lnTo>
                    <a:pt x="150" y="274"/>
                  </a:lnTo>
                  <a:lnTo>
                    <a:pt x="150" y="268"/>
                  </a:lnTo>
                  <a:lnTo>
                    <a:pt x="144" y="266"/>
                  </a:lnTo>
                  <a:lnTo>
                    <a:pt x="140" y="258"/>
                  </a:lnTo>
                  <a:lnTo>
                    <a:pt x="142" y="250"/>
                  </a:lnTo>
                  <a:lnTo>
                    <a:pt x="140" y="246"/>
                  </a:lnTo>
                  <a:lnTo>
                    <a:pt x="134" y="246"/>
                  </a:lnTo>
                  <a:lnTo>
                    <a:pt x="132" y="254"/>
                  </a:lnTo>
                  <a:lnTo>
                    <a:pt x="126" y="256"/>
                  </a:lnTo>
                  <a:lnTo>
                    <a:pt x="122" y="252"/>
                  </a:lnTo>
                  <a:lnTo>
                    <a:pt x="122" y="246"/>
                  </a:lnTo>
                  <a:lnTo>
                    <a:pt x="118" y="242"/>
                  </a:lnTo>
                  <a:lnTo>
                    <a:pt x="112" y="242"/>
                  </a:lnTo>
                  <a:lnTo>
                    <a:pt x="110" y="248"/>
                  </a:lnTo>
                  <a:lnTo>
                    <a:pt x="102" y="248"/>
                  </a:lnTo>
                  <a:lnTo>
                    <a:pt x="102" y="242"/>
                  </a:lnTo>
                  <a:lnTo>
                    <a:pt x="94" y="244"/>
                  </a:lnTo>
                  <a:lnTo>
                    <a:pt x="88" y="244"/>
                  </a:lnTo>
                  <a:lnTo>
                    <a:pt x="86" y="256"/>
                  </a:lnTo>
                  <a:lnTo>
                    <a:pt x="74" y="256"/>
                  </a:lnTo>
                  <a:lnTo>
                    <a:pt x="68" y="264"/>
                  </a:lnTo>
                  <a:lnTo>
                    <a:pt x="64" y="264"/>
                  </a:lnTo>
                  <a:lnTo>
                    <a:pt x="56" y="272"/>
                  </a:lnTo>
                  <a:lnTo>
                    <a:pt x="46" y="274"/>
                  </a:lnTo>
                  <a:lnTo>
                    <a:pt x="38" y="270"/>
                  </a:lnTo>
                  <a:lnTo>
                    <a:pt x="34" y="264"/>
                  </a:lnTo>
                  <a:lnTo>
                    <a:pt x="20" y="260"/>
                  </a:lnTo>
                  <a:lnTo>
                    <a:pt x="14" y="264"/>
                  </a:lnTo>
                  <a:lnTo>
                    <a:pt x="6" y="266"/>
                  </a:lnTo>
                  <a:lnTo>
                    <a:pt x="0" y="260"/>
                  </a:lnTo>
                  <a:lnTo>
                    <a:pt x="0" y="252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32" name="Freeform 87"/>
            <p:cNvSpPr>
              <a:spLocks/>
            </p:cNvSpPr>
            <p:nvPr/>
          </p:nvSpPr>
          <p:spPr bwMode="auto">
            <a:xfrm>
              <a:off x="1682" y="3144"/>
              <a:ext cx="52" cy="28"/>
            </a:xfrm>
            <a:custGeom>
              <a:avLst/>
              <a:gdLst>
                <a:gd name="T0" fmla="*/ 12 w 52"/>
                <a:gd name="T1" fmla="*/ 2 h 28"/>
                <a:gd name="T2" fmla="*/ 22 w 52"/>
                <a:gd name="T3" fmla="*/ 0 h 28"/>
                <a:gd name="T4" fmla="*/ 32 w 52"/>
                <a:gd name="T5" fmla="*/ 2 h 28"/>
                <a:gd name="T6" fmla="*/ 32 w 52"/>
                <a:gd name="T7" fmla="*/ 4 h 28"/>
                <a:gd name="T8" fmla="*/ 34 w 52"/>
                <a:gd name="T9" fmla="*/ 6 h 28"/>
                <a:gd name="T10" fmla="*/ 38 w 52"/>
                <a:gd name="T11" fmla="*/ 10 h 28"/>
                <a:gd name="T12" fmla="*/ 42 w 52"/>
                <a:gd name="T13" fmla="*/ 12 h 28"/>
                <a:gd name="T14" fmla="*/ 48 w 52"/>
                <a:gd name="T15" fmla="*/ 16 h 28"/>
                <a:gd name="T16" fmla="*/ 52 w 52"/>
                <a:gd name="T17" fmla="*/ 22 h 28"/>
                <a:gd name="T18" fmla="*/ 44 w 52"/>
                <a:gd name="T19" fmla="*/ 28 h 28"/>
                <a:gd name="T20" fmla="*/ 32 w 52"/>
                <a:gd name="T21" fmla="*/ 28 h 28"/>
                <a:gd name="T22" fmla="*/ 22 w 52"/>
                <a:gd name="T23" fmla="*/ 26 h 28"/>
                <a:gd name="T24" fmla="*/ 20 w 52"/>
                <a:gd name="T25" fmla="*/ 22 h 28"/>
                <a:gd name="T26" fmla="*/ 14 w 52"/>
                <a:gd name="T27" fmla="*/ 22 h 28"/>
                <a:gd name="T28" fmla="*/ 6 w 52"/>
                <a:gd name="T29" fmla="*/ 20 h 28"/>
                <a:gd name="T30" fmla="*/ 2 w 52"/>
                <a:gd name="T31" fmla="*/ 16 h 28"/>
                <a:gd name="T32" fmla="*/ 0 w 52"/>
                <a:gd name="T33" fmla="*/ 10 h 28"/>
                <a:gd name="T34" fmla="*/ 4 w 52"/>
                <a:gd name="T35" fmla="*/ 6 h 28"/>
                <a:gd name="T36" fmla="*/ 12 w 52"/>
                <a:gd name="T37" fmla="*/ 2 h 28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</a:gdLst>
              <a:ahLst/>
              <a:cxnLst>
                <a:cxn ang="T38">
                  <a:pos x="T0" y="T1"/>
                </a:cxn>
                <a:cxn ang="T39">
                  <a:pos x="T2" y="T3"/>
                </a:cxn>
                <a:cxn ang="T40">
                  <a:pos x="T4" y="T5"/>
                </a:cxn>
                <a:cxn ang="T41">
                  <a:pos x="T6" y="T7"/>
                </a:cxn>
                <a:cxn ang="T42">
                  <a:pos x="T8" y="T9"/>
                </a:cxn>
                <a:cxn ang="T43">
                  <a:pos x="T10" y="T11"/>
                </a:cxn>
                <a:cxn ang="T44">
                  <a:pos x="T12" y="T13"/>
                </a:cxn>
                <a:cxn ang="T45">
                  <a:pos x="T14" y="T15"/>
                </a:cxn>
                <a:cxn ang="T46">
                  <a:pos x="T16" y="T17"/>
                </a:cxn>
                <a:cxn ang="T47">
                  <a:pos x="T18" y="T19"/>
                </a:cxn>
                <a:cxn ang="T48">
                  <a:pos x="T20" y="T21"/>
                </a:cxn>
                <a:cxn ang="T49">
                  <a:pos x="T22" y="T23"/>
                </a:cxn>
                <a:cxn ang="T50">
                  <a:pos x="T24" y="T25"/>
                </a:cxn>
                <a:cxn ang="T51">
                  <a:pos x="T26" y="T27"/>
                </a:cxn>
                <a:cxn ang="T52">
                  <a:pos x="T28" y="T29"/>
                </a:cxn>
                <a:cxn ang="T53">
                  <a:pos x="T30" y="T31"/>
                </a:cxn>
                <a:cxn ang="T54">
                  <a:pos x="T32" y="T33"/>
                </a:cxn>
                <a:cxn ang="T55">
                  <a:pos x="T34" y="T35"/>
                </a:cxn>
                <a:cxn ang="T56">
                  <a:pos x="T36" y="T37"/>
                </a:cxn>
              </a:cxnLst>
              <a:rect l="0" t="0" r="r" b="b"/>
              <a:pathLst>
                <a:path w="52" h="28">
                  <a:moveTo>
                    <a:pt x="12" y="2"/>
                  </a:moveTo>
                  <a:lnTo>
                    <a:pt x="22" y="0"/>
                  </a:lnTo>
                  <a:lnTo>
                    <a:pt x="32" y="2"/>
                  </a:lnTo>
                  <a:lnTo>
                    <a:pt x="32" y="4"/>
                  </a:lnTo>
                  <a:lnTo>
                    <a:pt x="34" y="6"/>
                  </a:lnTo>
                  <a:lnTo>
                    <a:pt x="38" y="10"/>
                  </a:lnTo>
                  <a:lnTo>
                    <a:pt x="42" y="12"/>
                  </a:lnTo>
                  <a:lnTo>
                    <a:pt x="48" y="16"/>
                  </a:lnTo>
                  <a:lnTo>
                    <a:pt x="52" y="22"/>
                  </a:lnTo>
                  <a:lnTo>
                    <a:pt x="44" y="28"/>
                  </a:lnTo>
                  <a:lnTo>
                    <a:pt x="32" y="28"/>
                  </a:lnTo>
                  <a:lnTo>
                    <a:pt x="22" y="26"/>
                  </a:lnTo>
                  <a:lnTo>
                    <a:pt x="20" y="22"/>
                  </a:lnTo>
                  <a:lnTo>
                    <a:pt x="14" y="22"/>
                  </a:lnTo>
                  <a:lnTo>
                    <a:pt x="6" y="20"/>
                  </a:lnTo>
                  <a:lnTo>
                    <a:pt x="2" y="16"/>
                  </a:lnTo>
                  <a:lnTo>
                    <a:pt x="0" y="10"/>
                  </a:lnTo>
                  <a:lnTo>
                    <a:pt x="4" y="6"/>
                  </a:lnTo>
                  <a:lnTo>
                    <a:pt x="12" y="2"/>
                  </a:lnTo>
                  <a:close/>
                </a:path>
              </a:pathLst>
            </a:custGeom>
            <a:solidFill>
              <a:srgbClr val="FFCC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8061" name="Freeform 88"/>
          <p:cNvSpPr>
            <a:spLocks/>
          </p:cNvSpPr>
          <p:nvPr/>
        </p:nvSpPr>
        <p:spPr bwMode="auto">
          <a:xfrm>
            <a:off x="4408488" y="3749675"/>
            <a:ext cx="398462" cy="333375"/>
          </a:xfrm>
          <a:custGeom>
            <a:avLst/>
            <a:gdLst>
              <a:gd name="T0" fmla="*/ 2147483647 w 308"/>
              <a:gd name="T1" fmla="*/ 2147483647 h 258"/>
              <a:gd name="T2" fmla="*/ 2147483647 w 308"/>
              <a:gd name="T3" fmla="*/ 2147483647 h 258"/>
              <a:gd name="T4" fmla="*/ 2147483647 w 308"/>
              <a:gd name="T5" fmla="*/ 2147483647 h 258"/>
              <a:gd name="T6" fmla="*/ 2147483647 w 308"/>
              <a:gd name="T7" fmla="*/ 2147483647 h 258"/>
              <a:gd name="T8" fmla="*/ 2147483647 w 308"/>
              <a:gd name="T9" fmla="*/ 2147483647 h 258"/>
              <a:gd name="T10" fmla="*/ 2147483647 w 308"/>
              <a:gd name="T11" fmla="*/ 2147483647 h 258"/>
              <a:gd name="T12" fmla="*/ 2147483647 w 308"/>
              <a:gd name="T13" fmla="*/ 2147483647 h 258"/>
              <a:gd name="T14" fmla="*/ 2147483647 w 308"/>
              <a:gd name="T15" fmla="*/ 2147483647 h 258"/>
              <a:gd name="T16" fmla="*/ 2147483647 w 308"/>
              <a:gd name="T17" fmla="*/ 2147483647 h 258"/>
              <a:gd name="T18" fmla="*/ 2147483647 w 308"/>
              <a:gd name="T19" fmla="*/ 2147483647 h 258"/>
              <a:gd name="T20" fmla="*/ 2147483647 w 308"/>
              <a:gd name="T21" fmla="*/ 0 h 258"/>
              <a:gd name="T22" fmla="*/ 2147483647 w 308"/>
              <a:gd name="T23" fmla="*/ 2147483647 h 258"/>
              <a:gd name="T24" fmla="*/ 2147483647 w 308"/>
              <a:gd name="T25" fmla="*/ 2147483647 h 258"/>
              <a:gd name="T26" fmla="*/ 2147483647 w 308"/>
              <a:gd name="T27" fmla="*/ 2147483647 h 258"/>
              <a:gd name="T28" fmla="*/ 2147483647 w 308"/>
              <a:gd name="T29" fmla="*/ 2147483647 h 258"/>
              <a:gd name="T30" fmla="*/ 2147483647 w 308"/>
              <a:gd name="T31" fmla="*/ 2147483647 h 258"/>
              <a:gd name="T32" fmla="*/ 2147483647 w 308"/>
              <a:gd name="T33" fmla="*/ 2147483647 h 258"/>
              <a:gd name="T34" fmla="*/ 2147483647 w 308"/>
              <a:gd name="T35" fmla="*/ 2147483647 h 258"/>
              <a:gd name="T36" fmla="*/ 2147483647 w 308"/>
              <a:gd name="T37" fmla="*/ 2147483647 h 258"/>
              <a:gd name="T38" fmla="*/ 2147483647 w 308"/>
              <a:gd name="T39" fmla="*/ 2147483647 h 258"/>
              <a:gd name="T40" fmla="*/ 2147483647 w 308"/>
              <a:gd name="T41" fmla="*/ 2147483647 h 258"/>
              <a:gd name="T42" fmla="*/ 2147483647 w 308"/>
              <a:gd name="T43" fmla="*/ 2147483647 h 258"/>
              <a:gd name="T44" fmla="*/ 2147483647 w 308"/>
              <a:gd name="T45" fmla="*/ 2147483647 h 258"/>
              <a:gd name="T46" fmla="*/ 2147483647 w 308"/>
              <a:gd name="T47" fmla="*/ 2147483647 h 258"/>
              <a:gd name="T48" fmla="*/ 2147483647 w 308"/>
              <a:gd name="T49" fmla="*/ 2147483647 h 258"/>
              <a:gd name="T50" fmla="*/ 2147483647 w 308"/>
              <a:gd name="T51" fmla="*/ 2147483647 h 258"/>
              <a:gd name="T52" fmla="*/ 2147483647 w 308"/>
              <a:gd name="T53" fmla="*/ 2147483647 h 258"/>
              <a:gd name="T54" fmla="*/ 2147483647 w 308"/>
              <a:gd name="T55" fmla="*/ 2147483647 h 258"/>
              <a:gd name="T56" fmla="*/ 2147483647 w 308"/>
              <a:gd name="T57" fmla="*/ 2147483647 h 258"/>
              <a:gd name="T58" fmla="*/ 2147483647 w 308"/>
              <a:gd name="T59" fmla="*/ 2147483647 h 258"/>
              <a:gd name="T60" fmla="*/ 2147483647 w 308"/>
              <a:gd name="T61" fmla="*/ 2147483647 h 258"/>
              <a:gd name="T62" fmla="*/ 2147483647 w 308"/>
              <a:gd name="T63" fmla="*/ 2147483647 h 258"/>
              <a:gd name="T64" fmla="*/ 2147483647 w 308"/>
              <a:gd name="T65" fmla="*/ 2147483647 h 258"/>
              <a:gd name="T66" fmla="*/ 2147483647 w 308"/>
              <a:gd name="T67" fmla="*/ 2147483647 h 258"/>
              <a:gd name="T68" fmla="*/ 2147483647 w 308"/>
              <a:gd name="T69" fmla="*/ 2147483647 h 258"/>
              <a:gd name="T70" fmla="*/ 2147483647 w 308"/>
              <a:gd name="T71" fmla="*/ 2147483647 h 258"/>
              <a:gd name="T72" fmla="*/ 2147483647 w 308"/>
              <a:gd name="T73" fmla="*/ 2147483647 h 258"/>
              <a:gd name="T74" fmla="*/ 2147483647 w 308"/>
              <a:gd name="T75" fmla="*/ 2147483647 h 258"/>
              <a:gd name="T76" fmla="*/ 2147483647 w 308"/>
              <a:gd name="T77" fmla="*/ 2147483647 h 258"/>
              <a:gd name="T78" fmla="*/ 2147483647 w 308"/>
              <a:gd name="T79" fmla="*/ 2147483647 h 258"/>
              <a:gd name="T80" fmla="*/ 2147483647 w 308"/>
              <a:gd name="T81" fmla="*/ 2147483647 h 258"/>
              <a:gd name="T82" fmla="*/ 2147483647 w 308"/>
              <a:gd name="T83" fmla="*/ 2147483647 h 258"/>
              <a:gd name="T84" fmla="*/ 2147483647 w 308"/>
              <a:gd name="T85" fmla="*/ 2147483647 h 258"/>
              <a:gd name="T86" fmla="*/ 2147483647 w 308"/>
              <a:gd name="T87" fmla="*/ 2147483647 h 258"/>
              <a:gd name="T88" fmla="*/ 2147483647 w 308"/>
              <a:gd name="T89" fmla="*/ 2147483647 h 258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0" t="0" r="r" b="b"/>
            <a:pathLst>
              <a:path w="308" h="258">
                <a:moveTo>
                  <a:pt x="2" y="38"/>
                </a:moveTo>
                <a:lnTo>
                  <a:pt x="18" y="32"/>
                </a:lnTo>
                <a:lnTo>
                  <a:pt x="36" y="22"/>
                </a:lnTo>
                <a:lnTo>
                  <a:pt x="52" y="10"/>
                </a:lnTo>
                <a:lnTo>
                  <a:pt x="68" y="10"/>
                </a:lnTo>
                <a:lnTo>
                  <a:pt x="68" y="18"/>
                </a:lnTo>
                <a:lnTo>
                  <a:pt x="74" y="24"/>
                </a:lnTo>
                <a:lnTo>
                  <a:pt x="82" y="22"/>
                </a:lnTo>
                <a:lnTo>
                  <a:pt x="88" y="18"/>
                </a:lnTo>
                <a:lnTo>
                  <a:pt x="102" y="22"/>
                </a:lnTo>
                <a:lnTo>
                  <a:pt x="106" y="28"/>
                </a:lnTo>
                <a:lnTo>
                  <a:pt x="114" y="32"/>
                </a:lnTo>
                <a:lnTo>
                  <a:pt x="124" y="30"/>
                </a:lnTo>
                <a:lnTo>
                  <a:pt x="132" y="22"/>
                </a:lnTo>
                <a:lnTo>
                  <a:pt x="136" y="22"/>
                </a:lnTo>
                <a:lnTo>
                  <a:pt x="142" y="14"/>
                </a:lnTo>
                <a:lnTo>
                  <a:pt x="154" y="14"/>
                </a:lnTo>
                <a:lnTo>
                  <a:pt x="156" y="2"/>
                </a:lnTo>
                <a:lnTo>
                  <a:pt x="170" y="0"/>
                </a:lnTo>
                <a:lnTo>
                  <a:pt x="170" y="6"/>
                </a:lnTo>
                <a:lnTo>
                  <a:pt x="178" y="6"/>
                </a:lnTo>
                <a:lnTo>
                  <a:pt x="180" y="0"/>
                </a:lnTo>
                <a:lnTo>
                  <a:pt x="186" y="0"/>
                </a:lnTo>
                <a:lnTo>
                  <a:pt x="190" y="4"/>
                </a:lnTo>
                <a:lnTo>
                  <a:pt x="190" y="10"/>
                </a:lnTo>
                <a:lnTo>
                  <a:pt x="194" y="14"/>
                </a:lnTo>
                <a:lnTo>
                  <a:pt x="200" y="12"/>
                </a:lnTo>
                <a:lnTo>
                  <a:pt x="202" y="4"/>
                </a:lnTo>
                <a:lnTo>
                  <a:pt x="208" y="4"/>
                </a:lnTo>
                <a:lnTo>
                  <a:pt x="210" y="8"/>
                </a:lnTo>
                <a:lnTo>
                  <a:pt x="208" y="16"/>
                </a:lnTo>
                <a:lnTo>
                  <a:pt x="212" y="24"/>
                </a:lnTo>
                <a:lnTo>
                  <a:pt x="218" y="26"/>
                </a:lnTo>
                <a:lnTo>
                  <a:pt x="218" y="32"/>
                </a:lnTo>
                <a:lnTo>
                  <a:pt x="230" y="36"/>
                </a:lnTo>
                <a:lnTo>
                  <a:pt x="246" y="34"/>
                </a:lnTo>
                <a:lnTo>
                  <a:pt x="250" y="42"/>
                </a:lnTo>
                <a:lnTo>
                  <a:pt x="262" y="44"/>
                </a:lnTo>
                <a:lnTo>
                  <a:pt x="268" y="46"/>
                </a:lnTo>
                <a:lnTo>
                  <a:pt x="270" y="50"/>
                </a:lnTo>
                <a:lnTo>
                  <a:pt x="270" y="58"/>
                </a:lnTo>
                <a:lnTo>
                  <a:pt x="262" y="60"/>
                </a:lnTo>
                <a:lnTo>
                  <a:pt x="262" y="72"/>
                </a:lnTo>
                <a:lnTo>
                  <a:pt x="258" y="78"/>
                </a:lnTo>
                <a:lnTo>
                  <a:pt x="250" y="84"/>
                </a:lnTo>
                <a:lnTo>
                  <a:pt x="250" y="90"/>
                </a:lnTo>
                <a:lnTo>
                  <a:pt x="256" y="98"/>
                </a:lnTo>
                <a:lnTo>
                  <a:pt x="280" y="98"/>
                </a:lnTo>
                <a:lnTo>
                  <a:pt x="296" y="118"/>
                </a:lnTo>
                <a:lnTo>
                  <a:pt x="292" y="132"/>
                </a:lnTo>
                <a:lnTo>
                  <a:pt x="308" y="138"/>
                </a:lnTo>
                <a:lnTo>
                  <a:pt x="306" y="160"/>
                </a:lnTo>
                <a:lnTo>
                  <a:pt x="286" y="178"/>
                </a:lnTo>
                <a:lnTo>
                  <a:pt x="268" y="176"/>
                </a:lnTo>
                <a:lnTo>
                  <a:pt x="254" y="200"/>
                </a:lnTo>
                <a:lnTo>
                  <a:pt x="252" y="216"/>
                </a:lnTo>
                <a:lnTo>
                  <a:pt x="254" y="228"/>
                </a:lnTo>
                <a:lnTo>
                  <a:pt x="262" y="240"/>
                </a:lnTo>
                <a:lnTo>
                  <a:pt x="258" y="248"/>
                </a:lnTo>
                <a:lnTo>
                  <a:pt x="256" y="258"/>
                </a:lnTo>
                <a:lnTo>
                  <a:pt x="226" y="256"/>
                </a:lnTo>
                <a:lnTo>
                  <a:pt x="218" y="240"/>
                </a:lnTo>
                <a:lnTo>
                  <a:pt x="190" y="218"/>
                </a:lnTo>
                <a:lnTo>
                  <a:pt x="176" y="216"/>
                </a:lnTo>
                <a:lnTo>
                  <a:pt x="174" y="190"/>
                </a:lnTo>
                <a:lnTo>
                  <a:pt x="182" y="180"/>
                </a:lnTo>
                <a:lnTo>
                  <a:pt x="176" y="170"/>
                </a:lnTo>
                <a:lnTo>
                  <a:pt x="166" y="178"/>
                </a:lnTo>
                <a:lnTo>
                  <a:pt x="166" y="186"/>
                </a:lnTo>
                <a:lnTo>
                  <a:pt x="160" y="194"/>
                </a:lnTo>
                <a:lnTo>
                  <a:pt x="148" y="198"/>
                </a:lnTo>
                <a:lnTo>
                  <a:pt x="124" y="194"/>
                </a:lnTo>
                <a:lnTo>
                  <a:pt x="122" y="184"/>
                </a:lnTo>
                <a:lnTo>
                  <a:pt x="128" y="176"/>
                </a:lnTo>
                <a:lnTo>
                  <a:pt x="120" y="164"/>
                </a:lnTo>
                <a:lnTo>
                  <a:pt x="126" y="154"/>
                </a:lnTo>
                <a:lnTo>
                  <a:pt x="114" y="142"/>
                </a:lnTo>
                <a:lnTo>
                  <a:pt x="88" y="142"/>
                </a:lnTo>
                <a:lnTo>
                  <a:pt x="86" y="128"/>
                </a:lnTo>
                <a:lnTo>
                  <a:pt x="74" y="116"/>
                </a:lnTo>
                <a:lnTo>
                  <a:pt x="54" y="116"/>
                </a:lnTo>
                <a:lnTo>
                  <a:pt x="54" y="102"/>
                </a:lnTo>
                <a:lnTo>
                  <a:pt x="46" y="82"/>
                </a:lnTo>
                <a:lnTo>
                  <a:pt x="32" y="80"/>
                </a:lnTo>
                <a:lnTo>
                  <a:pt x="16" y="68"/>
                </a:lnTo>
                <a:lnTo>
                  <a:pt x="10" y="62"/>
                </a:lnTo>
                <a:lnTo>
                  <a:pt x="4" y="54"/>
                </a:lnTo>
                <a:lnTo>
                  <a:pt x="4" y="48"/>
                </a:lnTo>
                <a:lnTo>
                  <a:pt x="0" y="42"/>
                </a:lnTo>
                <a:lnTo>
                  <a:pt x="2" y="38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62" name="Freeform 89"/>
          <p:cNvSpPr>
            <a:spLocks/>
          </p:cNvSpPr>
          <p:nvPr/>
        </p:nvSpPr>
        <p:spPr bwMode="auto">
          <a:xfrm>
            <a:off x="3548063" y="3798888"/>
            <a:ext cx="1450975" cy="1457325"/>
          </a:xfrm>
          <a:custGeom>
            <a:avLst/>
            <a:gdLst>
              <a:gd name="T0" fmla="*/ 2147483647 w 1120"/>
              <a:gd name="T1" fmla="*/ 2147483647 h 1126"/>
              <a:gd name="T2" fmla="*/ 2147483647 w 1120"/>
              <a:gd name="T3" fmla="*/ 2147483647 h 1126"/>
              <a:gd name="T4" fmla="*/ 2147483647 w 1120"/>
              <a:gd name="T5" fmla="*/ 2147483647 h 1126"/>
              <a:gd name="T6" fmla="*/ 2147483647 w 1120"/>
              <a:gd name="T7" fmla="*/ 2147483647 h 1126"/>
              <a:gd name="T8" fmla="*/ 2147483647 w 1120"/>
              <a:gd name="T9" fmla="*/ 2147483647 h 1126"/>
              <a:gd name="T10" fmla="*/ 2147483647 w 1120"/>
              <a:gd name="T11" fmla="*/ 2147483647 h 1126"/>
              <a:gd name="T12" fmla="*/ 2147483647 w 1120"/>
              <a:gd name="T13" fmla="*/ 2147483647 h 1126"/>
              <a:gd name="T14" fmla="*/ 2147483647 w 1120"/>
              <a:gd name="T15" fmla="*/ 2147483647 h 1126"/>
              <a:gd name="T16" fmla="*/ 2147483647 w 1120"/>
              <a:gd name="T17" fmla="*/ 2147483647 h 1126"/>
              <a:gd name="T18" fmla="*/ 2147483647 w 1120"/>
              <a:gd name="T19" fmla="*/ 2147483647 h 1126"/>
              <a:gd name="T20" fmla="*/ 2147483647 w 1120"/>
              <a:gd name="T21" fmla="*/ 2147483647 h 1126"/>
              <a:gd name="T22" fmla="*/ 2147483647 w 1120"/>
              <a:gd name="T23" fmla="*/ 2147483647 h 1126"/>
              <a:gd name="T24" fmla="*/ 2147483647 w 1120"/>
              <a:gd name="T25" fmla="*/ 2147483647 h 1126"/>
              <a:gd name="T26" fmla="*/ 2147483647 w 1120"/>
              <a:gd name="T27" fmla="*/ 2147483647 h 1126"/>
              <a:gd name="T28" fmla="*/ 2147483647 w 1120"/>
              <a:gd name="T29" fmla="*/ 2147483647 h 1126"/>
              <a:gd name="T30" fmla="*/ 2147483647 w 1120"/>
              <a:gd name="T31" fmla="*/ 2147483647 h 1126"/>
              <a:gd name="T32" fmla="*/ 2147483647 w 1120"/>
              <a:gd name="T33" fmla="*/ 2147483647 h 1126"/>
              <a:gd name="T34" fmla="*/ 2147483647 w 1120"/>
              <a:gd name="T35" fmla="*/ 2147483647 h 1126"/>
              <a:gd name="T36" fmla="*/ 2147483647 w 1120"/>
              <a:gd name="T37" fmla="*/ 2147483647 h 1126"/>
              <a:gd name="T38" fmla="*/ 2147483647 w 1120"/>
              <a:gd name="T39" fmla="*/ 2147483647 h 1126"/>
              <a:gd name="T40" fmla="*/ 2147483647 w 1120"/>
              <a:gd name="T41" fmla="*/ 2147483647 h 1126"/>
              <a:gd name="T42" fmla="*/ 2147483647 w 1120"/>
              <a:gd name="T43" fmla="*/ 2147483647 h 1126"/>
              <a:gd name="T44" fmla="*/ 2147483647 w 1120"/>
              <a:gd name="T45" fmla="*/ 2147483647 h 1126"/>
              <a:gd name="T46" fmla="*/ 2147483647 w 1120"/>
              <a:gd name="T47" fmla="*/ 2147483647 h 1126"/>
              <a:gd name="T48" fmla="*/ 2147483647 w 1120"/>
              <a:gd name="T49" fmla="*/ 2147483647 h 1126"/>
              <a:gd name="T50" fmla="*/ 2147483647 w 1120"/>
              <a:gd name="T51" fmla="*/ 2147483647 h 1126"/>
              <a:gd name="T52" fmla="*/ 2147483647 w 1120"/>
              <a:gd name="T53" fmla="*/ 2147483647 h 1126"/>
              <a:gd name="T54" fmla="*/ 2147483647 w 1120"/>
              <a:gd name="T55" fmla="*/ 2147483647 h 1126"/>
              <a:gd name="T56" fmla="*/ 0 w 1120"/>
              <a:gd name="T57" fmla="*/ 2147483647 h 1126"/>
              <a:gd name="T58" fmla="*/ 2147483647 w 1120"/>
              <a:gd name="T59" fmla="*/ 2147483647 h 1126"/>
              <a:gd name="T60" fmla="*/ 2147483647 w 1120"/>
              <a:gd name="T61" fmla="*/ 2147483647 h 1126"/>
              <a:gd name="T62" fmla="*/ 2147483647 w 1120"/>
              <a:gd name="T63" fmla="*/ 2147483647 h 1126"/>
              <a:gd name="T64" fmla="*/ 2147483647 w 1120"/>
              <a:gd name="T65" fmla="*/ 2147483647 h 1126"/>
              <a:gd name="T66" fmla="*/ 2147483647 w 1120"/>
              <a:gd name="T67" fmla="*/ 2147483647 h 1126"/>
              <a:gd name="T68" fmla="*/ 2147483647 w 1120"/>
              <a:gd name="T69" fmla="*/ 2147483647 h 1126"/>
              <a:gd name="T70" fmla="*/ 2147483647 w 1120"/>
              <a:gd name="T71" fmla="*/ 2147483647 h 1126"/>
              <a:gd name="T72" fmla="*/ 2147483647 w 1120"/>
              <a:gd name="T73" fmla="*/ 2147483647 h 1126"/>
              <a:gd name="T74" fmla="*/ 2147483647 w 1120"/>
              <a:gd name="T75" fmla="*/ 2147483647 h 1126"/>
              <a:gd name="T76" fmla="*/ 2147483647 w 1120"/>
              <a:gd name="T77" fmla="*/ 2147483647 h 1126"/>
              <a:gd name="T78" fmla="*/ 2147483647 w 1120"/>
              <a:gd name="T79" fmla="*/ 2147483647 h 1126"/>
              <a:gd name="T80" fmla="*/ 2147483647 w 1120"/>
              <a:gd name="T81" fmla="*/ 2147483647 h 1126"/>
              <a:gd name="T82" fmla="*/ 2147483647 w 1120"/>
              <a:gd name="T83" fmla="*/ 2147483647 h 1126"/>
              <a:gd name="T84" fmla="*/ 2147483647 w 1120"/>
              <a:gd name="T85" fmla="*/ 2147483647 h 1126"/>
              <a:gd name="T86" fmla="*/ 2147483647 w 1120"/>
              <a:gd name="T87" fmla="*/ 2147483647 h 1126"/>
              <a:gd name="T88" fmla="*/ 2147483647 w 1120"/>
              <a:gd name="T89" fmla="*/ 2147483647 h 1126"/>
              <a:gd name="T90" fmla="*/ 2147483647 w 1120"/>
              <a:gd name="T91" fmla="*/ 2147483647 h 1126"/>
              <a:gd name="T92" fmla="*/ 2147483647 w 1120"/>
              <a:gd name="T93" fmla="*/ 2147483647 h 1126"/>
              <a:gd name="T94" fmla="*/ 2147483647 w 1120"/>
              <a:gd name="T95" fmla="*/ 2147483647 h 1126"/>
              <a:gd name="T96" fmla="*/ 2147483647 w 1120"/>
              <a:gd name="T97" fmla="*/ 2147483647 h 1126"/>
              <a:gd name="T98" fmla="*/ 2147483647 w 1120"/>
              <a:gd name="T99" fmla="*/ 2147483647 h 1126"/>
              <a:gd name="T100" fmla="*/ 2147483647 w 1120"/>
              <a:gd name="T101" fmla="*/ 2147483647 h 1126"/>
              <a:gd name="T102" fmla="*/ 2147483647 w 1120"/>
              <a:gd name="T103" fmla="*/ 2147483647 h 1126"/>
              <a:gd name="T104" fmla="*/ 2147483647 w 1120"/>
              <a:gd name="T105" fmla="*/ 2147483647 h 1126"/>
              <a:gd name="T106" fmla="*/ 2147483647 w 1120"/>
              <a:gd name="T107" fmla="*/ 2147483647 h 1126"/>
              <a:gd name="T108" fmla="*/ 2147483647 w 1120"/>
              <a:gd name="T109" fmla="*/ 2147483647 h 1126"/>
              <a:gd name="T110" fmla="*/ 2147483647 w 1120"/>
              <a:gd name="T111" fmla="*/ 2147483647 h 1126"/>
              <a:gd name="T112" fmla="*/ 2147483647 w 1120"/>
              <a:gd name="T113" fmla="*/ 2147483647 h 1126"/>
              <a:gd name="T114" fmla="*/ 2147483647 w 1120"/>
              <a:gd name="T115" fmla="*/ 2147483647 h 1126"/>
              <a:gd name="T116" fmla="*/ 2147483647 w 1120"/>
              <a:gd name="T117" fmla="*/ 2147483647 h 112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120" h="1126">
                <a:moveTo>
                  <a:pt x="1022" y="984"/>
                </a:moveTo>
                <a:lnTo>
                  <a:pt x="1008" y="984"/>
                </a:lnTo>
                <a:lnTo>
                  <a:pt x="1000" y="996"/>
                </a:lnTo>
                <a:lnTo>
                  <a:pt x="988" y="998"/>
                </a:lnTo>
                <a:lnTo>
                  <a:pt x="976" y="1016"/>
                </a:lnTo>
                <a:lnTo>
                  <a:pt x="962" y="1016"/>
                </a:lnTo>
                <a:lnTo>
                  <a:pt x="954" y="1028"/>
                </a:lnTo>
                <a:lnTo>
                  <a:pt x="950" y="1044"/>
                </a:lnTo>
                <a:lnTo>
                  <a:pt x="938" y="1046"/>
                </a:lnTo>
                <a:lnTo>
                  <a:pt x="926" y="1048"/>
                </a:lnTo>
                <a:lnTo>
                  <a:pt x="926" y="1052"/>
                </a:lnTo>
                <a:lnTo>
                  <a:pt x="908" y="1052"/>
                </a:lnTo>
                <a:lnTo>
                  <a:pt x="900" y="1056"/>
                </a:lnTo>
                <a:lnTo>
                  <a:pt x="892" y="1050"/>
                </a:lnTo>
                <a:lnTo>
                  <a:pt x="882" y="1054"/>
                </a:lnTo>
                <a:lnTo>
                  <a:pt x="870" y="1054"/>
                </a:lnTo>
                <a:lnTo>
                  <a:pt x="864" y="1044"/>
                </a:lnTo>
                <a:lnTo>
                  <a:pt x="848" y="1036"/>
                </a:lnTo>
                <a:lnTo>
                  <a:pt x="830" y="1036"/>
                </a:lnTo>
                <a:lnTo>
                  <a:pt x="828" y="1018"/>
                </a:lnTo>
                <a:lnTo>
                  <a:pt x="822" y="1016"/>
                </a:lnTo>
                <a:lnTo>
                  <a:pt x="806" y="1016"/>
                </a:lnTo>
                <a:lnTo>
                  <a:pt x="800" y="1010"/>
                </a:lnTo>
                <a:lnTo>
                  <a:pt x="808" y="1008"/>
                </a:lnTo>
                <a:lnTo>
                  <a:pt x="812" y="1004"/>
                </a:lnTo>
                <a:lnTo>
                  <a:pt x="814" y="1002"/>
                </a:lnTo>
                <a:lnTo>
                  <a:pt x="812" y="994"/>
                </a:lnTo>
                <a:lnTo>
                  <a:pt x="802" y="992"/>
                </a:lnTo>
                <a:lnTo>
                  <a:pt x="802" y="1004"/>
                </a:lnTo>
                <a:lnTo>
                  <a:pt x="790" y="1006"/>
                </a:lnTo>
                <a:lnTo>
                  <a:pt x="784" y="1010"/>
                </a:lnTo>
                <a:lnTo>
                  <a:pt x="770" y="1004"/>
                </a:lnTo>
                <a:lnTo>
                  <a:pt x="766" y="1012"/>
                </a:lnTo>
                <a:lnTo>
                  <a:pt x="756" y="1008"/>
                </a:lnTo>
                <a:lnTo>
                  <a:pt x="754" y="1000"/>
                </a:lnTo>
                <a:lnTo>
                  <a:pt x="742" y="1000"/>
                </a:lnTo>
                <a:lnTo>
                  <a:pt x="728" y="990"/>
                </a:lnTo>
                <a:lnTo>
                  <a:pt x="722" y="994"/>
                </a:lnTo>
                <a:lnTo>
                  <a:pt x="714" y="984"/>
                </a:lnTo>
                <a:lnTo>
                  <a:pt x="704" y="982"/>
                </a:lnTo>
                <a:lnTo>
                  <a:pt x="688" y="990"/>
                </a:lnTo>
                <a:lnTo>
                  <a:pt x="678" y="998"/>
                </a:lnTo>
                <a:lnTo>
                  <a:pt x="658" y="1010"/>
                </a:lnTo>
                <a:lnTo>
                  <a:pt x="654" y="1014"/>
                </a:lnTo>
                <a:lnTo>
                  <a:pt x="640" y="1014"/>
                </a:lnTo>
                <a:lnTo>
                  <a:pt x="622" y="1026"/>
                </a:lnTo>
                <a:lnTo>
                  <a:pt x="610" y="1036"/>
                </a:lnTo>
                <a:lnTo>
                  <a:pt x="606" y="1054"/>
                </a:lnTo>
                <a:lnTo>
                  <a:pt x="604" y="1068"/>
                </a:lnTo>
                <a:lnTo>
                  <a:pt x="604" y="1100"/>
                </a:lnTo>
                <a:lnTo>
                  <a:pt x="608" y="1106"/>
                </a:lnTo>
                <a:lnTo>
                  <a:pt x="610" y="1112"/>
                </a:lnTo>
                <a:lnTo>
                  <a:pt x="610" y="1120"/>
                </a:lnTo>
                <a:lnTo>
                  <a:pt x="596" y="1114"/>
                </a:lnTo>
                <a:lnTo>
                  <a:pt x="582" y="1112"/>
                </a:lnTo>
                <a:lnTo>
                  <a:pt x="576" y="1114"/>
                </a:lnTo>
                <a:lnTo>
                  <a:pt x="564" y="1116"/>
                </a:lnTo>
                <a:lnTo>
                  <a:pt x="562" y="1124"/>
                </a:lnTo>
                <a:lnTo>
                  <a:pt x="544" y="1126"/>
                </a:lnTo>
                <a:lnTo>
                  <a:pt x="534" y="1114"/>
                </a:lnTo>
                <a:lnTo>
                  <a:pt x="524" y="1112"/>
                </a:lnTo>
                <a:lnTo>
                  <a:pt x="514" y="1112"/>
                </a:lnTo>
                <a:lnTo>
                  <a:pt x="502" y="1120"/>
                </a:lnTo>
                <a:lnTo>
                  <a:pt x="494" y="1112"/>
                </a:lnTo>
                <a:lnTo>
                  <a:pt x="492" y="1106"/>
                </a:lnTo>
                <a:lnTo>
                  <a:pt x="478" y="1096"/>
                </a:lnTo>
                <a:lnTo>
                  <a:pt x="468" y="1096"/>
                </a:lnTo>
                <a:lnTo>
                  <a:pt x="466" y="1098"/>
                </a:lnTo>
                <a:lnTo>
                  <a:pt x="468" y="1092"/>
                </a:lnTo>
                <a:lnTo>
                  <a:pt x="466" y="1086"/>
                </a:lnTo>
                <a:lnTo>
                  <a:pt x="464" y="1082"/>
                </a:lnTo>
                <a:lnTo>
                  <a:pt x="458" y="1082"/>
                </a:lnTo>
                <a:lnTo>
                  <a:pt x="450" y="1084"/>
                </a:lnTo>
                <a:lnTo>
                  <a:pt x="448" y="1088"/>
                </a:lnTo>
                <a:lnTo>
                  <a:pt x="444" y="1072"/>
                </a:lnTo>
                <a:lnTo>
                  <a:pt x="438" y="1064"/>
                </a:lnTo>
                <a:lnTo>
                  <a:pt x="424" y="1062"/>
                </a:lnTo>
                <a:lnTo>
                  <a:pt x="416" y="1056"/>
                </a:lnTo>
                <a:lnTo>
                  <a:pt x="396" y="1046"/>
                </a:lnTo>
                <a:lnTo>
                  <a:pt x="378" y="1040"/>
                </a:lnTo>
                <a:lnTo>
                  <a:pt x="372" y="1046"/>
                </a:lnTo>
                <a:lnTo>
                  <a:pt x="374" y="1060"/>
                </a:lnTo>
                <a:lnTo>
                  <a:pt x="348" y="1060"/>
                </a:lnTo>
                <a:lnTo>
                  <a:pt x="348" y="1056"/>
                </a:lnTo>
                <a:lnTo>
                  <a:pt x="304" y="1050"/>
                </a:lnTo>
                <a:lnTo>
                  <a:pt x="286" y="1030"/>
                </a:lnTo>
                <a:lnTo>
                  <a:pt x="278" y="1032"/>
                </a:lnTo>
                <a:lnTo>
                  <a:pt x="258" y="1032"/>
                </a:lnTo>
                <a:lnTo>
                  <a:pt x="246" y="1016"/>
                </a:lnTo>
                <a:lnTo>
                  <a:pt x="244" y="1008"/>
                </a:lnTo>
                <a:lnTo>
                  <a:pt x="234" y="1008"/>
                </a:lnTo>
                <a:lnTo>
                  <a:pt x="224" y="1004"/>
                </a:lnTo>
                <a:lnTo>
                  <a:pt x="200" y="988"/>
                </a:lnTo>
                <a:lnTo>
                  <a:pt x="196" y="980"/>
                </a:lnTo>
                <a:lnTo>
                  <a:pt x="188" y="986"/>
                </a:lnTo>
                <a:lnTo>
                  <a:pt x="176" y="986"/>
                </a:lnTo>
                <a:lnTo>
                  <a:pt x="178" y="976"/>
                </a:lnTo>
                <a:lnTo>
                  <a:pt x="188" y="964"/>
                </a:lnTo>
                <a:lnTo>
                  <a:pt x="184" y="956"/>
                </a:lnTo>
                <a:lnTo>
                  <a:pt x="174" y="956"/>
                </a:lnTo>
                <a:lnTo>
                  <a:pt x="168" y="954"/>
                </a:lnTo>
                <a:lnTo>
                  <a:pt x="152" y="940"/>
                </a:lnTo>
                <a:lnTo>
                  <a:pt x="168" y="938"/>
                </a:lnTo>
                <a:lnTo>
                  <a:pt x="182" y="918"/>
                </a:lnTo>
                <a:lnTo>
                  <a:pt x="190" y="904"/>
                </a:lnTo>
                <a:lnTo>
                  <a:pt x="196" y="890"/>
                </a:lnTo>
                <a:lnTo>
                  <a:pt x="208" y="862"/>
                </a:lnTo>
                <a:lnTo>
                  <a:pt x="220" y="832"/>
                </a:lnTo>
                <a:lnTo>
                  <a:pt x="226" y="804"/>
                </a:lnTo>
                <a:lnTo>
                  <a:pt x="228" y="794"/>
                </a:lnTo>
                <a:lnTo>
                  <a:pt x="234" y="780"/>
                </a:lnTo>
                <a:lnTo>
                  <a:pt x="242" y="782"/>
                </a:lnTo>
                <a:lnTo>
                  <a:pt x="246" y="778"/>
                </a:lnTo>
                <a:lnTo>
                  <a:pt x="246" y="772"/>
                </a:lnTo>
                <a:lnTo>
                  <a:pt x="236" y="772"/>
                </a:lnTo>
                <a:lnTo>
                  <a:pt x="234" y="764"/>
                </a:lnTo>
                <a:lnTo>
                  <a:pt x="240" y="734"/>
                </a:lnTo>
                <a:lnTo>
                  <a:pt x="250" y="698"/>
                </a:lnTo>
                <a:lnTo>
                  <a:pt x="254" y="688"/>
                </a:lnTo>
                <a:lnTo>
                  <a:pt x="254" y="678"/>
                </a:lnTo>
                <a:lnTo>
                  <a:pt x="258" y="672"/>
                </a:lnTo>
                <a:lnTo>
                  <a:pt x="264" y="670"/>
                </a:lnTo>
                <a:lnTo>
                  <a:pt x="266" y="676"/>
                </a:lnTo>
                <a:lnTo>
                  <a:pt x="272" y="684"/>
                </a:lnTo>
                <a:lnTo>
                  <a:pt x="280" y="692"/>
                </a:lnTo>
                <a:lnTo>
                  <a:pt x="286" y="702"/>
                </a:lnTo>
                <a:lnTo>
                  <a:pt x="290" y="704"/>
                </a:lnTo>
                <a:lnTo>
                  <a:pt x="292" y="696"/>
                </a:lnTo>
                <a:lnTo>
                  <a:pt x="286" y="682"/>
                </a:lnTo>
                <a:lnTo>
                  <a:pt x="276" y="670"/>
                </a:lnTo>
                <a:lnTo>
                  <a:pt x="266" y="660"/>
                </a:lnTo>
                <a:lnTo>
                  <a:pt x="260" y="652"/>
                </a:lnTo>
                <a:lnTo>
                  <a:pt x="252" y="648"/>
                </a:lnTo>
                <a:lnTo>
                  <a:pt x="252" y="640"/>
                </a:lnTo>
                <a:lnTo>
                  <a:pt x="256" y="636"/>
                </a:lnTo>
                <a:lnTo>
                  <a:pt x="256" y="628"/>
                </a:lnTo>
                <a:lnTo>
                  <a:pt x="248" y="620"/>
                </a:lnTo>
                <a:lnTo>
                  <a:pt x="242" y="612"/>
                </a:lnTo>
                <a:lnTo>
                  <a:pt x="246" y="608"/>
                </a:lnTo>
                <a:lnTo>
                  <a:pt x="252" y="606"/>
                </a:lnTo>
                <a:lnTo>
                  <a:pt x="256" y="612"/>
                </a:lnTo>
                <a:lnTo>
                  <a:pt x="258" y="620"/>
                </a:lnTo>
                <a:lnTo>
                  <a:pt x="260" y="624"/>
                </a:lnTo>
                <a:lnTo>
                  <a:pt x="268" y="626"/>
                </a:lnTo>
                <a:lnTo>
                  <a:pt x="272" y="618"/>
                </a:lnTo>
                <a:lnTo>
                  <a:pt x="272" y="606"/>
                </a:lnTo>
                <a:lnTo>
                  <a:pt x="270" y="594"/>
                </a:lnTo>
                <a:lnTo>
                  <a:pt x="264" y="586"/>
                </a:lnTo>
                <a:lnTo>
                  <a:pt x="268" y="580"/>
                </a:lnTo>
                <a:lnTo>
                  <a:pt x="274" y="576"/>
                </a:lnTo>
                <a:lnTo>
                  <a:pt x="274" y="572"/>
                </a:lnTo>
                <a:lnTo>
                  <a:pt x="268" y="572"/>
                </a:lnTo>
                <a:lnTo>
                  <a:pt x="264" y="576"/>
                </a:lnTo>
                <a:lnTo>
                  <a:pt x="260" y="568"/>
                </a:lnTo>
                <a:lnTo>
                  <a:pt x="244" y="558"/>
                </a:lnTo>
                <a:lnTo>
                  <a:pt x="240" y="552"/>
                </a:lnTo>
                <a:lnTo>
                  <a:pt x="230" y="546"/>
                </a:lnTo>
                <a:lnTo>
                  <a:pt x="218" y="534"/>
                </a:lnTo>
                <a:lnTo>
                  <a:pt x="214" y="516"/>
                </a:lnTo>
                <a:lnTo>
                  <a:pt x="206" y="504"/>
                </a:lnTo>
                <a:lnTo>
                  <a:pt x="196" y="494"/>
                </a:lnTo>
                <a:lnTo>
                  <a:pt x="196" y="484"/>
                </a:lnTo>
                <a:lnTo>
                  <a:pt x="196" y="478"/>
                </a:lnTo>
                <a:lnTo>
                  <a:pt x="190" y="472"/>
                </a:lnTo>
                <a:lnTo>
                  <a:pt x="192" y="468"/>
                </a:lnTo>
                <a:lnTo>
                  <a:pt x="198" y="476"/>
                </a:lnTo>
                <a:lnTo>
                  <a:pt x="204" y="478"/>
                </a:lnTo>
                <a:lnTo>
                  <a:pt x="210" y="470"/>
                </a:lnTo>
                <a:lnTo>
                  <a:pt x="212" y="466"/>
                </a:lnTo>
                <a:lnTo>
                  <a:pt x="206" y="458"/>
                </a:lnTo>
                <a:lnTo>
                  <a:pt x="200" y="456"/>
                </a:lnTo>
                <a:lnTo>
                  <a:pt x="194" y="448"/>
                </a:lnTo>
                <a:lnTo>
                  <a:pt x="200" y="442"/>
                </a:lnTo>
                <a:lnTo>
                  <a:pt x="200" y="434"/>
                </a:lnTo>
                <a:lnTo>
                  <a:pt x="194" y="434"/>
                </a:lnTo>
                <a:lnTo>
                  <a:pt x="190" y="436"/>
                </a:lnTo>
                <a:lnTo>
                  <a:pt x="182" y="432"/>
                </a:lnTo>
                <a:lnTo>
                  <a:pt x="174" y="424"/>
                </a:lnTo>
                <a:lnTo>
                  <a:pt x="170" y="416"/>
                </a:lnTo>
                <a:lnTo>
                  <a:pt x="178" y="408"/>
                </a:lnTo>
                <a:lnTo>
                  <a:pt x="178" y="400"/>
                </a:lnTo>
                <a:lnTo>
                  <a:pt x="170" y="396"/>
                </a:lnTo>
                <a:lnTo>
                  <a:pt x="158" y="396"/>
                </a:lnTo>
                <a:lnTo>
                  <a:pt x="150" y="394"/>
                </a:lnTo>
                <a:lnTo>
                  <a:pt x="142" y="382"/>
                </a:lnTo>
                <a:lnTo>
                  <a:pt x="132" y="382"/>
                </a:lnTo>
                <a:lnTo>
                  <a:pt x="126" y="382"/>
                </a:lnTo>
                <a:lnTo>
                  <a:pt x="116" y="366"/>
                </a:lnTo>
                <a:lnTo>
                  <a:pt x="106" y="358"/>
                </a:lnTo>
                <a:lnTo>
                  <a:pt x="92" y="350"/>
                </a:lnTo>
                <a:lnTo>
                  <a:pt x="78" y="344"/>
                </a:lnTo>
                <a:lnTo>
                  <a:pt x="68" y="342"/>
                </a:lnTo>
                <a:lnTo>
                  <a:pt x="64" y="330"/>
                </a:lnTo>
                <a:lnTo>
                  <a:pt x="50" y="328"/>
                </a:lnTo>
                <a:lnTo>
                  <a:pt x="42" y="328"/>
                </a:lnTo>
                <a:lnTo>
                  <a:pt x="40" y="334"/>
                </a:lnTo>
                <a:lnTo>
                  <a:pt x="32" y="336"/>
                </a:lnTo>
                <a:lnTo>
                  <a:pt x="24" y="332"/>
                </a:lnTo>
                <a:lnTo>
                  <a:pt x="24" y="320"/>
                </a:lnTo>
                <a:lnTo>
                  <a:pt x="20" y="308"/>
                </a:lnTo>
                <a:lnTo>
                  <a:pt x="16" y="302"/>
                </a:lnTo>
                <a:lnTo>
                  <a:pt x="4" y="302"/>
                </a:lnTo>
                <a:lnTo>
                  <a:pt x="0" y="298"/>
                </a:lnTo>
                <a:lnTo>
                  <a:pt x="4" y="292"/>
                </a:lnTo>
                <a:lnTo>
                  <a:pt x="22" y="292"/>
                </a:lnTo>
                <a:lnTo>
                  <a:pt x="30" y="296"/>
                </a:lnTo>
                <a:lnTo>
                  <a:pt x="38" y="296"/>
                </a:lnTo>
                <a:lnTo>
                  <a:pt x="38" y="286"/>
                </a:lnTo>
                <a:lnTo>
                  <a:pt x="32" y="280"/>
                </a:lnTo>
                <a:lnTo>
                  <a:pt x="26" y="276"/>
                </a:lnTo>
                <a:lnTo>
                  <a:pt x="22" y="274"/>
                </a:lnTo>
                <a:lnTo>
                  <a:pt x="26" y="268"/>
                </a:lnTo>
                <a:lnTo>
                  <a:pt x="30" y="266"/>
                </a:lnTo>
                <a:lnTo>
                  <a:pt x="28" y="262"/>
                </a:lnTo>
                <a:lnTo>
                  <a:pt x="24" y="262"/>
                </a:lnTo>
                <a:lnTo>
                  <a:pt x="14" y="266"/>
                </a:lnTo>
                <a:lnTo>
                  <a:pt x="6" y="258"/>
                </a:lnTo>
                <a:lnTo>
                  <a:pt x="6" y="248"/>
                </a:lnTo>
                <a:lnTo>
                  <a:pt x="12" y="234"/>
                </a:lnTo>
                <a:lnTo>
                  <a:pt x="32" y="224"/>
                </a:lnTo>
                <a:lnTo>
                  <a:pt x="60" y="226"/>
                </a:lnTo>
                <a:lnTo>
                  <a:pt x="78" y="222"/>
                </a:lnTo>
                <a:lnTo>
                  <a:pt x="86" y="228"/>
                </a:lnTo>
                <a:lnTo>
                  <a:pt x="94" y="226"/>
                </a:lnTo>
                <a:lnTo>
                  <a:pt x="104" y="230"/>
                </a:lnTo>
                <a:lnTo>
                  <a:pt x="110" y="232"/>
                </a:lnTo>
                <a:lnTo>
                  <a:pt x="112" y="226"/>
                </a:lnTo>
                <a:lnTo>
                  <a:pt x="116" y="218"/>
                </a:lnTo>
                <a:lnTo>
                  <a:pt x="126" y="218"/>
                </a:lnTo>
                <a:lnTo>
                  <a:pt x="138" y="218"/>
                </a:lnTo>
                <a:lnTo>
                  <a:pt x="144" y="222"/>
                </a:lnTo>
                <a:lnTo>
                  <a:pt x="154" y="220"/>
                </a:lnTo>
                <a:lnTo>
                  <a:pt x="160" y="228"/>
                </a:lnTo>
                <a:lnTo>
                  <a:pt x="170" y="244"/>
                </a:lnTo>
                <a:lnTo>
                  <a:pt x="174" y="254"/>
                </a:lnTo>
                <a:lnTo>
                  <a:pt x="178" y="262"/>
                </a:lnTo>
                <a:lnTo>
                  <a:pt x="188" y="268"/>
                </a:lnTo>
                <a:lnTo>
                  <a:pt x="198" y="260"/>
                </a:lnTo>
                <a:lnTo>
                  <a:pt x="204" y="254"/>
                </a:lnTo>
                <a:lnTo>
                  <a:pt x="216" y="254"/>
                </a:lnTo>
                <a:lnTo>
                  <a:pt x="220" y="252"/>
                </a:lnTo>
                <a:lnTo>
                  <a:pt x="222" y="258"/>
                </a:lnTo>
                <a:lnTo>
                  <a:pt x="238" y="264"/>
                </a:lnTo>
                <a:lnTo>
                  <a:pt x="246" y="260"/>
                </a:lnTo>
                <a:lnTo>
                  <a:pt x="258" y="256"/>
                </a:lnTo>
                <a:lnTo>
                  <a:pt x="258" y="264"/>
                </a:lnTo>
                <a:lnTo>
                  <a:pt x="264" y="268"/>
                </a:lnTo>
                <a:lnTo>
                  <a:pt x="272" y="270"/>
                </a:lnTo>
                <a:lnTo>
                  <a:pt x="290" y="272"/>
                </a:lnTo>
                <a:lnTo>
                  <a:pt x="292" y="264"/>
                </a:lnTo>
                <a:lnTo>
                  <a:pt x="286" y="254"/>
                </a:lnTo>
                <a:lnTo>
                  <a:pt x="284" y="234"/>
                </a:lnTo>
                <a:lnTo>
                  <a:pt x="290" y="212"/>
                </a:lnTo>
                <a:lnTo>
                  <a:pt x="288" y="188"/>
                </a:lnTo>
                <a:lnTo>
                  <a:pt x="286" y="178"/>
                </a:lnTo>
                <a:lnTo>
                  <a:pt x="276" y="170"/>
                </a:lnTo>
                <a:lnTo>
                  <a:pt x="276" y="154"/>
                </a:lnTo>
                <a:lnTo>
                  <a:pt x="276" y="138"/>
                </a:lnTo>
                <a:lnTo>
                  <a:pt x="274" y="126"/>
                </a:lnTo>
                <a:lnTo>
                  <a:pt x="286" y="130"/>
                </a:lnTo>
                <a:lnTo>
                  <a:pt x="294" y="138"/>
                </a:lnTo>
                <a:lnTo>
                  <a:pt x="304" y="140"/>
                </a:lnTo>
                <a:lnTo>
                  <a:pt x="312" y="134"/>
                </a:lnTo>
                <a:lnTo>
                  <a:pt x="320" y="134"/>
                </a:lnTo>
                <a:lnTo>
                  <a:pt x="326" y="138"/>
                </a:lnTo>
                <a:lnTo>
                  <a:pt x="332" y="146"/>
                </a:lnTo>
                <a:lnTo>
                  <a:pt x="328" y="152"/>
                </a:lnTo>
                <a:lnTo>
                  <a:pt x="322" y="154"/>
                </a:lnTo>
                <a:lnTo>
                  <a:pt x="322" y="162"/>
                </a:lnTo>
                <a:lnTo>
                  <a:pt x="328" y="168"/>
                </a:lnTo>
                <a:lnTo>
                  <a:pt x="328" y="176"/>
                </a:lnTo>
                <a:lnTo>
                  <a:pt x="332" y="182"/>
                </a:lnTo>
                <a:lnTo>
                  <a:pt x="336" y="184"/>
                </a:lnTo>
                <a:lnTo>
                  <a:pt x="346" y="180"/>
                </a:lnTo>
                <a:lnTo>
                  <a:pt x="356" y="182"/>
                </a:lnTo>
                <a:lnTo>
                  <a:pt x="374" y="192"/>
                </a:lnTo>
                <a:lnTo>
                  <a:pt x="392" y="192"/>
                </a:lnTo>
                <a:lnTo>
                  <a:pt x="400" y="198"/>
                </a:lnTo>
                <a:lnTo>
                  <a:pt x="422" y="204"/>
                </a:lnTo>
                <a:lnTo>
                  <a:pt x="434" y="196"/>
                </a:lnTo>
                <a:lnTo>
                  <a:pt x="448" y="190"/>
                </a:lnTo>
                <a:lnTo>
                  <a:pt x="448" y="184"/>
                </a:lnTo>
                <a:lnTo>
                  <a:pt x="442" y="182"/>
                </a:lnTo>
                <a:lnTo>
                  <a:pt x="438" y="172"/>
                </a:lnTo>
                <a:lnTo>
                  <a:pt x="446" y="158"/>
                </a:lnTo>
                <a:lnTo>
                  <a:pt x="454" y="152"/>
                </a:lnTo>
                <a:lnTo>
                  <a:pt x="470" y="146"/>
                </a:lnTo>
                <a:lnTo>
                  <a:pt x="486" y="136"/>
                </a:lnTo>
                <a:lnTo>
                  <a:pt x="524" y="136"/>
                </a:lnTo>
                <a:lnTo>
                  <a:pt x="544" y="130"/>
                </a:lnTo>
                <a:lnTo>
                  <a:pt x="558" y="116"/>
                </a:lnTo>
                <a:lnTo>
                  <a:pt x="572" y="98"/>
                </a:lnTo>
                <a:lnTo>
                  <a:pt x="576" y="68"/>
                </a:lnTo>
                <a:lnTo>
                  <a:pt x="580" y="38"/>
                </a:lnTo>
                <a:lnTo>
                  <a:pt x="584" y="20"/>
                </a:lnTo>
                <a:lnTo>
                  <a:pt x="604" y="10"/>
                </a:lnTo>
                <a:lnTo>
                  <a:pt x="632" y="4"/>
                </a:lnTo>
                <a:lnTo>
                  <a:pt x="666" y="0"/>
                </a:lnTo>
                <a:lnTo>
                  <a:pt x="664" y="4"/>
                </a:lnTo>
                <a:lnTo>
                  <a:pt x="668" y="10"/>
                </a:lnTo>
                <a:lnTo>
                  <a:pt x="668" y="16"/>
                </a:lnTo>
                <a:lnTo>
                  <a:pt x="680" y="30"/>
                </a:lnTo>
                <a:lnTo>
                  <a:pt x="694" y="42"/>
                </a:lnTo>
                <a:lnTo>
                  <a:pt x="710" y="44"/>
                </a:lnTo>
                <a:lnTo>
                  <a:pt x="718" y="64"/>
                </a:lnTo>
                <a:lnTo>
                  <a:pt x="718" y="78"/>
                </a:lnTo>
                <a:lnTo>
                  <a:pt x="738" y="78"/>
                </a:lnTo>
                <a:lnTo>
                  <a:pt x="750" y="90"/>
                </a:lnTo>
                <a:lnTo>
                  <a:pt x="752" y="104"/>
                </a:lnTo>
                <a:lnTo>
                  <a:pt x="778" y="104"/>
                </a:lnTo>
                <a:lnTo>
                  <a:pt x="790" y="116"/>
                </a:lnTo>
                <a:lnTo>
                  <a:pt x="784" y="126"/>
                </a:lnTo>
                <a:lnTo>
                  <a:pt x="792" y="138"/>
                </a:lnTo>
                <a:lnTo>
                  <a:pt x="786" y="146"/>
                </a:lnTo>
                <a:lnTo>
                  <a:pt x="788" y="156"/>
                </a:lnTo>
                <a:lnTo>
                  <a:pt x="812" y="160"/>
                </a:lnTo>
                <a:lnTo>
                  <a:pt x="824" y="156"/>
                </a:lnTo>
                <a:lnTo>
                  <a:pt x="830" y="148"/>
                </a:lnTo>
                <a:lnTo>
                  <a:pt x="830" y="140"/>
                </a:lnTo>
                <a:lnTo>
                  <a:pt x="840" y="132"/>
                </a:lnTo>
                <a:lnTo>
                  <a:pt x="846" y="142"/>
                </a:lnTo>
                <a:lnTo>
                  <a:pt x="838" y="152"/>
                </a:lnTo>
                <a:lnTo>
                  <a:pt x="840" y="178"/>
                </a:lnTo>
                <a:lnTo>
                  <a:pt x="854" y="180"/>
                </a:lnTo>
                <a:lnTo>
                  <a:pt x="882" y="202"/>
                </a:lnTo>
                <a:lnTo>
                  <a:pt x="890" y="218"/>
                </a:lnTo>
                <a:lnTo>
                  <a:pt x="920" y="220"/>
                </a:lnTo>
                <a:lnTo>
                  <a:pt x="926" y="224"/>
                </a:lnTo>
                <a:lnTo>
                  <a:pt x="934" y="232"/>
                </a:lnTo>
                <a:lnTo>
                  <a:pt x="940" y="228"/>
                </a:lnTo>
                <a:lnTo>
                  <a:pt x="946" y="222"/>
                </a:lnTo>
                <a:lnTo>
                  <a:pt x="956" y="224"/>
                </a:lnTo>
                <a:lnTo>
                  <a:pt x="964" y="226"/>
                </a:lnTo>
                <a:lnTo>
                  <a:pt x="980" y="234"/>
                </a:lnTo>
                <a:lnTo>
                  <a:pt x="982" y="250"/>
                </a:lnTo>
                <a:lnTo>
                  <a:pt x="1000" y="270"/>
                </a:lnTo>
                <a:lnTo>
                  <a:pt x="1004" y="264"/>
                </a:lnTo>
                <a:lnTo>
                  <a:pt x="1018" y="268"/>
                </a:lnTo>
                <a:lnTo>
                  <a:pt x="1018" y="276"/>
                </a:lnTo>
                <a:lnTo>
                  <a:pt x="1036" y="280"/>
                </a:lnTo>
                <a:lnTo>
                  <a:pt x="1056" y="276"/>
                </a:lnTo>
                <a:lnTo>
                  <a:pt x="1068" y="288"/>
                </a:lnTo>
                <a:lnTo>
                  <a:pt x="1096" y="288"/>
                </a:lnTo>
                <a:lnTo>
                  <a:pt x="1120" y="300"/>
                </a:lnTo>
                <a:lnTo>
                  <a:pt x="1100" y="324"/>
                </a:lnTo>
                <a:lnTo>
                  <a:pt x="1082" y="344"/>
                </a:lnTo>
                <a:lnTo>
                  <a:pt x="1076" y="378"/>
                </a:lnTo>
                <a:lnTo>
                  <a:pt x="1060" y="410"/>
                </a:lnTo>
                <a:lnTo>
                  <a:pt x="1066" y="424"/>
                </a:lnTo>
                <a:lnTo>
                  <a:pt x="1056" y="442"/>
                </a:lnTo>
                <a:lnTo>
                  <a:pt x="1058" y="470"/>
                </a:lnTo>
                <a:lnTo>
                  <a:pt x="1052" y="480"/>
                </a:lnTo>
                <a:lnTo>
                  <a:pt x="1042" y="494"/>
                </a:lnTo>
                <a:lnTo>
                  <a:pt x="1024" y="494"/>
                </a:lnTo>
                <a:lnTo>
                  <a:pt x="1020" y="488"/>
                </a:lnTo>
                <a:lnTo>
                  <a:pt x="1008" y="488"/>
                </a:lnTo>
                <a:lnTo>
                  <a:pt x="1006" y="508"/>
                </a:lnTo>
                <a:lnTo>
                  <a:pt x="988" y="518"/>
                </a:lnTo>
                <a:lnTo>
                  <a:pt x="980" y="542"/>
                </a:lnTo>
                <a:lnTo>
                  <a:pt x="960" y="556"/>
                </a:lnTo>
                <a:lnTo>
                  <a:pt x="954" y="580"/>
                </a:lnTo>
                <a:lnTo>
                  <a:pt x="928" y="598"/>
                </a:lnTo>
                <a:lnTo>
                  <a:pt x="922" y="614"/>
                </a:lnTo>
                <a:lnTo>
                  <a:pt x="928" y="626"/>
                </a:lnTo>
                <a:lnTo>
                  <a:pt x="920" y="640"/>
                </a:lnTo>
                <a:lnTo>
                  <a:pt x="910" y="646"/>
                </a:lnTo>
                <a:lnTo>
                  <a:pt x="910" y="654"/>
                </a:lnTo>
                <a:lnTo>
                  <a:pt x="922" y="656"/>
                </a:lnTo>
                <a:lnTo>
                  <a:pt x="940" y="644"/>
                </a:lnTo>
                <a:lnTo>
                  <a:pt x="942" y="632"/>
                </a:lnTo>
                <a:lnTo>
                  <a:pt x="954" y="624"/>
                </a:lnTo>
                <a:lnTo>
                  <a:pt x="970" y="628"/>
                </a:lnTo>
                <a:lnTo>
                  <a:pt x="986" y="638"/>
                </a:lnTo>
                <a:lnTo>
                  <a:pt x="984" y="660"/>
                </a:lnTo>
                <a:lnTo>
                  <a:pt x="998" y="674"/>
                </a:lnTo>
                <a:lnTo>
                  <a:pt x="1002" y="690"/>
                </a:lnTo>
                <a:lnTo>
                  <a:pt x="1000" y="698"/>
                </a:lnTo>
                <a:lnTo>
                  <a:pt x="986" y="696"/>
                </a:lnTo>
                <a:lnTo>
                  <a:pt x="978" y="708"/>
                </a:lnTo>
                <a:lnTo>
                  <a:pt x="986" y="720"/>
                </a:lnTo>
                <a:lnTo>
                  <a:pt x="994" y="726"/>
                </a:lnTo>
                <a:lnTo>
                  <a:pt x="998" y="744"/>
                </a:lnTo>
                <a:lnTo>
                  <a:pt x="1014" y="758"/>
                </a:lnTo>
                <a:lnTo>
                  <a:pt x="1006" y="766"/>
                </a:lnTo>
                <a:lnTo>
                  <a:pt x="1006" y="778"/>
                </a:lnTo>
                <a:lnTo>
                  <a:pt x="994" y="780"/>
                </a:lnTo>
                <a:lnTo>
                  <a:pt x="986" y="790"/>
                </a:lnTo>
                <a:lnTo>
                  <a:pt x="974" y="788"/>
                </a:lnTo>
                <a:lnTo>
                  <a:pt x="962" y="794"/>
                </a:lnTo>
                <a:lnTo>
                  <a:pt x="972" y="808"/>
                </a:lnTo>
                <a:lnTo>
                  <a:pt x="972" y="816"/>
                </a:lnTo>
                <a:lnTo>
                  <a:pt x="976" y="824"/>
                </a:lnTo>
                <a:lnTo>
                  <a:pt x="994" y="828"/>
                </a:lnTo>
                <a:lnTo>
                  <a:pt x="1000" y="842"/>
                </a:lnTo>
                <a:lnTo>
                  <a:pt x="978" y="864"/>
                </a:lnTo>
                <a:lnTo>
                  <a:pt x="984" y="878"/>
                </a:lnTo>
                <a:lnTo>
                  <a:pt x="980" y="888"/>
                </a:lnTo>
                <a:lnTo>
                  <a:pt x="986" y="902"/>
                </a:lnTo>
                <a:lnTo>
                  <a:pt x="1026" y="920"/>
                </a:lnTo>
                <a:lnTo>
                  <a:pt x="1050" y="920"/>
                </a:lnTo>
                <a:lnTo>
                  <a:pt x="1056" y="932"/>
                </a:lnTo>
                <a:lnTo>
                  <a:pt x="1048" y="938"/>
                </a:lnTo>
                <a:lnTo>
                  <a:pt x="1036" y="954"/>
                </a:lnTo>
                <a:lnTo>
                  <a:pt x="1042" y="970"/>
                </a:lnTo>
                <a:lnTo>
                  <a:pt x="1038" y="970"/>
                </a:lnTo>
                <a:lnTo>
                  <a:pt x="1038" y="972"/>
                </a:lnTo>
                <a:lnTo>
                  <a:pt x="1036" y="968"/>
                </a:lnTo>
                <a:lnTo>
                  <a:pt x="1032" y="966"/>
                </a:lnTo>
                <a:lnTo>
                  <a:pt x="1028" y="966"/>
                </a:lnTo>
                <a:lnTo>
                  <a:pt x="1022" y="970"/>
                </a:lnTo>
                <a:lnTo>
                  <a:pt x="1020" y="974"/>
                </a:lnTo>
                <a:lnTo>
                  <a:pt x="1020" y="980"/>
                </a:lnTo>
                <a:lnTo>
                  <a:pt x="1022" y="982"/>
                </a:lnTo>
                <a:lnTo>
                  <a:pt x="1022" y="984"/>
                </a:lnTo>
                <a:close/>
              </a:path>
            </a:pathLst>
          </a:custGeom>
          <a:solidFill>
            <a:srgbClr val="C0C0C0"/>
          </a:solidFill>
          <a:ln w="6350" cmpd="sng">
            <a:solidFill>
              <a:srgbClr val="000000"/>
            </a:solidFill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63" name="Freeform 90"/>
          <p:cNvSpPr>
            <a:spLocks/>
          </p:cNvSpPr>
          <p:nvPr/>
        </p:nvSpPr>
        <p:spPr bwMode="auto">
          <a:xfrm>
            <a:off x="2813050" y="4802188"/>
            <a:ext cx="1541463" cy="1352550"/>
          </a:xfrm>
          <a:custGeom>
            <a:avLst/>
            <a:gdLst>
              <a:gd name="T0" fmla="*/ 2147483647 w 1190"/>
              <a:gd name="T1" fmla="*/ 2147483647 h 1044"/>
              <a:gd name="T2" fmla="*/ 2147483647 w 1190"/>
              <a:gd name="T3" fmla="*/ 2147483647 h 1044"/>
              <a:gd name="T4" fmla="*/ 2147483647 w 1190"/>
              <a:gd name="T5" fmla="*/ 2147483647 h 1044"/>
              <a:gd name="T6" fmla="*/ 2147483647 w 1190"/>
              <a:gd name="T7" fmla="*/ 2147483647 h 1044"/>
              <a:gd name="T8" fmla="*/ 2147483647 w 1190"/>
              <a:gd name="T9" fmla="*/ 2147483647 h 1044"/>
              <a:gd name="T10" fmla="*/ 2147483647 w 1190"/>
              <a:gd name="T11" fmla="*/ 2147483647 h 1044"/>
              <a:gd name="T12" fmla="*/ 2147483647 w 1190"/>
              <a:gd name="T13" fmla="*/ 2147483647 h 1044"/>
              <a:gd name="T14" fmla="*/ 2147483647 w 1190"/>
              <a:gd name="T15" fmla="*/ 2147483647 h 1044"/>
              <a:gd name="T16" fmla="*/ 2147483647 w 1190"/>
              <a:gd name="T17" fmla="*/ 2147483647 h 1044"/>
              <a:gd name="T18" fmla="*/ 2147483647 w 1190"/>
              <a:gd name="T19" fmla="*/ 2147483647 h 1044"/>
              <a:gd name="T20" fmla="*/ 2147483647 w 1190"/>
              <a:gd name="T21" fmla="*/ 2147483647 h 1044"/>
              <a:gd name="T22" fmla="*/ 2147483647 w 1190"/>
              <a:gd name="T23" fmla="*/ 2147483647 h 1044"/>
              <a:gd name="T24" fmla="*/ 2147483647 w 1190"/>
              <a:gd name="T25" fmla="*/ 2147483647 h 1044"/>
              <a:gd name="T26" fmla="*/ 2147483647 w 1190"/>
              <a:gd name="T27" fmla="*/ 2147483647 h 1044"/>
              <a:gd name="T28" fmla="*/ 2147483647 w 1190"/>
              <a:gd name="T29" fmla="*/ 2147483647 h 1044"/>
              <a:gd name="T30" fmla="*/ 2147483647 w 1190"/>
              <a:gd name="T31" fmla="*/ 2147483647 h 1044"/>
              <a:gd name="T32" fmla="*/ 2147483647 w 1190"/>
              <a:gd name="T33" fmla="*/ 2147483647 h 1044"/>
              <a:gd name="T34" fmla="*/ 2147483647 w 1190"/>
              <a:gd name="T35" fmla="*/ 2147483647 h 1044"/>
              <a:gd name="T36" fmla="*/ 2147483647 w 1190"/>
              <a:gd name="T37" fmla="*/ 2147483647 h 1044"/>
              <a:gd name="T38" fmla="*/ 2147483647 w 1190"/>
              <a:gd name="T39" fmla="*/ 2147483647 h 1044"/>
              <a:gd name="T40" fmla="*/ 2147483647 w 1190"/>
              <a:gd name="T41" fmla="*/ 2147483647 h 1044"/>
              <a:gd name="T42" fmla="*/ 2147483647 w 1190"/>
              <a:gd name="T43" fmla="*/ 2147483647 h 1044"/>
              <a:gd name="T44" fmla="*/ 2147483647 w 1190"/>
              <a:gd name="T45" fmla="*/ 2147483647 h 1044"/>
              <a:gd name="T46" fmla="*/ 2147483647 w 1190"/>
              <a:gd name="T47" fmla="*/ 2147483647 h 1044"/>
              <a:gd name="T48" fmla="*/ 0 w 1190"/>
              <a:gd name="T49" fmla="*/ 2147483647 h 1044"/>
              <a:gd name="T50" fmla="*/ 2147483647 w 1190"/>
              <a:gd name="T51" fmla="*/ 2147483647 h 1044"/>
              <a:gd name="T52" fmla="*/ 2147483647 w 1190"/>
              <a:gd name="T53" fmla="*/ 2147483647 h 1044"/>
              <a:gd name="T54" fmla="*/ 2147483647 w 1190"/>
              <a:gd name="T55" fmla="*/ 2147483647 h 1044"/>
              <a:gd name="T56" fmla="*/ 2147483647 w 1190"/>
              <a:gd name="T57" fmla="*/ 2147483647 h 1044"/>
              <a:gd name="T58" fmla="*/ 2147483647 w 1190"/>
              <a:gd name="T59" fmla="*/ 2147483647 h 1044"/>
              <a:gd name="T60" fmla="*/ 2147483647 w 1190"/>
              <a:gd name="T61" fmla="*/ 2147483647 h 1044"/>
              <a:gd name="T62" fmla="*/ 2147483647 w 1190"/>
              <a:gd name="T63" fmla="*/ 2147483647 h 1044"/>
              <a:gd name="T64" fmla="*/ 2147483647 w 1190"/>
              <a:gd name="T65" fmla="*/ 2147483647 h 1044"/>
              <a:gd name="T66" fmla="*/ 2147483647 w 1190"/>
              <a:gd name="T67" fmla="*/ 2147483647 h 1044"/>
              <a:gd name="T68" fmla="*/ 2147483647 w 1190"/>
              <a:gd name="T69" fmla="*/ 2147483647 h 1044"/>
              <a:gd name="T70" fmla="*/ 2147483647 w 1190"/>
              <a:gd name="T71" fmla="*/ 2147483647 h 1044"/>
              <a:gd name="T72" fmla="*/ 2147483647 w 1190"/>
              <a:gd name="T73" fmla="*/ 2147483647 h 1044"/>
              <a:gd name="T74" fmla="*/ 2147483647 w 1190"/>
              <a:gd name="T75" fmla="*/ 2147483647 h 1044"/>
              <a:gd name="T76" fmla="*/ 2147483647 w 1190"/>
              <a:gd name="T77" fmla="*/ 2147483647 h 1044"/>
              <a:gd name="T78" fmla="*/ 2147483647 w 1190"/>
              <a:gd name="T79" fmla="*/ 2147483647 h 1044"/>
              <a:gd name="T80" fmla="*/ 2147483647 w 1190"/>
              <a:gd name="T81" fmla="*/ 2147483647 h 1044"/>
              <a:gd name="T82" fmla="*/ 2147483647 w 1190"/>
              <a:gd name="T83" fmla="*/ 2147483647 h 1044"/>
              <a:gd name="T84" fmla="*/ 2147483647 w 1190"/>
              <a:gd name="T85" fmla="*/ 2147483647 h 1044"/>
              <a:gd name="T86" fmla="*/ 2147483647 w 1190"/>
              <a:gd name="T87" fmla="*/ 2147483647 h 1044"/>
              <a:gd name="T88" fmla="*/ 2147483647 w 1190"/>
              <a:gd name="T89" fmla="*/ 2147483647 h 1044"/>
              <a:gd name="T90" fmla="*/ 2147483647 w 1190"/>
              <a:gd name="T91" fmla="*/ 2147483647 h 1044"/>
              <a:gd name="T92" fmla="*/ 2147483647 w 1190"/>
              <a:gd name="T93" fmla="*/ 2147483647 h 1044"/>
              <a:gd name="T94" fmla="*/ 2147483647 w 1190"/>
              <a:gd name="T95" fmla="*/ 2147483647 h 1044"/>
              <a:gd name="T96" fmla="*/ 2147483647 w 1190"/>
              <a:gd name="T97" fmla="*/ 2147483647 h 1044"/>
              <a:gd name="T98" fmla="*/ 2147483647 w 1190"/>
              <a:gd name="T99" fmla="*/ 2147483647 h 1044"/>
              <a:gd name="T100" fmla="*/ 2147483647 w 1190"/>
              <a:gd name="T101" fmla="*/ 2147483647 h 1044"/>
              <a:gd name="T102" fmla="*/ 2147483647 w 1190"/>
              <a:gd name="T103" fmla="*/ 2147483647 h 1044"/>
              <a:gd name="T104" fmla="*/ 2147483647 w 1190"/>
              <a:gd name="T105" fmla="*/ 2147483647 h 1044"/>
              <a:gd name="T106" fmla="*/ 2147483647 w 1190"/>
              <a:gd name="T107" fmla="*/ 2147483647 h 1044"/>
              <a:gd name="T108" fmla="*/ 2147483647 w 1190"/>
              <a:gd name="T109" fmla="*/ 2147483647 h 1044"/>
              <a:gd name="T110" fmla="*/ 2147483647 w 1190"/>
              <a:gd name="T111" fmla="*/ 2147483647 h 1044"/>
              <a:gd name="T112" fmla="*/ 2147483647 w 1190"/>
              <a:gd name="T113" fmla="*/ 2147483647 h 1044"/>
              <a:gd name="T114" fmla="*/ 2147483647 w 1190"/>
              <a:gd name="T115" fmla="*/ 2147483647 h 1044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0" t="0" r="r" b="b"/>
            <a:pathLst>
              <a:path w="1190" h="1044">
                <a:moveTo>
                  <a:pt x="1036" y="320"/>
                </a:moveTo>
                <a:lnTo>
                  <a:pt x="1046" y="320"/>
                </a:lnTo>
                <a:lnTo>
                  <a:pt x="1060" y="330"/>
                </a:lnTo>
                <a:lnTo>
                  <a:pt x="1062" y="336"/>
                </a:lnTo>
                <a:lnTo>
                  <a:pt x="1070" y="344"/>
                </a:lnTo>
                <a:lnTo>
                  <a:pt x="1082" y="336"/>
                </a:lnTo>
                <a:lnTo>
                  <a:pt x="1092" y="336"/>
                </a:lnTo>
                <a:lnTo>
                  <a:pt x="1102" y="338"/>
                </a:lnTo>
                <a:lnTo>
                  <a:pt x="1112" y="350"/>
                </a:lnTo>
                <a:lnTo>
                  <a:pt x="1130" y="348"/>
                </a:lnTo>
                <a:lnTo>
                  <a:pt x="1132" y="340"/>
                </a:lnTo>
                <a:lnTo>
                  <a:pt x="1144" y="338"/>
                </a:lnTo>
                <a:lnTo>
                  <a:pt x="1152" y="338"/>
                </a:lnTo>
                <a:lnTo>
                  <a:pt x="1164" y="338"/>
                </a:lnTo>
                <a:lnTo>
                  <a:pt x="1178" y="344"/>
                </a:lnTo>
                <a:lnTo>
                  <a:pt x="1180" y="350"/>
                </a:lnTo>
                <a:lnTo>
                  <a:pt x="1184" y="356"/>
                </a:lnTo>
                <a:lnTo>
                  <a:pt x="1190" y="362"/>
                </a:lnTo>
                <a:lnTo>
                  <a:pt x="1186" y="370"/>
                </a:lnTo>
                <a:lnTo>
                  <a:pt x="1180" y="370"/>
                </a:lnTo>
                <a:lnTo>
                  <a:pt x="1172" y="370"/>
                </a:lnTo>
                <a:lnTo>
                  <a:pt x="1172" y="376"/>
                </a:lnTo>
                <a:lnTo>
                  <a:pt x="1174" y="390"/>
                </a:lnTo>
                <a:lnTo>
                  <a:pt x="1178" y="394"/>
                </a:lnTo>
                <a:lnTo>
                  <a:pt x="1178" y="404"/>
                </a:lnTo>
                <a:lnTo>
                  <a:pt x="1176" y="408"/>
                </a:lnTo>
                <a:lnTo>
                  <a:pt x="1174" y="414"/>
                </a:lnTo>
                <a:lnTo>
                  <a:pt x="1168" y="420"/>
                </a:lnTo>
                <a:lnTo>
                  <a:pt x="1162" y="424"/>
                </a:lnTo>
                <a:lnTo>
                  <a:pt x="1144" y="438"/>
                </a:lnTo>
                <a:lnTo>
                  <a:pt x="1128" y="444"/>
                </a:lnTo>
                <a:lnTo>
                  <a:pt x="1116" y="450"/>
                </a:lnTo>
                <a:lnTo>
                  <a:pt x="1098" y="456"/>
                </a:lnTo>
                <a:lnTo>
                  <a:pt x="1076" y="464"/>
                </a:lnTo>
                <a:lnTo>
                  <a:pt x="1070" y="470"/>
                </a:lnTo>
                <a:lnTo>
                  <a:pt x="1066" y="480"/>
                </a:lnTo>
                <a:lnTo>
                  <a:pt x="1060" y="482"/>
                </a:lnTo>
                <a:lnTo>
                  <a:pt x="1036" y="488"/>
                </a:lnTo>
                <a:lnTo>
                  <a:pt x="1008" y="490"/>
                </a:lnTo>
                <a:lnTo>
                  <a:pt x="980" y="496"/>
                </a:lnTo>
                <a:lnTo>
                  <a:pt x="954" y="500"/>
                </a:lnTo>
                <a:lnTo>
                  <a:pt x="942" y="504"/>
                </a:lnTo>
                <a:lnTo>
                  <a:pt x="916" y="528"/>
                </a:lnTo>
                <a:lnTo>
                  <a:pt x="930" y="542"/>
                </a:lnTo>
                <a:lnTo>
                  <a:pt x="910" y="560"/>
                </a:lnTo>
                <a:lnTo>
                  <a:pt x="900" y="554"/>
                </a:lnTo>
                <a:lnTo>
                  <a:pt x="888" y="570"/>
                </a:lnTo>
                <a:lnTo>
                  <a:pt x="866" y="594"/>
                </a:lnTo>
                <a:lnTo>
                  <a:pt x="840" y="618"/>
                </a:lnTo>
                <a:lnTo>
                  <a:pt x="806" y="660"/>
                </a:lnTo>
                <a:lnTo>
                  <a:pt x="788" y="690"/>
                </a:lnTo>
                <a:lnTo>
                  <a:pt x="788" y="698"/>
                </a:lnTo>
                <a:lnTo>
                  <a:pt x="790" y="720"/>
                </a:lnTo>
                <a:lnTo>
                  <a:pt x="794" y="744"/>
                </a:lnTo>
                <a:lnTo>
                  <a:pt x="800" y="760"/>
                </a:lnTo>
                <a:lnTo>
                  <a:pt x="812" y="774"/>
                </a:lnTo>
                <a:lnTo>
                  <a:pt x="824" y="782"/>
                </a:lnTo>
                <a:lnTo>
                  <a:pt x="830" y="794"/>
                </a:lnTo>
                <a:lnTo>
                  <a:pt x="820" y="796"/>
                </a:lnTo>
                <a:lnTo>
                  <a:pt x="806" y="804"/>
                </a:lnTo>
                <a:lnTo>
                  <a:pt x="794" y="810"/>
                </a:lnTo>
                <a:lnTo>
                  <a:pt x="790" y="818"/>
                </a:lnTo>
                <a:lnTo>
                  <a:pt x="774" y="818"/>
                </a:lnTo>
                <a:lnTo>
                  <a:pt x="760" y="826"/>
                </a:lnTo>
                <a:lnTo>
                  <a:pt x="750" y="836"/>
                </a:lnTo>
                <a:lnTo>
                  <a:pt x="744" y="842"/>
                </a:lnTo>
                <a:lnTo>
                  <a:pt x="746" y="852"/>
                </a:lnTo>
                <a:lnTo>
                  <a:pt x="736" y="854"/>
                </a:lnTo>
                <a:lnTo>
                  <a:pt x="730" y="864"/>
                </a:lnTo>
                <a:lnTo>
                  <a:pt x="724" y="876"/>
                </a:lnTo>
                <a:lnTo>
                  <a:pt x="718" y="884"/>
                </a:lnTo>
                <a:lnTo>
                  <a:pt x="710" y="896"/>
                </a:lnTo>
                <a:lnTo>
                  <a:pt x="706" y="904"/>
                </a:lnTo>
                <a:lnTo>
                  <a:pt x="708" y="910"/>
                </a:lnTo>
                <a:lnTo>
                  <a:pt x="710" y="918"/>
                </a:lnTo>
                <a:lnTo>
                  <a:pt x="710" y="924"/>
                </a:lnTo>
                <a:lnTo>
                  <a:pt x="710" y="928"/>
                </a:lnTo>
                <a:lnTo>
                  <a:pt x="708" y="930"/>
                </a:lnTo>
                <a:lnTo>
                  <a:pt x="694" y="930"/>
                </a:lnTo>
                <a:lnTo>
                  <a:pt x="680" y="928"/>
                </a:lnTo>
                <a:lnTo>
                  <a:pt x="668" y="926"/>
                </a:lnTo>
                <a:lnTo>
                  <a:pt x="658" y="926"/>
                </a:lnTo>
                <a:lnTo>
                  <a:pt x="642" y="926"/>
                </a:lnTo>
                <a:lnTo>
                  <a:pt x="628" y="938"/>
                </a:lnTo>
                <a:lnTo>
                  <a:pt x="612" y="942"/>
                </a:lnTo>
                <a:lnTo>
                  <a:pt x="600" y="952"/>
                </a:lnTo>
                <a:lnTo>
                  <a:pt x="588" y="964"/>
                </a:lnTo>
                <a:lnTo>
                  <a:pt x="582" y="978"/>
                </a:lnTo>
                <a:lnTo>
                  <a:pt x="574" y="988"/>
                </a:lnTo>
                <a:lnTo>
                  <a:pt x="562" y="1000"/>
                </a:lnTo>
                <a:lnTo>
                  <a:pt x="556" y="1006"/>
                </a:lnTo>
                <a:lnTo>
                  <a:pt x="552" y="1014"/>
                </a:lnTo>
                <a:lnTo>
                  <a:pt x="548" y="1016"/>
                </a:lnTo>
                <a:lnTo>
                  <a:pt x="544" y="1018"/>
                </a:lnTo>
                <a:lnTo>
                  <a:pt x="538" y="1020"/>
                </a:lnTo>
                <a:lnTo>
                  <a:pt x="532" y="1010"/>
                </a:lnTo>
                <a:lnTo>
                  <a:pt x="522" y="1000"/>
                </a:lnTo>
                <a:lnTo>
                  <a:pt x="506" y="1000"/>
                </a:lnTo>
                <a:lnTo>
                  <a:pt x="496" y="1004"/>
                </a:lnTo>
                <a:lnTo>
                  <a:pt x="490" y="1010"/>
                </a:lnTo>
                <a:lnTo>
                  <a:pt x="482" y="1014"/>
                </a:lnTo>
                <a:lnTo>
                  <a:pt x="468" y="1010"/>
                </a:lnTo>
                <a:lnTo>
                  <a:pt x="452" y="1002"/>
                </a:lnTo>
                <a:lnTo>
                  <a:pt x="440" y="998"/>
                </a:lnTo>
                <a:lnTo>
                  <a:pt x="416" y="996"/>
                </a:lnTo>
                <a:lnTo>
                  <a:pt x="410" y="1002"/>
                </a:lnTo>
                <a:lnTo>
                  <a:pt x="398" y="998"/>
                </a:lnTo>
                <a:lnTo>
                  <a:pt x="388" y="992"/>
                </a:lnTo>
                <a:lnTo>
                  <a:pt x="372" y="988"/>
                </a:lnTo>
                <a:lnTo>
                  <a:pt x="354" y="986"/>
                </a:lnTo>
                <a:lnTo>
                  <a:pt x="342" y="984"/>
                </a:lnTo>
                <a:lnTo>
                  <a:pt x="326" y="982"/>
                </a:lnTo>
                <a:lnTo>
                  <a:pt x="312" y="982"/>
                </a:lnTo>
                <a:lnTo>
                  <a:pt x="296" y="984"/>
                </a:lnTo>
                <a:lnTo>
                  <a:pt x="288" y="992"/>
                </a:lnTo>
                <a:lnTo>
                  <a:pt x="278" y="998"/>
                </a:lnTo>
                <a:lnTo>
                  <a:pt x="268" y="1000"/>
                </a:lnTo>
                <a:lnTo>
                  <a:pt x="254" y="998"/>
                </a:lnTo>
                <a:lnTo>
                  <a:pt x="240" y="996"/>
                </a:lnTo>
                <a:lnTo>
                  <a:pt x="228" y="1000"/>
                </a:lnTo>
                <a:lnTo>
                  <a:pt x="208" y="1004"/>
                </a:lnTo>
                <a:lnTo>
                  <a:pt x="194" y="1018"/>
                </a:lnTo>
                <a:lnTo>
                  <a:pt x="186" y="1028"/>
                </a:lnTo>
                <a:lnTo>
                  <a:pt x="176" y="1030"/>
                </a:lnTo>
                <a:lnTo>
                  <a:pt x="176" y="1038"/>
                </a:lnTo>
                <a:lnTo>
                  <a:pt x="172" y="1042"/>
                </a:lnTo>
                <a:lnTo>
                  <a:pt x="168" y="1044"/>
                </a:lnTo>
                <a:lnTo>
                  <a:pt x="154" y="1044"/>
                </a:lnTo>
                <a:lnTo>
                  <a:pt x="142" y="1034"/>
                </a:lnTo>
                <a:lnTo>
                  <a:pt x="130" y="1020"/>
                </a:lnTo>
                <a:lnTo>
                  <a:pt x="124" y="1012"/>
                </a:lnTo>
                <a:lnTo>
                  <a:pt x="116" y="1010"/>
                </a:lnTo>
                <a:lnTo>
                  <a:pt x="106" y="992"/>
                </a:lnTo>
                <a:lnTo>
                  <a:pt x="102" y="982"/>
                </a:lnTo>
                <a:lnTo>
                  <a:pt x="100" y="970"/>
                </a:lnTo>
                <a:lnTo>
                  <a:pt x="100" y="960"/>
                </a:lnTo>
                <a:lnTo>
                  <a:pt x="104" y="952"/>
                </a:lnTo>
                <a:lnTo>
                  <a:pt x="94" y="948"/>
                </a:lnTo>
                <a:lnTo>
                  <a:pt x="88" y="940"/>
                </a:lnTo>
                <a:lnTo>
                  <a:pt x="90" y="930"/>
                </a:lnTo>
                <a:lnTo>
                  <a:pt x="98" y="924"/>
                </a:lnTo>
                <a:lnTo>
                  <a:pt x="102" y="918"/>
                </a:lnTo>
                <a:lnTo>
                  <a:pt x="92" y="910"/>
                </a:lnTo>
                <a:lnTo>
                  <a:pt x="84" y="892"/>
                </a:lnTo>
                <a:lnTo>
                  <a:pt x="72" y="880"/>
                </a:lnTo>
                <a:lnTo>
                  <a:pt x="58" y="870"/>
                </a:lnTo>
                <a:lnTo>
                  <a:pt x="50" y="862"/>
                </a:lnTo>
                <a:lnTo>
                  <a:pt x="36" y="856"/>
                </a:lnTo>
                <a:lnTo>
                  <a:pt x="22" y="850"/>
                </a:lnTo>
                <a:lnTo>
                  <a:pt x="0" y="850"/>
                </a:lnTo>
                <a:lnTo>
                  <a:pt x="2" y="832"/>
                </a:lnTo>
                <a:lnTo>
                  <a:pt x="2" y="816"/>
                </a:lnTo>
                <a:lnTo>
                  <a:pt x="4" y="804"/>
                </a:lnTo>
                <a:lnTo>
                  <a:pt x="2" y="796"/>
                </a:lnTo>
                <a:lnTo>
                  <a:pt x="14" y="780"/>
                </a:lnTo>
                <a:lnTo>
                  <a:pt x="20" y="774"/>
                </a:lnTo>
                <a:lnTo>
                  <a:pt x="28" y="766"/>
                </a:lnTo>
                <a:lnTo>
                  <a:pt x="40" y="752"/>
                </a:lnTo>
                <a:lnTo>
                  <a:pt x="44" y="748"/>
                </a:lnTo>
                <a:lnTo>
                  <a:pt x="54" y="748"/>
                </a:lnTo>
                <a:lnTo>
                  <a:pt x="68" y="746"/>
                </a:lnTo>
                <a:lnTo>
                  <a:pt x="78" y="734"/>
                </a:lnTo>
                <a:lnTo>
                  <a:pt x="80" y="724"/>
                </a:lnTo>
                <a:lnTo>
                  <a:pt x="68" y="726"/>
                </a:lnTo>
                <a:lnTo>
                  <a:pt x="62" y="724"/>
                </a:lnTo>
                <a:lnTo>
                  <a:pt x="60" y="708"/>
                </a:lnTo>
                <a:lnTo>
                  <a:pt x="54" y="696"/>
                </a:lnTo>
                <a:lnTo>
                  <a:pt x="50" y="686"/>
                </a:lnTo>
                <a:lnTo>
                  <a:pt x="54" y="676"/>
                </a:lnTo>
                <a:lnTo>
                  <a:pt x="60" y="666"/>
                </a:lnTo>
                <a:lnTo>
                  <a:pt x="60" y="656"/>
                </a:lnTo>
                <a:lnTo>
                  <a:pt x="70" y="650"/>
                </a:lnTo>
                <a:lnTo>
                  <a:pt x="84" y="642"/>
                </a:lnTo>
                <a:lnTo>
                  <a:pt x="96" y="632"/>
                </a:lnTo>
                <a:lnTo>
                  <a:pt x="100" y="626"/>
                </a:lnTo>
                <a:lnTo>
                  <a:pt x="104" y="616"/>
                </a:lnTo>
                <a:lnTo>
                  <a:pt x="100" y="608"/>
                </a:lnTo>
                <a:lnTo>
                  <a:pt x="90" y="608"/>
                </a:lnTo>
                <a:lnTo>
                  <a:pt x="86" y="600"/>
                </a:lnTo>
                <a:lnTo>
                  <a:pt x="80" y="582"/>
                </a:lnTo>
                <a:lnTo>
                  <a:pt x="80" y="566"/>
                </a:lnTo>
                <a:lnTo>
                  <a:pt x="82" y="558"/>
                </a:lnTo>
                <a:lnTo>
                  <a:pt x="74" y="546"/>
                </a:lnTo>
                <a:lnTo>
                  <a:pt x="68" y="532"/>
                </a:lnTo>
                <a:lnTo>
                  <a:pt x="80" y="526"/>
                </a:lnTo>
                <a:lnTo>
                  <a:pt x="94" y="530"/>
                </a:lnTo>
                <a:lnTo>
                  <a:pt x="104" y="534"/>
                </a:lnTo>
                <a:lnTo>
                  <a:pt x="116" y="534"/>
                </a:lnTo>
                <a:lnTo>
                  <a:pt x="130" y="516"/>
                </a:lnTo>
                <a:lnTo>
                  <a:pt x="140" y="506"/>
                </a:lnTo>
                <a:lnTo>
                  <a:pt x="142" y="492"/>
                </a:lnTo>
                <a:lnTo>
                  <a:pt x="136" y="482"/>
                </a:lnTo>
                <a:lnTo>
                  <a:pt x="134" y="470"/>
                </a:lnTo>
                <a:lnTo>
                  <a:pt x="134" y="468"/>
                </a:lnTo>
                <a:lnTo>
                  <a:pt x="136" y="466"/>
                </a:lnTo>
                <a:lnTo>
                  <a:pt x="138" y="464"/>
                </a:lnTo>
                <a:lnTo>
                  <a:pt x="154" y="462"/>
                </a:lnTo>
                <a:lnTo>
                  <a:pt x="158" y="448"/>
                </a:lnTo>
                <a:lnTo>
                  <a:pt x="166" y="428"/>
                </a:lnTo>
                <a:lnTo>
                  <a:pt x="170" y="412"/>
                </a:lnTo>
                <a:lnTo>
                  <a:pt x="174" y="390"/>
                </a:lnTo>
                <a:lnTo>
                  <a:pt x="172" y="378"/>
                </a:lnTo>
                <a:lnTo>
                  <a:pt x="168" y="368"/>
                </a:lnTo>
                <a:lnTo>
                  <a:pt x="184" y="360"/>
                </a:lnTo>
                <a:lnTo>
                  <a:pt x="194" y="352"/>
                </a:lnTo>
                <a:lnTo>
                  <a:pt x="214" y="344"/>
                </a:lnTo>
                <a:lnTo>
                  <a:pt x="232" y="336"/>
                </a:lnTo>
                <a:lnTo>
                  <a:pt x="240" y="332"/>
                </a:lnTo>
                <a:lnTo>
                  <a:pt x="250" y="320"/>
                </a:lnTo>
                <a:lnTo>
                  <a:pt x="254" y="306"/>
                </a:lnTo>
                <a:lnTo>
                  <a:pt x="242" y="298"/>
                </a:lnTo>
                <a:lnTo>
                  <a:pt x="230" y="296"/>
                </a:lnTo>
                <a:lnTo>
                  <a:pt x="220" y="290"/>
                </a:lnTo>
                <a:lnTo>
                  <a:pt x="228" y="280"/>
                </a:lnTo>
                <a:lnTo>
                  <a:pt x="232" y="268"/>
                </a:lnTo>
                <a:lnTo>
                  <a:pt x="220" y="256"/>
                </a:lnTo>
                <a:lnTo>
                  <a:pt x="208" y="252"/>
                </a:lnTo>
                <a:lnTo>
                  <a:pt x="196" y="252"/>
                </a:lnTo>
                <a:lnTo>
                  <a:pt x="186" y="248"/>
                </a:lnTo>
                <a:lnTo>
                  <a:pt x="176" y="240"/>
                </a:lnTo>
                <a:lnTo>
                  <a:pt x="170" y="252"/>
                </a:lnTo>
                <a:lnTo>
                  <a:pt x="152" y="254"/>
                </a:lnTo>
                <a:lnTo>
                  <a:pt x="142" y="252"/>
                </a:lnTo>
                <a:lnTo>
                  <a:pt x="136" y="246"/>
                </a:lnTo>
                <a:lnTo>
                  <a:pt x="126" y="250"/>
                </a:lnTo>
                <a:lnTo>
                  <a:pt x="122" y="240"/>
                </a:lnTo>
                <a:lnTo>
                  <a:pt x="106" y="238"/>
                </a:lnTo>
                <a:lnTo>
                  <a:pt x="98" y="234"/>
                </a:lnTo>
                <a:lnTo>
                  <a:pt x="86" y="242"/>
                </a:lnTo>
                <a:lnTo>
                  <a:pt x="74" y="240"/>
                </a:lnTo>
                <a:lnTo>
                  <a:pt x="70" y="232"/>
                </a:lnTo>
                <a:lnTo>
                  <a:pt x="74" y="220"/>
                </a:lnTo>
                <a:lnTo>
                  <a:pt x="88" y="212"/>
                </a:lnTo>
                <a:lnTo>
                  <a:pt x="82" y="204"/>
                </a:lnTo>
                <a:lnTo>
                  <a:pt x="78" y="198"/>
                </a:lnTo>
                <a:lnTo>
                  <a:pt x="62" y="200"/>
                </a:lnTo>
                <a:lnTo>
                  <a:pt x="46" y="200"/>
                </a:lnTo>
                <a:lnTo>
                  <a:pt x="34" y="202"/>
                </a:lnTo>
                <a:lnTo>
                  <a:pt x="24" y="208"/>
                </a:lnTo>
                <a:lnTo>
                  <a:pt x="12" y="218"/>
                </a:lnTo>
                <a:lnTo>
                  <a:pt x="6" y="208"/>
                </a:lnTo>
                <a:lnTo>
                  <a:pt x="8" y="192"/>
                </a:lnTo>
                <a:lnTo>
                  <a:pt x="22" y="176"/>
                </a:lnTo>
                <a:lnTo>
                  <a:pt x="36" y="170"/>
                </a:lnTo>
                <a:lnTo>
                  <a:pt x="24" y="168"/>
                </a:lnTo>
                <a:lnTo>
                  <a:pt x="22" y="162"/>
                </a:lnTo>
                <a:lnTo>
                  <a:pt x="30" y="156"/>
                </a:lnTo>
                <a:lnTo>
                  <a:pt x="40" y="150"/>
                </a:lnTo>
                <a:lnTo>
                  <a:pt x="26" y="148"/>
                </a:lnTo>
                <a:lnTo>
                  <a:pt x="26" y="138"/>
                </a:lnTo>
                <a:lnTo>
                  <a:pt x="28" y="136"/>
                </a:lnTo>
                <a:lnTo>
                  <a:pt x="32" y="130"/>
                </a:lnTo>
                <a:lnTo>
                  <a:pt x="38" y="126"/>
                </a:lnTo>
                <a:lnTo>
                  <a:pt x="40" y="122"/>
                </a:lnTo>
                <a:lnTo>
                  <a:pt x="36" y="114"/>
                </a:lnTo>
                <a:lnTo>
                  <a:pt x="26" y="122"/>
                </a:lnTo>
                <a:lnTo>
                  <a:pt x="16" y="126"/>
                </a:lnTo>
                <a:lnTo>
                  <a:pt x="14" y="112"/>
                </a:lnTo>
                <a:lnTo>
                  <a:pt x="24" y="104"/>
                </a:lnTo>
                <a:lnTo>
                  <a:pt x="34" y="98"/>
                </a:lnTo>
                <a:lnTo>
                  <a:pt x="26" y="96"/>
                </a:lnTo>
                <a:lnTo>
                  <a:pt x="16" y="96"/>
                </a:lnTo>
                <a:lnTo>
                  <a:pt x="14" y="82"/>
                </a:lnTo>
                <a:lnTo>
                  <a:pt x="14" y="74"/>
                </a:lnTo>
                <a:lnTo>
                  <a:pt x="10" y="66"/>
                </a:lnTo>
                <a:lnTo>
                  <a:pt x="12" y="54"/>
                </a:lnTo>
                <a:lnTo>
                  <a:pt x="20" y="48"/>
                </a:lnTo>
                <a:lnTo>
                  <a:pt x="28" y="40"/>
                </a:lnTo>
                <a:lnTo>
                  <a:pt x="34" y="42"/>
                </a:lnTo>
                <a:lnTo>
                  <a:pt x="38" y="42"/>
                </a:lnTo>
                <a:lnTo>
                  <a:pt x="42" y="40"/>
                </a:lnTo>
                <a:lnTo>
                  <a:pt x="52" y="32"/>
                </a:lnTo>
                <a:lnTo>
                  <a:pt x="66" y="38"/>
                </a:lnTo>
                <a:lnTo>
                  <a:pt x="82" y="40"/>
                </a:lnTo>
                <a:lnTo>
                  <a:pt x="104" y="38"/>
                </a:lnTo>
                <a:lnTo>
                  <a:pt x="116" y="36"/>
                </a:lnTo>
                <a:lnTo>
                  <a:pt x="122" y="30"/>
                </a:lnTo>
                <a:lnTo>
                  <a:pt x="112" y="24"/>
                </a:lnTo>
                <a:lnTo>
                  <a:pt x="118" y="14"/>
                </a:lnTo>
                <a:lnTo>
                  <a:pt x="128" y="14"/>
                </a:lnTo>
                <a:lnTo>
                  <a:pt x="140" y="6"/>
                </a:lnTo>
                <a:lnTo>
                  <a:pt x="144" y="4"/>
                </a:lnTo>
                <a:lnTo>
                  <a:pt x="154" y="0"/>
                </a:lnTo>
                <a:lnTo>
                  <a:pt x="160" y="4"/>
                </a:lnTo>
                <a:lnTo>
                  <a:pt x="166" y="6"/>
                </a:lnTo>
                <a:lnTo>
                  <a:pt x="176" y="6"/>
                </a:lnTo>
                <a:lnTo>
                  <a:pt x="190" y="8"/>
                </a:lnTo>
                <a:lnTo>
                  <a:pt x="200" y="16"/>
                </a:lnTo>
                <a:lnTo>
                  <a:pt x="216" y="36"/>
                </a:lnTo>
                <a:lnTo>
                  <a:pt x="232" y="44"/>
                </a:lnTo>
                <a:lnTo>
                  <a:pt x="252" y="46"/>
                </a:lnTo>
                <a:lnTo>
                  <a:pt x="266" y="52"/>
                </a:lnTo>
                <a:lnTo>
                  <a:pt x="292" y="56"/>
                </a:lnTo>
                <a:lnTo>
                  <a:pt x="308" y="58"/>
                </a:lnTo>
                <a:lnTo>
                  <a:pt x="326" y="60"/>
                </a:lnTo>
                <a:lnTo>
                  <a:pt x="338" y="58"/>
                </a:lnTo>
                <a:lnTo>
                  <a:pt x="350" y="56"/>
                </a:lnTo>
                <a:lnTo>
                  <a:pt x="356" y="66"/>
                </a:lnTo>
                <a:lnTo>
                  <a:pt x="362" y="76"/>
                </a:lnTo>
                <a:lnTo>
                  <a:pt x="376" y="76"/>
                </a:lnTo>
                <a:lnTo>
                  <a:pt x="384" y="76"/>
                </a:lnTo>
                <a:lnTo>
                  <a:pt x="400" y="90"/>
                </a:lnTo>
                <a:lnTo>
                  <a:pt x="422" y="100"/>
                </a:lnTo>
                <a:lnTo>
                  <a:pt x="448" y="108"/>
                </a:lnTo>
                <a:lnTo>
                  <a:pt x="476" y="120"/>
                </a:lnTo>
                <a:lnTo>
                  <a:pt x="502" y="122"/>
                </a:lnTo>
                <a:lnTo>
                  <a:pt x="518" y="120"/>
                </a:lnTo>
                <a:lnTo>
                  <a:pt x="534" y="118"/>
                </a:lnTo>
                <a:lnTo>
                  <a:pt x="550" y="118"/>
                </a:lnTo>
                <a:lnTo>
                  <a:pt x="568" y="126"/>
                </a:lnTo>
                <a:lnTo>
                  <a:pt x="576" y="134"/>
                </a:lnTo>
                <a:lnTo>
                  <a:pt x="594" y="142"/>
                </a:lnTo>
                <a:lnTo>
                  <a:pt x="610" y="140"/>
                </a:lnTo>
                <a:lnTo>
                  <a:pt x="624" y="140"/>
                </a:lnTo>
                <a:lnTo>
                  <a:pt x="636" y="144"/>
                </a:lnTo>
                <a:lnTo>
                  <a:pt x="654" y="154"/>
                </a:lnTo>
                <a:lnTo>
                  <a:pt x="674" y="164"/>
                </a:lnTo>
                <a:lnTo>
                  <a:pt x="694" y="168"/>
                </a:lnTo>
                <a:lnTo>
                  <a:pt x="708" y="164"/>
                </a:lnTo>
                <a:lnTo>
                  <a:pt x="720" y="164"/>
                </a:lnTo>
                <a:lnTo>
                  <a:pt x="734" y="178"/>
                </a:lnTo>
                <a:lnTo>
                  <a:pt x="742" y="180"/>
                </a:lnTo>
                <a:lnTo>
                  <a:pt x="752" y="180"/>
                </a:lnTo>
                <a:lnTo>
                  <a:pt x="756" y="188"/>
                </a:lnTo>
                <a:lnTo>
                  <a:pt x="746" y="200"/>
                </a:lnTo>
                <a:lnTo>
                  <a:pt x="744" y="210"/>
                </a:lnTo>
                <a:lnTo>
                  <a:pt x="756" y="210"/>
                </a:lnTo>
                <a:lnTo>
                  <a:pt x="764" y="204"/>
                </a:lnTo>
                <a:lnTo>
                  <a:pt x="768" y="212"/>
                </a:lnTo>
                <a:lnTo>
                  <a:pt x="788" y="228"/>
                </a:lnTo>
                <a:lnTo>
                  <a:pt x="802" y="232"/>
                </a:lnTo>
                <a:lnTo>
                  <a:pt x="812" y="232"/>
                </a:lnTo>
                <a:lnTo>
                  <a:pt x="814" y="240"/>
                </a:lnTo>
                <a:lnTo>
                  <a:pt x="826" y="256"/>
                </a:lnTo>
                <a:lnTo>
                  <a:pt x="846" y="256"/>
                </a:lnTo>
                <a:lnTo>
                  <a:pt x="854" y="254"/>
                </a:lnTo>
                <a:lnTo>
                  <a:pt x="872" y="274"/>
                </a:lnTo>
                <a:lnTo>
                  <a:pt x="916" y="280"/>
                </a:lnTo>
                <a:lnTo>
                  <a:pt x="916" y="284"/>
                </a:lnTo>
                <a:lnTo>
                  <a:pt x="942" y="284"/>
                </a:lnTo>
                <a:lnTo>
                  <a:pt x="940" y="268"/>
                </a:lnTo>
                <a:lnTo>
                  <a:pt x="946" y="264"/>
                </a:lnTo>
                <a:lnTo>
                  <a:pt x="964" y="270"/>
                </a:lnTo>
                <a:lnTo>
                  <a:pt x="984" y="280"/>
                </a:lnTo>
                <a:lnTo>
                  <a:pt x="992" y="286"/>
                </a:lnTo>
                <a:lnTo>
                  <a:pt x="1006" y="288"/>
                </a:lnTo>
                <a:lnTo>
                  <a:pt x="1012" y="296"/>
                </a:lnTo>
                <a:lnTo>
                  <a:pt x="1016" y="312"/>
                </a:lnTo>
                <a:lnTo>
                  <a:pt x="1018" y="318"/>
                </a:lnTo>
                <a:lnTo>
                  <a:pt x="1026" y="322"/>
                </a:lnTo>
                <a:lnTo>
                  <a:pt x="1030" y="322"/>
                </a:lnTo>
                <a:lnTo>
                  <a:pt x="1036" y="32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64" name="Freeform 91"/>
          <p:cNvSpPr>
            <a:spLocks/>
          </p:cNvSpPr>
          <p:nvPr/>
        </p:nvSpPr>
        <p:spPr bwMode="auto">
          <a:xfrm>
            <a:off x="4129088" y="5199063"/>
            <a:ext cx="25400" cy="20637"/>
          </a:xfrm>
          <a:custGeom>
            <a:avLst/>
            <a:gdLst>
              <a:gd name="T0" fmla="*/ 2147483647 w 20"/>
              <a:gd name="T1" fmla="*/ 0 h 16"/>
              <a:gd name="T2" fmla="*/ 2147483647 w 20"/>
              <a:gd name="T3" fmla="*/ 2147483647 h 16"/>
              <a:gd name="T4" fmla="*/ 0 w 20"/>
              <a:gd name="T5" fmla="*/ 2147483647 h 16"/>
              <a:gd name="T6" fmla="*/ 2147483647 w 20"/>
              <a:gd name="T7" fmla="*/ 2147483647 h 16"/>
              <a:gd name="T8" fmla="*/ 2147483647 w 20"/>
              <a:gd name="T9" fmla="*/ 2147483647 h 16"/>
              <a:gd name="T10" fmla="*/ 2147483647 w 20"/>
              <a:gd name="T11" fmla="*/ 2147483647 h 16"/>
              <a:gd name="T12" fmla="*/ 2147483647 w 20"/>
              <a:gd name="T13" fmla="*/ 2147483647 h 16"/>
              <a:gd name="T14" fmla="*/ 2147483647 w 20"/>
              <a:gd name="T15" fmla="*/ 2147483647 h 16"/>
              <a:gd name="T16" fmla="*/ 2147483647 w 20"/>
              <a:gd name="T17" fmla="*/ 0 h 16"/>
              <a:gd name="T18" fmla="*/ 2147483647 w 20"/>
              <a:gd name="T19" fmla="*/ 0 h 1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20" h="16">
                <a:moveTo>
                  <a:pt x="10" y="0"/>
                </a:moveTo>
                <a:lnTo>
                  <a:pt x="2" y="2"/>
                </a:lnTo>
                <a:lnTo>
                  <a:pt x="0" y="6"/>
                </a:lnTo>
                <a:lnTo>
                  <a:pt x="2" y="12"/>
                </a:lnTo>
                <a:lnTo>
                  <a:pt x="10" y="16"/>
                </a:lnTo>
                <a:lnTo>
                  <a:pt x="16" y="16"/>
                </a:lnTo>
                <a:lnTo>
                  <a:pt x="20" y="10"/>
                </a:lnTo>
                <a:lnTo>
                  <a:pt x="18" y="4"/>
                </a:lnTo>
                <a:lnTo>
                  <a:pt x="16" y="0"/>
                </a:lnTo>
                <a:lnTo>
                  <a:pt x="10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65" name="Freeform 92"/>
          <p:cNvSpPr>
            <a:spLocks/>
          </p:cNvSpPr>
          <p:nvPr/>
        </p:nvSpPr>
        <p:spPr bwMode="auto">
          <a:xfrm>
            <a:off x="2598738" y="5059363"/>
            <a:ext cx="542925" cy="858837"/>
          </a:xfrm>
          <a:custGeom>
            <a:avLst/>
            <a:gdLst>
              <a:gd name="T0" fmla="*/ 2147483647 w 420"/>
              <a:gd name="T1" fmla="*/ 2147483647 h 664"/>
              <a:gd name="T2" fmla="*/ 2147483647 w 420"/>
              <a:gd name="T3" fmla="*/ 2147483647 h 664"/>
              <a:gd name="T4" fmla="*/ 2147483647 w 420"/>
              <a:gd name="T5" fmla="*/ 2147483647 h 664"/>
              <a:gd name="T6" fmla="*/ 2147483647 w 420"/>
              <a:gd name="T7" fmla="*/ 2147483647 h 664"/>
              <a:gd name="T8" fmla="*/ 2147483647 w 420"/>
              <a:gd name="T9" fmla="*/ 2147483647 h 664"/>
              <a:gd name="T10" fmla="*/ 2147483647 w 420"/>
              <a:gd name="T11" fmla="*/ 2147483647 h 664"/>
              <a:gd name="T12" fmla="*/ 2147483647 w 420"/>
              <a:gd name="T13" fmla="*/ 2147483647 h 664"/>
              <a:gd name="T14" fmla="*/ 2147483647 w 420"/>
              <a:gd name="T15" fmla="*/ 2147483647 h 664"/>
              <a:gd name="T16" fmla="*/ 2147483647 w 420"/>
              <a:gd name="T17" fmla="*/ 2147483647 h 664"/>
              <a:gd name="T18" fmla="*/ 2147483647 w 420"/>
              <a:gd name="T19" fmla="*/ 2147483647 h 664"/>
              <a:gd name="T20" fmla="*/ 2147483647 w 420"/>
              <a:gd name="T21" fmla="*/ 2147483647 h 664"/>
              <a:gd name="T22" fmla="*/ 2147483647 w 420"/>
              <a:gd name="T23" fmla="*/ 2147483647 h 664"/>
              <a:gd name="T24" fmla="*/ 2147483647 w 420"/>
              <a:gd name="T25" fmla="*/ 2147483647 h 664"/>
              <a:gd name="T26" fmla="*/ 2147483647 w 420"/>
              <a:gd name="T27" fmla="*/ 2147483647 h 664"/>
              <a:gd name="T28" fmla="*/ 2147483647 w 420"/>
              <a:gd name="T29" fmla="*/ 2147483647 h 664"/>
              <a:gd name="T30" fmla="*/ 2147483647 w 420"/>
              <a:gd name="T31" fmla="*/ 2147483647 h 664"/>
              <a:gd name="T32" fmla="*/ 2147483647 w 420"/>
              <a:gd name="T33" fmla="*/ 2147483647 h 664"/>
              <a:gd name="T34" fmla="*/ 2147483647 w 420"/>
              <a:gd name="T35" fmla="*/ 2147483647 h 664"/>
              <a:gd name="T36" fmla="*/ 2147483647 w 420"/>
              <a:gd name="T37" fmla="*/ 2147483647 h 664"/>
              <a:gd name="T38" fmla="*/ 2147483647 w 420"/>
              <a:gd name="T39" fmla="*/ 2147483647 h 664"/>
              <a:gd name="T40" fmla="*/ 2147483647 w 420"/>
              <a:gd name="T41" fmla="*/ 2147483647 h 664"/>
              <a:gd name="T42" fmla="*/ 2147483647 w 420"/>
              <a:gd name="T43" fmla="*/ 2147483647 h 664"/>
              <a:gd name="T44" fmla="*/ 2147483647 w 420"/>
              <a:gd name="T45" fmla="*/ 2147483647 h 664"/>
              <a:gd name="T46" fmla="*/ 2147483647 w 420"/>
              <a:gd name="T47" fmla="*/ 2147483647 h 664"/>
              <a:gd name="T48" fmla="*/ 2147483647 w 420"/>
              <a:gd name="T49" fmla="*/ 2147483647 h 664"/>
              <a:gd name="T50" fmla="*/ 2147483647 w 420"/>
              <a:gd name="T51" fmla="*/ 2147483647 h 664"/>
              <a:gd name="T52" fmla="*/ 2147483647 w 420"/>
              <a:gd name="T53" fmla="*/ 2147483647 h 664"/>
              <a:gd name="T54" fmla="*/ 2147483647 w 420"/>
              <a:gd name="T55" fmla="*/ 2147483647 h 664"/>
              <a:gd name="T56" fmla="*/ 2147483647 w 420"/>
              <a:gd name="T57" fmla="*/ 2147483647 h 664"/>
              <a:gd name="T58" fmla="*/ 2147483647 w 420"/>
              <a:gd name="T59" fmla="*/ 2147483647 h 664"/>
              <a:gd name="T60" fmla="*/ 2147483647 w 420"/>
              <a:gd name="T61" fmla="*/ 2147483647 h 664"/>
              <a:gd name="T62" fmla="*/ 2147483647 w 420"/>
              <a:gd name="T63" fmla="*/ 2147483647 h 664"/>
              <a:gd name="T64" fmla="*/ 2147483647 w 420"/>
              <a:gd name="T65" fmla="*/ 2147483647 h 664"/>
              <a:gd name="T66" fmla="*/ 2147483647 w 420"/>
              <a:gd name="T67" fmla="*/ 2147483647 h 664"/>
              <a:gd name="T68" fmla="*/ 2147483647 w 420"/>
              <a:gd name="T69" fmla="*/ 2147483647 h 664"/>
              <a:gd name="T70" fmla="*/ 2147483647 w 420"/>
              <a:gd name="T71" fmla="*/ 2147483647 h 664"/>
              <a:gd name="T72" fmla="*/ 2147483647 w 420"/>
              <a:gd name="T73" fmla="*/ 2147483647 h 664"/>
              <a:gd name="T74" fmla="*/ 2147483647 w 420"/>
              <a:gd name="T75" fmla="*/ 2147483647 h 664"/>
              <a:gd name="T76" fmla="*/ 2147483647 w 420"/>
              <a:gd name="T77" fmla="*/ 2147483647 h 664"/>
              <a:gd name="T78" fmla="*/ 2147483647 w 420"/>
              <a:gd name="T79" fmla="*/ 2147483647 h 664"/>
              <a:gd name="T80" fmla="*/ 2147483647 w 420"/>
              <a:gd name="T81" fmla="*/ 2147483647 h 664"/>
              <a:gd name="T82" fmla="*/ 2147483647 w 420"/>
              <a:gd name="T83" fmla="*/ 2147483647 h 664"/>
              <a:gd name="T84" fmla="*/ 2147483647 w 420"/>
              <a:gd name="T85" fmla="*/ 2147483647 h 664"/>
              <a:gd name="T86" fmla="*/ 2147483647 w 420"/>
              <a:gd name="T87" fmla="*/ 2147483647 h 664"/>
              <a:gd name="T88" fmla="*/ 2147483647 w 420"/>
              <a:gd name="T89" fmla="*/ 2147483647 h 664"/>
              <a:gd name="T90" fmla="*/ 0 w 420"/>
              <a:gd name="T91" fmla="*/ 2147483647 h 664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0" t="0" r="r" b="b"/>
            <a:pathLst>
              <a:path w="420" h="664">
                <a:moveTo>
                  <a:pt x="2" y="632"/>
                </a:moveTo>
                <a:lnTo>
                  <a:pt x="18" y="630"/>
                </a:lnTo>
                <a:lnTo>
                  <a:pt x="38" y="630"/>
                </a:lnTo>
                <a:lnTo>
                  <a:pt x="54" y="638"/>
                </a:lnTo>
                <a:lnTo>
                  <a:pt x="70" y="640"/>
                </a:lnTo>
                <a:lnTo>
                  <a:pt x="86" y="646"/>
                </a:lnTo>
                <a:lnTo>
                  <a:pt x="96" y="652"/>
                </a:lnTo>
                <a:lnTo>
                  <a:pt x="104" y="660"/>
                </a:lnTo>
                <a:lnTo>
                  <a:pt x="124" y="664"/>
                </a:lnTo>
                <a:lnTo>
                  <a:pt x="138" y="658"/>
                </a:lnTo>
                <a:lnTo>
                  <a:pt x="150" y="654"/>
                </a:lnTo>
                <a:lnTo>
                  <a:pt x="166" y="652"/>
                </a:lnTo>
                <a:lnTo>
                  <a:pt x="168" y="620"/>
                </a:lnTo>
                <a:lnTo>
                  <a:pt x="170" y="606"/>
                </a:lnTo>
                <a:lnTo>
                  <a:pt x="168" y="598"/>
                </a:lnTo>
                <a:lnTo>
                  <a:pt x="178" y="582"/>
                </a:lnTo>
                <a:lnTo>
                  <a:pt x="186" y="576"/>
                </a:lnTo>
                <a:lnTo>
                  <a:pt x="210" y="550"/>
                </a:lnTo>
                <a:lnTo>
                  <a:pt x="220" y="550"/>
                </a:lnTo>
                <a:lnTo>
                  <a:pt x="234" y="548"/>
                </a:lnTo>
                <a:lnTo>
                  <a:pt x="244" y="536"/>
                </a:lnTo>
                <a:lnTo>
                  <a:pt x="246" y="526"/>
                </a:lnTo>
                <a:lnTo>
                  <a:pt x="234" y="528"/>
                </a:lnTo>
                <a:lnTo>
                  <a:pt x="228" y="526"/>
                </a:lnTo>
                <a:lnTo>
                  <a:pt x="226" y="510"/>
                </a:lnTo>
                <a:lnTo>
                  <a:pt x="216" y="488"/>
                </a:lnTo>
                <a:lnTo>
                  <a:pt x="220" y="478"/>
                </a:lnTo>
                <a:lnTo>
                  <a:pt x="226" y="468"/>
                </a:lnTo>
                <a:lnTo>
                  <a:pt x="226" y="458"/>
                </a:lnTo>
                <a:lnTo>
                  <a:pt x="250" y="444"/>
                </a:lnTo>
                <a:lnTo>
                  <a:pt x="262" y="434"/>
                </a:lnTo>
                <a:lnTo>
                  <a:pt x="266" y="428"/>
                </a:lnTo>
                <a:lnTo>
                  <a:pt x="270" y="418"/>
                </a:lnTo>
                <a:lnTo>
                  <a:pt x="266" y="410"/>
                </a:lnTo>
                <a:lnTo>
                  <a:pt x="256" y="410"/>
                </a:lnTo>
                <a:lnTo>
                  <a:pt x="252" y="402"/>
                </a:lnTo>
                <a:lnTo>
                  <a:pt x="246" y="384"/>
                </a:lnTo>
                <a:lnTo>
                  <a:pt x="246" y="368"/>
                </a:lnTo>
                <a:lnTo>
                  <a:pt x="248" y="360"/>
                </a:lnTo>
                <a:lnTo>
                  <a:pt x="240" y="348"/>
                </a:lnTo>
                <a:lnTo>
                  <a:pt x="234" y="334"/>
                </a:lnTo>
                <a:lnTo>
                  <a:pt x="246" y="328"/>
                </a:lnTo>
                <a:lnTo>
                  <a:pt x="260" y="332"/>
                </a:lnTo>
                <a:lnTo>
                  <a:pt x="270" y="336"/>
                </a:lnTo>
                <a:lnTo>
                  <a:pt x="282" y="336"/>
                </a:lnTo>
                <a:lnTo>
                  <a:pt x="296" y="318"/>
                </a:lnTo>
                <a:lnTo>
                  <a:pt x="306" y="308"/>
                </a:lnTo>
                <a:lnTo>
                  <a:pt x="308" y="294"/>
                </a:lnTo>
                <a:lnTo>
                  <a:pt x="302" y="284"/>
                </a:lnTo>
                <a:lnTo>
                  <a:pt x="300" y="278"/>
                </a:lnTo>
                <a:lnTo>
                  <a:pt x="298" y="274"/>
                </a:lnTo>
                <a:lnTo>
                  <a:pt x="302" y="268"/>
                </a:lnTo>
                <a:lnTo>
                  <a:pt x="306" y="266"/>
                </a:lnTo>
                <a:lnTo>
                  <a:pt x="320" y="264"/>
                </a:lnTo>
                <a:lnTo>
                  <a:pt x="328" y="238"/>
                </a:lnTo>
                <a:lnTo>
                  <a:pt x="336" y="214"/>
                </a:lnTo>
                <a:lnTo>
                  <a:pt x="340" y="192"/>
                </a:lnTo>
                <a:lnTo>
                  <a:pt x="338" y="180"/>
                </a:lnTo>
                <a:lnTo>
                  <a:pt x="334" y="170"/>
                </a:lnTo>
                <a:lnTo>
                  <a:pt x="350" y="162"/>
                </a:lnTo>
                <a:lnTo>
                  <a:pt x="360" y="154"/>
                </a:lnTo>
                <a:lnTo>
                  <a:pt x="380" y="146"/>
                </a:lnTo>
                <a:lnTo>
                  <a:pt x="398" y="138"/>
                </a:lnTo>
                <a:lnTo>
                  <a:pt x="406" y="134"/>
                </a:lnTo>
                <a:lnTo>
                  <a:pt x="416" y="122"/>
                </a:lnTo>
                <a:lnTo>
                  <a:pt x="420" y="108"/>
                </a:lnTo>
                <a:lnTo>
                  <a:pt x="408" y="100"/>
                </a:lnTo>
                <a:lnTo>
                  <a:pt x="396" y="98"/>
                </a:lnTo>
                <a:lnTo>
                  <a:pt x="386" y="92"/>
                </a:lnTo>
                <a:lnTo>
                  <a:pt x="394" y="82"/>
                </a:lnTo>
                <a:lnTo>
                  <a:pt x="398" y="70"/>
                </a:lnTo>
                <a:lnTo>
                  <a:pt x="386" y="58"/>
                </a:lnTo>
                <a:lnTo>
                  <a:pt x="374" y="54"/>
                </a:lnTo>
                <a:lnTo>
                  <a:pt x="362" y="54"/>
                </a:lnTo>
                <a:lnTo>
                  <a:pt x="350" y="50"/>
                </a:lnTo>
                <a:lnTo>
                  <a:pt x="342" y="42"/>
                </a:lnTo>
                <a:lnTo>
                  <a:pt x="336" y="54"/>
                </a:lnTo>
                <a:lnTo>
                  <a:pt x="318" y="56"/>
                </a:lnTo>
                <a:lnTo>
                  <a:pt x="308" y="54"/>
                </a:lnTo>
                <a:lnTo>
                  <a:pt x="302" y="48"/>
                </a:lnTo>
                <a:lnTo>
                  <a:pt x="292" y="52"/>
                </a:lnTo>
                <a:lnTo>
                  <a:pt x="288" y="42"/>
                </a:lnTo>
                <a:lnTo>
                  <a:pt x="272" y="40"/>
                </a:lnTo>
                <a:lnTo>
                  <a:pt x="264" y="38"/>
                </a:lnTo>
                <a:lnTo>
                  <a:pt x="252" y="44"/>
                </a:lnTo>
                <a:lnTo>
                  <a:pt x="240" y="42"/>
                </a:lnTo>
                <a:lnTo>
                  <a:pt x="236" y="34"/>
                </a:lnTo>
                <a:lnTo>
                  <a:pt x="240" y="22"/>
                </a:lnTo>
                <a:lnTo>
                  <a:pt x="254" y="14"/>
                </a:lnTo>
                <a:lnTo>
                  <a:pt x="248" y="6"/>
                </a:lnTo>
                <a:lnTo>
                  <a:pt x="244" y="0"/>
                </a:lnTo>
                <a:lnTo>
                  <a:pt x="230" y="2"/>
                </a:lnTo>
                <a:lnTo>
                  <a:pt x="210" y="2"/>
                </a:lnTo>
                <a:lnTo>
                  <a:pt x="200" y="4"/>
                </a:lnTo>
                <a:lnTo>
                  <a:pt x="178" y="20"/>
                </a:lnTo>
                <a:lnTo>
                  <a:pt x="172" y="26"/>
                </a:lnTo>
                <a:lnTo>
                  <a:pt x="170" y="52"/>
                </a:lnTo>
                <a:lnTo>
                  <a:pt x="166" y="86"/>
                </a:lnTo>
                <a:lnTo>
                  <a:pt x="170" y="110"/>
                </a:lnTo>
                <a:lnTo>
                  <a:pt x="166" y="120"/>
                </a:lnTo>
                <a:lnTo>
                  <a:pt x="164" y="134"/>
                </a:lnTo>
                <a:lnTo>
                  <a:pt x="156" y="152"/>
                </a:lnTo>
                <a:lnTo>
                  <a:pt x="150" y="168"/>
                </a:lnTo>
                <a:lnTo>
                  <a:pt x="140" y="186"/>
                </a:lnTo>
                <a:lnTo>
                  <a:pt x="128" y="212"/>
                </a:lnTo>
                <a:lnTo>
                  <a:pt x="110" y="228"/>
                </a:lnTo>
                <a:lnTo>
                  <a:pt x="116" y="238"/>
                </a:lnTo>
                <a:lnTo>
                  <a:pt x="106" y="258"/>
                </a:lnTo>
                <a:lnTo>
                  <a:pt x="92" y="276"/>
                </a:lnTo>
                <a:lnTo>
                  <a:pt x="72" y="300"/>
                </a:lnTo>
                <a:lnTo>
                  <a:pt x="56" y="318"/>
                </a:lnTo>
                <a:lnTo>
                  <a:pt x="40" y="322"/>
                </a:lnTo>
                <a:lnTo>
                  <a:pt x="40" y="338"/>
                </a:lnTo>
                <a:lnTo>
                  <a:pt x="26" y="354"/>
                </a:lnTo>
                <a:lnTo>
                  <a:pt x="22" y="368"/>
                </a:lnTo>
                <a:lnTo>
                  <a:pt x="18" y="382"/>
                </a:lnTo>
                <a:lnTo>
                  <a:pt x="6" y="394"/>
                </a:lnTo>
                <a:lnTo>
                  <a:pt x="8" y="404"/>
                </a:lnTo>
                <a:lnTo>
                  <a:pt x="18" y="406"/>
                </a:lnTo>
                <a:lnTo>
                  <a:pt x="32" y="410"/>
                </a:lnTo>
                <a:lnTo>
                  <a:pt x="32" y="418"/>
                </a:lnTo>
                <a:lnTo>
                  <a:pt x="26" y="428"/>
                </a:lnTo>
                <a:lnTo>
                  <a:pt x="26" y="442"/>
                </a:lnTo>
                <a:lnTo>
                  <a:pt x="34" y="446"/>
                </a:lnTo>
                <a:lnTo>
                  <a:pt x="42" y="444"/>
                </a:lnTo>
                <a:lnTo>
                  <a:pt x="52" y="442"/>
                </a:lnTo>
                <a:lnTo>
                  <a:pt x="58" y="446"/>
                </a:lnTo>
                <a:lnTo>
                  <a:pt x="60" y="456"/>
                </a:lnTo>
                <a:lnTo>
                  <a:pt x="64" y="468"/>
                </a:lnTo>
                <a:lnTo>
                  <a:pt x="58" y="492"/>
                </a:lnTo>
                <a:lnTo>
                  <a:pt x="44" y="512"/>
                </a:lnTo>
                <a:lnTo>
                  <a:pt x="46" y="528"/>
                </a:lnTo>
                <a:lnTo>
                  <a:pt x="42" y="550"/>
                </a:lnTo>
                <a:lnTo>
                  <a:pt x="36" y="558"/>
                </a:lnTo>
                <a:lnTo>
                  <a:pt x="34" y="574"/>
                </a:lnTo>
                <a:lnTo>
                  <a:pt x="28" y="590"/>
                </a:lnTo>
                <a:lnTo>
                  <a:pt x="14" y="610"/>
                </a:lnTo>
                <a:lnTo>
                  <a:pt x="0" y="624"/>
                </a:lnTo>
                <a:lnTo>
                  <a:pt x="2" y="63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66" name="Freeform 93"/>
          <p:cNvSpPr>
            <a:spLocks/>
          </p:cNvSpPr>
          <p:nvPr/>
        </p:nvSpPr>
        <p:spPr bwMode="auto">
          <a:xfrm>
            <a:off x="4187825" y="5667375"/>
            <a:ext cx="147638" cy="109538"/>
          </a:xfrm>
          <a:custGeom>
            <a:avLst/>
            <a:gdLst>
              <a:gd name="T0" fmla="*/ 2147483647 w 114"/>
              <a:gd name="T1" fmla="*/ 2147483647 h 84"/>
              <a:gd name="T2" fmla="*/ 2147483647 w 114"/>
              <a:gd name="T3" fmla="*/ 2147483647 h 84"/>
              <a:gd name="T4" fmla="*/ 2147483647 w 114"/>
              <a:gd name="T5" fmla="*/ 2147483647 h 84"/>
              <a:gd name="T6" fmla="*/ 2147483647 w 114"/>
              <a:gd name="T7" fmla="*/ 2147483647 h 84"/>
              <a:gd name="T8" fmla="*/ 0 w 114"/>
              <a:gd name="T9" fmla="*/ 2147483647 h 84"/>
              <a:gd name="T10" fmla="*/ 2147483647 w 114"/>
              <a:gd name="T11" fmla="*/ 2147483647 h 84"/>
              <a:gd name="T12" fmla="*/ 2147483647 w 114"/>
              <a:gd name="T13" fmla="*/ 2147483647 h 84"/>
              <a:gd name="T14" fmla="*/ 2147483647 w 114"/>
              <a:gd name="T15" fmla="*/ 2147483647 h 84"/>
              <a:gd name="T16" fmla="*/ 2147483647 w 114"/>
              <a:gd name="T17" fmla="*/ 2147483647 h 84"/>
              <a:gd name="T18" fmla="*/ 2147483647 w 114"/>
              <a:gd name="T19" fmla="*/ 0 h 84"/>
              <a:gd name="T20" fmla="*/ 2147483647 w 114"/>
              <a:gd name="T21" fmla="*/ 2147483647 h 84"/>
              <a:gd name="T22" fmla="*/ 2147483647 w 114"/>
              <a:gd name="T23" fmla="*/ 2147483647 h 84"/>
              <a:gd name="T24" fmla="*/ 2147483647 w 114"/>
              <a:gd name="T25" fmla="*/ 2147483647 h 84"/>
              <a:gd name="T26" fmla="*/ 2147483647 w 114"/>
              <a:gd name="T27" fmla="*/ 2147483647 h 84"/>
              <a:gd name="T28" fmla="*/ 2147483647 w 114"/>
              <a:gd name="T29" fmla="*/ 2147483647 h 84"/>
              <a:gd name="T30" fmla="*/ 2147483647 w 114"/>
              <a:gd name="T31" fmla="*/ 2147483647 h 84"/>
              <a:gd name="T32" fmla="*/ 2147483647 w 114"/>
              <a:gd name="T33" fmla="*/ 2147483647 h 84"/>
              <a:gd name="T34" fmla="*/ 2147483647 w 114"/>
              <a:gd name="T35" fmla="*/ 2147483647 h 84"/>
              <a:gd name="T36" fmla="*/ 2147483647 w 114"/>
              <a:gd name="T37" fmla="*/ 2147483647 h 84"/>
              <a:gd name="T38" fmla="*/ 2147483647 w 114"/>
              <a:gd name="T39" fmla="*/ 2147483647 h 84"/>
              <a:gd name="T40" fmla="*/ 2147483647 w 114"/>
              <a:gd name="T41" fmla="*/ 2147483647 h 84"/>
              <a:gd name="T42" fmla="*/ 2147483647 w 114"/>
              <a:gd name="T43" fmla="*/ 2147483647 h 84"/>
              <a:gd name="T44" fmla="*/ 2147483647 w 114"/>
              <a:gd name="T45" fmla="*/ 2147483647 h 84"/>
              <a:gd name="T46" fmla="*/ 2147483647 w 114"/>
              <a:gd name="T47" fmla="*/ 2147483647 h 84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0" t="0" r="r" b="b"/>
            <a:pathLst>
              <a:path w="114" h="84">
                <a:moveTo>
                  <a:pt x="34" y="48"/>
                </a:moveTo>
                <a:lnTo>
                  <a:pt x="26" y="44"/>
                </a:lnTo>
                <a:lnTo>
                  <a:pt x="16" y="56"/>
                </a:lnTo>
                <a:lnTo>
                  <a:pt x="2" y="48"/>
                </a:lnTo>
                <a:lnTo>
                  <a:pt x="0" y="36"/>
                </a:lnTo>
                <a:lnTo>
                  <a:pt x="14" y="28"/>
                </a:lnTo>
                <a:lnTo>
                  <a:pt x="32" y="18"/>
                </a:lnTo>
                <a:lnTo>
                  <a:pt x="50" y="8"/>
                </a:lnTo>
                <a:lnTo>
                  <a:pt x="68" y="2"/>
                </a:lnTo>
                <a:lnTo>
                  <a:pt x="90" y="0"/>
                </a:lnTo>
                <a:lnTo>
                  <a:pt x="82" y="12"/>
                </a:lnTo>
                <a:lnTo>
                  <a:pt x="84" y="24"/>
                </a:lnTo>
                <a:lnTo>
                  <a:pt x="98" y="26"/>
                </a:lnTo>
                <a:lnTo>
                  <a:pt x="110" y="24"/>
                </a:lnTo>
                <a:lnTo>
                  <a:pt x="114" y="34"/>
                </a:lnTo>
                <a:lnTo>
                  <a:pt x="102" y="48"/>
                </a:lnTo>
                <a:lnTo>
                  <a:pt x="94" y="60"/>
                </a:lnTo>
                <a:lnTo>
                  <a:pt x="86" y="72"/>
                </a:lnTo>
                <a:lnTo>
                  <a:pt x="74" y="84"/>
                </a:lnTo>
                <a:lnTo>
                  <a:pt x="62" y="80"/>
                </a:lnTo>
                <a:lnTo>
                  <a:pt x="50" y="72"/>
                </a:lnTo>
                <a:lnTo>
                  <a:pt x="38" y="68"/>
                </a:lnTo>
                <a:lnTo>
                  <a:pt x="36" y="56"/>
                </a:lnTo>
                <a:lnTo>
                  <a:pt x="34" y="4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67" name="Freeform 94"/>
          <p:cNvSpPr>
            <a:spLocks/>
          </p:cNvSpPr>
          <p:nvPr/>
        </p:nvSpPr>
        <p:spPr bwMode="auto">
          <a:xfrm>
            <a:off x="4022725" y="5784850"/>
            <a:ext cx="53975" cy="42863"/>
          </a:xfrm>
          <a:custGeom>
            <a:avLst/>
            <a:gdLst>
              <a:gd name="T0" fmla="*/ 2147483647 w 42"/>
              <a:gd name="T1" fmla="*/ 2147483647 h 34"/>
              <a:gd name="T2" fmla="*/ 2147483647 w 42"/>
              <a:gd name="T3" fmla="*/ 2147483647 h 34"/>
              <a:gd name="T4" fmla="*/ 2147483647 w 42"/>
              <a:gd name="T5" fmla="*/ 0 h 34"/>
              <a:gd name="T6" fmla="*/ 2147483647 w 42"/>
              <a:gd name="T7" fmla="*/ 2147483647 h 34"/>
              <a:gd name="T8" fmla="*/ 2147483647 w 42"/>
              <a:gd name="T9" fmla="*/ 2147483647 h 34"/>
              <a:gd name="T10" fmla="*/ 2147483647 w 42"/>
              <a:gd name="T11" fmla="*/ 2147483647 h 34"/>
              <a:gd name="T12" fmla="*/ 2147483647 w 42"/>
              <a:gd name="T13" fmla="*/ 2147483647 h 34"/>
              <a:gd name="T14" fmla="*/ 2147483647 w 42"/>
              <a:gd name="T15" fmla="*/ 2147483647 h 34"/>
              <a:gd name="T16" fmla="*/ 0 w 42"/>
              <a:gd name="T17" fmla="*/ 2147483647 h 34"/>
              <a:gd name="T18" fmla="*/ 0 w 42"/>
              <a:gd name="T19" fmla="*/ 2147483647 h 34"/>
              <a:gd name="T20" fmla="*/ 2147483647 w 42"/>
              <a:gd name="T21" fmla="*/ 2147483647 h 34"/>
              <a:gd name="T22" fmla="*/ 2147483647 w 42"/>
              <a:gd name="T23" fmla="*/ 2147483647 h 34"/>
              <a:gd name="T24" fmla="*/ 2147483647 w 42"/>
              <a:gd name="T25" fmla="*/ 2147483647 h 34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42" h="34">
                <a:moveTo>
                  <a:pt x="14" y="6"/>
                </a:moveTo>
                <a:lnTo>
                  <a:pt x="26" y="2"/>
                </a:lnTo>
                <a:lnTo>
                  <a:pt x="42" y="0"/>
                </a:lnTo>
                <a:lnTo>
                  <a:pt x="42" y="14"/>
                </a:lnTo>
                <a:lnTo>
                  <a:pt x="30" y="26"/>
                </a:lnTo>
                <a:lnTo>
                  <a:pt x="14" y="34"/>
                </a:lnTo>
                <a:lnTo>
                  <a:pt x="8" y="34"/>
                </a:lnTo>
                <a:lnTo>
                  <a:pt x="2" y="34"/>
                </a:lnTo>
                <a:lnTo>
                  <a:pt x="0" y="32"/>
                </a:lnTo>
                <a:lnTo>
                  <a:pt x="0" y="30"/>
                </a:lnTo>
                <a:lnTo>
                  <a:pt x="2" y="22"/>
                </a:lnTo>
                <a:lnTo>
                  <a:pt x="2" y="16"/>
                </a:lnTo>
                <a:lnTo>
                  <a:pt x="14" y="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68" name="Freeform 95"/>
          <p:cNvSpPr>
            <a:spLocks/>
          </p:cNvSpPr>
          <p:nvPr/>
        </p:nvSpPr>
        <p:spPr bwMode="auto">
          <a:xfrm>
            <a:off x="4387850" y="5651500"/>
            <a:ext cx="61913" cy="52388"/>
          </a:xfrm>
          <a:custGeom>
            <a:avLst/>
            <a:gdLst>
              <a:gd name="T0" fmla="*/ 2147483647 w 48"/>
              <a:gd name="T1" fmla="*/ 2147483647 h 40"/>
              <a:gd name="T2" fmla="*/ 2147483647 w 48"/>
              <a:gd name="T3" fmla="*/ 2147483647 h 40"/>
              <a:gd name="T4" fmla="*/ 0 w 48"/>
              <a:gd name="T5" fmla="*/ 2147483647 h 40"/>
              <a:gd name="T6" fmla="*/ 0 w 48"/>
              <a:gd name="T7" fmla="*/ 2147483647 h 40"/>
              <a:gd name="T8" fmla="*/ 2147483647 w 48"/>
              <a:gd name="T9" fmla="*/ 0 h 40"/>
              <a:gd name="T10" fmla="*/ 2147483647 w 48"/>
              <a:gd name="T11" fmla="*/ 2147483647 h 40"/>
              <a:gd name="T12" fmla="*/ 2147483647 w 48"/>
              <a:gd name="T13" fmla="*/ 2147483647 h 40"/>
              <a:gd name="T14" fmla="*/ 2147483647 w 48"/>
              <a:gd name="T15" fmla="*/ 2147483647 h 40"/>
              <a:gd name="T16" fmla="*/ 2147483647 w 48"/>
              <a:gd name="T17" fmla="*/ 2147483647 h 40"/>
              <a:gd name="T18" fmla="*/ 2147483647 w 48"/>
              <a:gd name="T19" fmla="*/ 2147483647 h 40"/>
              <a:gd name="T20" fmla="*/ 2147483647 w 48"/>
              <a:gd name="T21" fmla="*/ 2147483647 h 40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48" h="40">
                <a:moveTo>
                  <a:pt x="20" y="24"/>
                </a:moveTo>
                <a:lnTo>
                  <a:pt x="8" y="24"/>
                </a:lnTo>
                <a:lnTo>
                  <a:pt x="0" y="12"/>
                </a:lnTo>
                <a:lnTo>
                  <a:pt x="0" y="4"/>
                </a:lnTo>
                <a:lnTo>
                  <a:pt x="16" y="0"/>
                </a:lnTo>
                <a:lnTo>
                  <a:pt x="32" y="4"/>
                </a:lnTo>
                <a:lnTo>
                  <a:pt x="44" y="12"/>
                </a:lnTo>
                <a:lnTo>
                  <a:pt x="48" y="28"/>
                </a:lnTo>
                <a:lnTo>
                  <a:pt x="46" y="40"/>
                </a:lnTo>
                <a:lnTo>
                  <a:pt x="32" y="32"/>
                </a:lnTo>
                <a:lnTo>
                  <a:pt x="20" y="2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69" name="Freeform 96"/>
          <p:cNvSpPr>
            <a:spLocks/>
          </p:cNvSpPr>
          <p:nvPr/>
        </p:nvSpPr>
        <p:spPr bwMode="auto">
          <a:xfrm>
            <a:off x="4867275" y="5048250"/>
            <a:ext cx="25400" cy="23813"/>
          </a:xfrm>
          <a:custGeom>
            <a:avLst/>
            <a:gdLst>
              <a:gd name="T0" fmla="*/ 2147483647 w 20"/>
              <a:gd name="T1" fmla="*/ 2147483647 h 18"/>
              <a:gd name="T2" fmla="*/ 2147483647 w 20"/>
              <a:gd name="T3" fmla="*/ 2147483647 h 18"/>
              <a:gd name="T4" fmla="*/ 2147483647 w 20"/>
              <a:gd name="T5" fmla="*/ 2147483647 h 18"/>
              <a:gd name="T6" fmla="*/ 2147483647 w 20"/>
              <a:gd name="T7" fmla="*/ 2147483647 h 18"/>
              <a:gd name="T8" fmla="*/ 2147483647 w 20"/>
              <a:gd name="T9" fmla="*/ 2147483647 h 18"/>
              <a:gd name="T10" fmla="*/ 2147483647 w 20"/>
              <a:gd name="T11" fmla="*/ 2147483647 h 18"/>
              <a:gd name="T12" fmla="*/ 2147483647 w 20"/>
              <a:gd name="T13" fmla="*/ 2147483647 h 18"/>
              <a:gd name="T14" fmla="*/ 2147483647 w 20"/>
              <a:gd name="T15" fmla="*/ 2147483647 h 18"/>
              <a:gd name="T16" fmla="*/ 0 w 20"/>
              <a:gd name="T17" fmla="*/ 2147483647 h 18"/>
              <a:gd name="T18" fmla="*/ 2147483647 w 20"/>
              <a:gd name="T19" fmla="*/ 2147483647 h 18"/>
              <a:gd name="T20" fmla="*/ 2147483647 w 20"/>
              <a:gd name="T21" fmla="*/ 2147483647 h 18"/>
              <a:gd name="T22" fmla="*/ 2147483647 w 20"/>
              <a:gd name="T23" fmla="*/ 0 h 18"/>
              <a:gd name="T24" fmla="*/ 2147483647 w 20"/>
              <a:gd name="T25" fmla="*/ 0 h 18"/>
              <a:gd name="T26" fmla="*/ 2147483647 w 20"/>
              <a:gd name="T27" fmla="*/ 2147483647 h 18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0" h="18">
                <a:moveTo>
                  <a:pt x="18" y="2"/>
                </a:moveTo>
                <a:lnTo>
                  <a:pt x="20" y="6"/>
                </a:lnTo>
                <a:lnTo>
                  <a:pt x="18" y="8"/>
                </a:lnTo>
                <a:lnTo>
                  <a:pt x="16" y="10"/>
                </a:lnTo>
                <a:lnTo>
                  <a:pt x="10" y="12"/>
                </a:lnTo>
                <a:lnTo>
                  <a:pt x="6" y="16"/>
                </a:lnTo>
                <a:lnTo>
                  <a:pt x="4" y="18"/>
                </a:lnTo>
                <a:lnTo>
                  <a:pt x="2" y="14"/>
                </a:lnTo>
                <a:lnTo>
                  <a:pt x="0" y="8"/>
                </a:lnTo>
                <a:lnTo>
                  <a:pt x="4" y="4"/>
                </a:lnTo>
                <a:lnTo>
                  <a:pt x="6" y="2"/>
                </a:lnTo>
                <a:lnTo>
                  <a:pt x="10" y="0"/>
                </a:lnTo>
                <a:lnTo>
                  <a:pt x="14" y="0"/>
                </a:lnTo>
                <a:lnTo>
                  <a:pt x="18" y="2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70" name="Freeform 97"/>
          <p:cNvSpPr>
            <a:spLocks/>
          </p:cNvSpPr>
          <p:nvPr/>
        </p:nvSpPr>
        <p:spPr bwMode="auto">
          <a:xfrm>
            <a:off x="5867400" y="465138"/>
            <a:ext cx="979488" cy="1806575"/>
          </a:xfrm>
          <a:custGeom>
            <a:avLst/>
            <a:gdLst>
              <a:gd name="T0" fmla="*/ 2147483647 w 756"/>
              <a:gd name="T1" fmla="*/ 2147483647 h 1396"/>
              <a:gd name="T2" fmla="*/ 2147483647 w 756"/>
              <a:gd name="T3" fmla="*/ 2147483647 h 1396"/>
              <a:gd name="T4" fmla="*/ 2147483647 w 756"/>
              <a:gd name="T5" fmla="*/ 2147483647 h 1396"/>
              <a:gd name="T6" fmla="*/ 2147483647 w 756"/>
              <a:gd name="T7" fmla="*/ 2147483647 h 1396"/>
              <a:gd name="T8" fmla="*/ 2147483647 w 756"/>
              <a:gd name="T9" fmla="*/ 2147483647 h 1396"/>
              <a:gd name="T10" fmla="*/ 2147483647 w 756"/>
              <a:gd name="T11" fmla="*/ 2147483647 h 1396"/>
              <a:gd name="T12" fmla="*/ 2147483647 w 756"/>
              <a:gd name="T13" fmla="*/ 2147483647 h 1396"/>
              <a:gd name="T14" fmla="*/ 2147483647 w 756"/>
              <a:gd name="T15" fmla="*/ 2147483647 h 1396"/>
              <a:gd name="T16" fmla="*/ 2147483647 w 756"/>
              <a:gd name="T17" fmla="*/ 2147483647 h 1396"/>
              <a:gd name="T18" fmla="*/ 2147483647 w 756"/>
              <a:gd name="T19" fmla="*/ 2147483647 h 1396"/>
              <a:gd name="T20" fmla="*/ 2147483647 w 756"/>
              <a:gd name="T21" fmla="*/ 2147483647 h 1396"/>
              <a:gd name="T22" fmla="*/ 2147483647 w 756"/>
              <a:gd name="T23" fmla="*/ 2147483647 h 1396"/>
              <a:gd name="T24" fmla="*/ 2147483647 w 756"/>
              <a:gd name="T25" fmla="*/ 2147483647 h 1396"/>
              <a:gd name="T26" fmla="*/ 2147483647 w 756"/>
              <a:gd name="T27" fmla="*/ 2147483647 h 1396"/>
              <a:gd name="T28" fmla="*/ 2147483647 w 756"/>
              <a:gd name="T29" fmla="*/ 2147483647 h 1396"/>
              <a:gd name="T30" fmla="*/ 2147483647 w 756"/>
              <a:gd name="T31" fmla="*/ 2147483647 h 1396"/>
              <a:gd name="T32" fmla="*/ 2147483647 w 756"/>
              <a:gd name="T33" fmla="*/ 2147483647 h 1396"/>
              <a:gd name="T34" fmla="*/ 2147483647 w 756"/>
              <a:gd name="T35" fmla="*/ 2147483647 h 1396"/>
              <a:gd name="T36" fmla="*/ 2147483647 w 756"/>
              <a:gd name="T37" fmla="*/ 2147483647 h 1396"/>
              <a:gd name="T38" fmla="*/ 2147483647 w 756"/>
              <a:gd name="T39" fmla="*/ 2147483647 h 1396"/>
              <a:gd name="T40" fmla="*/ 2147483647 w 756"/>
              <a:gd name="T41" fmla="*/ 2147483647 h 1396"/>
              <a:gd name="T42" fmla="*/ 2147483647 w 756"/>
              <a:gd name="T43" fmla="*/ 2147483647 h 1396"/>
              <a:gd name="T44" fmla="*/ 2147483647 w 756"/>
              <a:gd name="T45" fmla="*/ 2147483647 h 1396"/>
              <a:gd name="T46" fmla="*/ 2147483647 w 756"/>
              <a:gd name="T47" fmla="*/ 2147483647 h 1396"/>
              <a:gd name="T48" fmla="*/ 2147483647 w 756"/>
              <a:gd name="T49" fmla="*/ 2147483647 h 1396"/>
              <a:gd name="T50" fmla="*/ 2147483647 w 756"/>
              <a:gd name="T51" fmla="*/ 2147483647 h 1396"/>
              <a:gd name="T52" fmla="*/ 2147483647 w 756"/>
              <a:gd name="T53" fmla="*/ 2147483647 h 1396"/>
              <a:gd name="T54" fmla="*/ 2147483647 w 756"/>
              <a:gd name="T55" fmla="*/ 2147483647 h 1396"/>
              <a:gd name="T56" fmla="*/ 2147483647 w 756"/>
              <a:gd name="T57" fmla="*/ 2147483647 h 1396"/>
              <a:gd name="T58" fmla="*/ 2147483647 w 756"/>
              <a:gd name="T59" fmla="*/ 2147483647 h 1396"/>
              <a:gd name="T60" fmla="*/ 2147483647 w 756"/>
              <a:gd name="T61" fmla="*/ 2147483647 h 1396"/>
              <a:gd name="T62" fmla="*/ 2147483647 w 756"/>
              <a:gd name="T63" fmla="*/ 2147483647 h 1396"/>
              <a:gd name="T64" fmla="*/ 2147483647 w 756"/>
              <a:gd name="T65" fmla="*/ 2147483647 h 1396"/>
              <a:gd name="T66" fmla="*/ 2147483647 w 756"/>
              <a:gd name="T67" fmla="*/ 2147483647 h 1396"/>
              <a:gd name="T68" fmla="*/ 2147483647 w 756"/>
              <a:gd name="T69" fmla="*/ 2147483647 h 1396"/>
              <a:gd name="T70" fmla="*/ 2147483647 w 756"/>
              <a:gd name="T71" fmla="*/ 2147483647 h 1396"/>
              <a:gd name="T72" fmla="*/ 2147483647 w 756"/>
              <a:gd name="T73" fmla="*/ 2147483647 h 1396"/>
              <a:gd name="T74" fmla="*/ 2147483647 w 756"/>
              <a:gd name="T75" fmla="*/ 2147483647 h 1396"/>
              <a:gd name="T76" fmla="*/ 2147483647 w 756"/>
              <a:gd name="T77" fmla="*/ 2147483647 h 1396"/>
              <a:gd name="T78" fmla="*/ 2147483647 w 756"/>
              <a:gd name="T79" fmla="*/ 2147483647 h 1396"/>
              <a:gd name="T80" fmla="*/ 2147483647 w 756"/>
              <a:gd name="T81" fmla="*/ 2147483647 h 1396"/>
              <a:gd name="T82" fmla="*/ 2147483647 w 756"/>
              <a:gd name="T83" fmla="*/ 2147483647 h 1396"/>
              <a:gd name="T84" fmla="*/ 2147483647 w 756"/>
              <a:gd name="T85" fmla="*/ 2147483647 h 1396"/>
              <a:gd name="T86" fmla="*/ 2147483647 w 756"/>
              <a:gd name="T87" fmla="*/ 2147483647 h 1396"/>
              <a:gd name="T88" fmla="*/ 2147483647 w 756"/>
              <a:gd name="T89" fmla="*/ 2147483647 h 1396"/>
              <a:gd name="T90" fmla="*/ 2147483647 w 756"/>
              <a:gd name="T91" fmla="*/ 2147483647 h 1396"/>
              <a:gd name="T92" fmla="*/ 2147483647 w 756"/>
              <a:gd name="T93" fmla="*/ 2147483647 h 1396"/>
              <a:gd name="T94" fmla="*/ 2147483647 w 756"/>
              <a:gd name="T95" fmla="*/ 2147483647 h 1396"/>
              <a:gd name="T96" fmla="*/ 2147483647 w 756"/>
              <a:gd name="T97" fmla="*/ 2147483647 h 1396"/>
              <a:gd name="T98" fmla="*/ 2147483647 w 756"/>
              <a:gd name="T99" fmla="*/ 2147483647 h 1396"/>
              <a:gd name="T100" fmla="*/ 2147483647 w 756"/>
              <a:gd name="T101" fmla="*/ 2147483647 h 139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0" t="0" r="r" b="b"/>
            <a:pathLst>
              <a:path w="756" h="1396">
                <a:moveTo>
                  <a:pt x="14" y="224"/>
                </a:moveTo>
                <a:lnTo>
                  <a:pt x="8" y="216"/>
                </a:lnTo>
                <a:lnTo>
                  <a:pt x="0" y="206"/>
                </a:lnTo>
                <a:lnTo>
                  <a:pt x="4" y="198"/>
                </a:lnTo>
                <a:lnTo>
                  <a:pt x="14" y="204"/>
                </a:lnTo>
                <a:lnTo>
                  <a:pt x="22" y="198"/>
                </a:lnTo>
                <a:lnTo>
                  <a:pt x="14" y="186"/>
                </a:lnTo>
                <a:lnTo>
                  <a:pt x="16" y="174"/>
                </a:lnTo>
                <a:lnTo>
                  <a:pt x="20" y="172"/>
                </a:lnTo>
                <a:lnTo>
                  <a:pt x="26" y="170"/>
                </a:lnTo>
                <a:lnTo>
                  <a:pt x="38" y="172"/>
                </a:lnTo>
                <a:lnTo>
                  <a:pt x="52" y="184"/>
                </a:lnTo>
                <a:lnTo>
                  <a:pt x="60" y="200"/>
                </a:lnTo>
                <a:lnTo>
                  <a:pt x="72" y="210"/>
                </a:lnTo>
                <a:lnTo>
                  <a:pt x="82" y="224"/>
                </a:lnTo>
                <a:lnTo>
                  <a:pt x="88" y="236"/>
                </a:lnTo>
                <a:lnTo>
                  <a:pt x="112" y="240"/>
                </a:lnTo>
                <a:lnTo>
                  <a:pt x="132" y="242"/>
                </a:lnTo>
                <a:lnTo>
                  <a:pt x="150" y="230"/>
                </a:lnTo>
                <a:lnTo>
                  <a:pt x="154" y="216"/>
                </a:lnTo>
                <a:lnTo>
                  <a:pt x="162" y="210"/>
                </a:lnTo>
                <a:lnTo>
                  <a:pt x="174" y="216"/>
                </a:lnTo>
                <a:lnTo>
                  <a:pt x="192" y="222"/>
                </a:lnTo>
                <a:lnTo>
                  <a:pt x="214" y="234"/>
                </a:lnTo>
                <a:lnTo>
                  <a:pt x="222" y="220"/>
                </a:lnTo>
                <a:lnTo>
                  <a:pt x="224" y="200"/>
                </a:lnTo>
                <a:lnTo>
                  <a:pt x="240" y="184"/>
                </a:lnTo>
                <a:lnTo>
                  <a:pt x="248" y="162"/>
                </a:lnTo>
                <a:lnTo>
                  <a:pt x="238" y="146"/>
                </a:lnTo>
                <a:lnTo>
                  <a:pt x="236" y="82"/>
                </a:lnTo>
                <a:lnTo>
                  <a:pt x="246" y="58"/>
                </a:lnTo>
                <a:lnTo>
                  <a:pt x="246" y="42"/>
                </a:lnTo>
                <a:lnTo>
                  <a:pt x="266" y="32"/>
                </a:lnTo>
                <a:lnTo>
                  <a:pt x="286" y="30"/>
                </a:lnTo>
                <a:lnTo>
                  <a:pt x="296" y="10"/>
                </a:lnTo>
                <a:lnTo>
                  <a:pt x="310" y="0"/>
                </a:lnTo>
                <a:lnTo>
                  <a:pt x="324" y="12"/>
                </a:lnTo>
                <a:lnTo>
                  <a:pt x="334" y="24"/>
                </a:lnTo>
                <a:lnTo>
                  <a:pt x="342" y="28"/>
                </a:lnTo>
                <a:lnTo>
                  <a:pt x="346" y="36"/>
                </a:lnTo>
                <a:lnTo>
                  <a:pt x="370" y="38"/>
                </a:lnTo>
                <a:lnTo>
                  <a:pt x="380" y="40"/>
                </a:lnTo>
                <a:lnTo>
                  <a:pt x="396" y="60"/>
                </a:lnTo>
                <a:lnTo>
                  <a:pt x="396" y="78"/>
                </a:lnTo>
                <a:lnTo>
                  <a:pt x="386" y="102"/>
                </a:lnTo>
                <a:lnTo>
                  <a:pt x="384" y="116"/>
                </a:lnTo>
                <a:lnTo>
                  <a:pt x="398" y="128"/>
                </a:lnTo>
                <a:lnTo>
                  <a:pt x="378" y="150"/>
                </a:lnTo>
                <a:lnTo>
                  <a:pt x="394" y="152"/>
                </a:lnTo>
                <a:lnTo>
                  <a:pt x="390" y="188"/>
                </a:lnTo>
                <a:lnTo>
                  <a:pt x="388" y="192"/>
                </a:lnTo>
                <a:lnTo>
                  <a:pt x="392" y="206"/>
                </a:lnTo>
                <a:lnTo>
                  <a:pt x="418" y="244"/>
                </a:lnTo>
                <a:lnTo>
                  <a:pt x="448" y="248"/>
                </a:lnTo>
                <a:lnTo>
                  <a:pt x="472" y="278"/>
                </a:lnTo>
                <a:lnTo>
                  <a:pt x="492" y="286"/>
                </a:lnTo>
                <a:lnTo>
                  <a:pt x="500" y="298"/>
                </a:lnTo>
                <a:lnTo>
                  <a:pt x="484" y="342"/>
                </a:lnTo>
                <a:lnTo>
                  <a:pt x="476" y="376"/>
                </a:lnTo>
                <a:lnTo>
                  <a:pt x="478" y="408"/>
                </a:lnTo>
                <a:lnTo>
                  <a:pt x="512" y="450"/>
                </a:lnTo>
                <a:lnTo>
                  <a:pt x="530" y="470"/>
                </a:lnTo>
                <a:lnTo>
                  <a:pt x="540" y="484"/>
                </a:lnTo>
                <a:lnTo>
                  <a:pt x="562" y="514"/>
                </a:lnTo>
                <a:lnTo>
                  <a:pt x="574" y="544"/>
                </a:lnTo>
                <a:lnTo>
                  <a:pt x="558" y="552"/>
                </a:lnTo>
                <a:lnTo>
                  <a:pt x="558" y="570"/>
                </a:lnTo>
                <a:lnTo>
                  <a:pt x="562" y="588"/>
                </a:lnTo>
                <a:lnTo>
                  <a:pt x="564" y="610"/>
                </a:lnTo>
                <a:lnTo>
                  <a:pt x="578" y="612"/>
                </a:lnTo>
                <a:lnTo>
                  <a:pt x="580" y="620"/>
                </a:lnTo>
                <a:lnTo>
                  <a:pt x="568" y="634"/>
                </a:lnTo>
                <a:lnTo>
                  <a:pt x="588" y="664"/>
                </a:lnTo>
                <a:lnTo>
                  <a:pt x="604" y="660"/>
                </a:lnTo>
                <a:lnTo>
                  <a:pt x="616" y="670"/>
                </a:lnTo>
                <a:lnTo>
                  <a:pt x="606" y="684"/>
                </a:lnTo>
                <a:lnTo>
                  <a:pt x="606" y="694"/>
                </a:lnTo>
                <a:lnTo>
                  <a:pt x="618" y="698"/>
                </a:lnTo>
                <a:lnTo>
                  <a:pt x="620" y="714"/>
                </a:lnTo>
                <a:lnTo>
                  <a:pt x="636" y="714"/>
                </a:lnTo>
                <a:lnTo>
                  <a:pt x="652" y="722"/>
                </a:lnTo>
                <a:lnTo>
                  <a:pt x="660" y="740"/>
                </a:lnTo>
                <a:lnTo>
                  <a:pt x="660" y="750"/>
                </a:lnTo>
                <a:lnTo>
                  <a:pt x="652" y="762"/>
                </a:lnTo>
                <a:lnTo>
                  <a:pt x="652" y="780"/>
                </a:lnTo>
                <a:lnTo>
                  <a:pt x="636" y="796"/>
                </a:lnTo>
                <a:lnTo>
                  <a:pt x="678" y="822"/>
                </a:lnTo>
                <a:lnTo>
                  <a:pt x="704" y="830"/>
                </a:lnTo>
                <a:lnTo>
                  <a:pt x="726" y="840"/>
                </a:lnTo>
                <a:lnTo>
                  <a:pt x="734" y="856"/>
                </a:lnTo>
                <a:lnTo>
                  <a:pt x="756" y="870"/>
                </a:lnTo>
                <a:lnTo>
                  <a:pt x="756" y="932"/>
                </a:lnTo>
                <a:lnTo>
                  <a:pt x="736" y="972"/>
                </a:lnTo>
                <a:lnTo>
                  <a:pt x="718" y="1030"/>
                </a:lnTo>
                <a:lnTo>
                  <a:pt x="694" y="1082"/>
                </a:lnTo>
                <a:lnTo>
                  <a:pt x="678" y="1128"/>
                </a:lnTo>
                <a:lnTo>
                  <a:pt x="662" y="1150"/>
                </a:lnTo>
                <a:lnTo>
                  <a:pt x="656" y="1166"/>
                </a:lnTo>
                <a:lnTo>
                  <a:pt x="646" y="1174"/>
                </a:lnTo>
                <a:lnTo>
                  <a:pt x="614" y="1238"/>
                </a:lnTo>
                <a:lnTo>
                  <a:pt x="614" y="1248"/>
                </a:lnTo>
                <a:lnTo>
                  <a:pt x="602" y="1248"/>
                </a:lnTo>
                <a:lnTo>
                  <a:pt x="596" y="1252"/>
                </a:lnTo>
                <a:lnTo>
                  <a:pt x="584" y="1250"/>
                </a:lnTo>
                <a:lnTo>
                  <a:pt x="578" y="1248"/>
                </a:lnTo>
                <a:lnTo>
                  <a:pt x="570" y="1254"/>
                </a:lnTo>
                <a:lnTo>
                  <a:pt x="554" y="1264"/>
                </a:lnTo>
                <a:lnTo>
                  <a:pt x="548" y="1272"/>
                </a:lnTo>
                <a:lnTo>
                  <a:pt x="534" y="1272"/>
                </a:lnTo>
                <a:lnTo>
                  <a:pt x="522" y="1276"/>
                </a:lnTo>
                <a:lnTo>
                  <a:pt x="514" y="1284"/>
                </a:lnTo>
                <a:lnTo>
                  <a:pt x="512" y="1294"/>
                </a:lnTo>
                <a:lnTo>
                  <a:pt x="504" y="1296"/>
                </a:lnTo>
                <a:lnTo>
                  <a:pt x="498" y="1292"/>
                </a:lnTo>
                <a:lnTo>
                  <a:pt x="484" y="1282"/>
                </a:lnTo>
                <a:lnTo>
                  <a:pt x="486" y="1292"/>
                </a:lnTo>
                <a:lnTo>
                  <a:pt x="486" y="1302"/>
                </a:lnTo>
                <a:lnTo>
                  <a:pt x="476" y="1308"/>
                </a:lnTo>
                <a:lnTo>
                  <a:pt x="466" y="1312"/>
                </a:lnTo>
                <a:lnTo>
                  <a:pt x="452" y="1324"/>
                </a:lnTo>
                <a:lnTo>
                  <a:pt x="438" y="1334"/>
                </a:lnTo>
                <a:lnTo>
                  <a:pt x="426" y="1342"/>
                </a:lnTo>
                <a:lnTo>
                  <a:pt x="410" y="1350"/>
                </a:lnTo>
                <a:lnTo>
                  <a:pt x="396" y="1354"/>
                </a:lnTo>
                <a:lnTo>
                  <a:pt x="378" y="1362"/>
                </a:lnTo>
                <a:lnTo>
                  <a:pt x="372" y="1368"/>
                </a:lnTo>
                <a:lnTo>
                  <a:pt x="360" y="1380"/>
                </a:lnTo>
                <a:lnTo>
                  <a:pt x="350" y="1380"/>
                </a:lnTo>
                <a:lnTo>
                  <a:pt x="348" y="1386"/>
                </a:lnTo>
                <a:lnTo>
                  <a:pt x="338" y="1396"/>
                </a:lnTo>
                <a:lnTo>
                  <a:pt x="328" y="1396"/>
                </a:lnTo>
                <a:lnTo>
                  <a:pt x="332" y="1384"/>
                </a:lnTo>
                <a:lnTo>
                  <a:pt x="338" y="1380"/>
                </a:lnTo>
                <a:lnTo>
                  <a:pt x="336" y="1372"/>
                </a:lnTo>
                <a:lnTo>
                  <a:pt x="332" y="1376"/>
                </a:lnTo>
                <a:lnTo>
                  <a:pt x="324" y="1384"/>
                </a:lnTo>
                <a:lnTo>
                  <a:pt x="320" y="1378"/>
                </a:lnTo>
                <a:lnTo>
                  <a:pt x="326" y="1364"/>
                </a:lnTo>
                <a:lnTo>
                  <a:pt x="318" y="1354"/>
                </a:lnTo>
                <a:lnTo>
                  <a:pt x="316" y="1356"/>
                </a:lnTo>
                <a:lnTo>
                  <a:pt x="314" y="1358"/>
                </a:lnTo>
                <a:lnTo>
                  <a:pt x="312" y="1364"/>
                </a:lnTo>
                <a:lnTo>
                  <a:pt x="310" y="1366"/>
                </a:lnTo>
                <a:lnTo>
                  <a:pt x="294" y="1374"/>
                </a:lnTo>
                <a:lnTo>
                  <a:pt x="284" y="1372"/>
                </a:lnTo>
                <a:lnTo>
                  <a:pt x="286" y="1360"/>
                </a:lnTo>
                <a:lnTo>
                  <a:pt x="294" y="1352"/>
                </a:lnTo>
                <a:lnTo>
                  <a:pt x="290" y="1342"/>
                </a:lnTo>
                <a:lnTo>
                  <a:pt x="286" y="1338"/>
                </a:lnTo>
                <a:lnTo>
                  <a:pt x="272" y="1346"/>
                </a:lnTo>
                <a:lnTo>
                  <a:pt x="268" y="1336"/>
                </a:lnTo>
                <a:lnTo>
                  <a:pt x="266" y="1328"/>
                </a:lnTo>
                <a:lnTo>
                  <a:pt x="260" y="1322"/>
                </a:lnTo>
                <a:lnTo>
                  <a:pt x="250" y="1312"/>
                </a:lnTo>
                <a:lnTo>
                  <a:pt x="234" y="1312"/>
                </a:lnTo>
                <a:lnTo>
                  <a:pt x="230" y="1312"/>
                </a:lnTo>
                <a:lnTo>
                  <a:pt x="214" y="1312"/>
                </a:lnTo>
                <a:lnTo>
                  <a:pt x="204" y="1302"/>
                </a:lnTo>
                <a:lnTo>
                  <a:pt x="204" y="1280"/>
                </a:lnTo>
                <a:lnTo>
                  <a:pt x="206" y="1266"/>
                </a:lnTo>
                <a:lnTo>
                  <a:pt x="200" y="1254"/>
                </a:lnTo>
                <a:lnTo>
                  <a:pt x="204" y="1232"/>
                </a:lnTo>
                <a:lnTo>
                  <a:pt x="208" y="1218"/>
                </a:lnTo>
                <a:lnTo>
                  <a:pt x="204" y="1208"/>
                </a:lnTo>
                <a:lnTo>
                  <a:pt x="202" y="1190"/>
                </a:lnTo>
                <a:lnTo>
                  <a:pt x="204" y="1178"/>
                </a:lnTo>
                <a:lnTo>
                  <a:pt x="190" y="1152"/>
                </a:lnTo>
                <a:lnTo>
                  <a:pt x="184" y="1138"/>
                </a:lnTo>
                <a:lnTo>
                  <a:pt x="176" y="1136"/>
                </a:lnTo>
                <a:lnTo>
                  <a:pt x="176" y="1098"/>
                </a:lnTo>
                <a:lnTo>
                  <a:pt x="166" y="1082"/>
                </a:lnTo>
                <a:lnTo>
                  <a:pt x="158" y="1066"/>
                </a:lnTo>
                <a:lnTo>
                  <a:pt x="158" y="1056"/>
                </a:lnTo>
                <a:lnTo>
                  <a:pt x="150" y="1050"/>
                </a:lnTo>
                <a:lnTo>
                  <a:pt x="156" y="1022"/>
                </a:lnTo>
                <a:lnTo>
                  <a:pt x="166" y="1018"/>
                </a:lnTo>
                <a:lnTo>
                  <a:pt x="164" y="994"/>
                </a:lnTo>
                <a:lnTo>
                  <a:pt x="174" y="992"/>
                </a:lnTo>
                <a:lnTo>
                  <a:pt x="172" y="982"/>
                </a:lnTo>
                <a:lnTo>
                  <a:pt x="168" y="970"/>
                </a:lnTo>
                <a:lnTo>
                  <a:pt x="176" y="970"/>
                </a:lnTo>
                <a:lnTo>
                  <a:pt x="182" y="964"/>
                </a:lnTo>
                <a:lnTo>
                  <a:pt x="190" y="964"/>
                </a:lnTo>
                <a:lnTo>
                  <a:pt x="200" y="964"/>
                </a:lnTo>
                <a:lnTo>
                  <a:pt x="198" y="952"/>
                </a:lnTo>
                <a:lnTo>
                  <a:pt x="202" y="952"/>
                </a:lnTo>
                <a:lnTo>
                  <a:pt x="212" y="958"/>
                </a:lnTo>
                <a:lnTo>
                  <a:pt x="216" y="950"/>
                </a:lnTo>
                <a:lnTo>
                  <a:pt x="208" y="942"/>
                </a:lnTo>
                <a:lnTo>
                  <a:pt x="204" y="932"/>
                </a:lnTo>
                <a:lnTo>
                  <a:pt x="206" y="928"/>
                </a:lnTo>
                <a:lnTo>
                  <a:pt x="210" y="926"/>
                </a:lnTo>
                <a:lnTo>
                  <a:pt x="216" y="922"/>
                </a:lnTo>
                <a:lnTo>
                  <a:pt x="216" y="910"/>
                </a:lnTo>
                <a:lnTo>
                  <a:pt x="216" y="902"/>
                </a:lnTo>
                <a:lnTo>
                  <a:pt x="224" y="902"/>
                </a:lnTo>
                <a:lnTo>
                  <a:pt x="232" y="900"/>
                </a:lnTo>
                <a:lnTo>
                  <a:pt x="234" y="886"/>
                </a:lnTo>
                <a:lnTo>
                  <a:pt x="238" y="872"/>
                </a:lnTo>
                <a:lnTo>
                  <a:pt x="250" y="866"/>
                </a:lnTo>
                <a:lnTo>
                  <a:pt x="256" y="860"/>
                </a:lnTo>
                <a:lnTo>
                  <a:pt x="256" y="846"/>
                </a:lnTo>
                <a:lnTo>
                  <a:pt x="266" y="844"/>
                </a:lnTo>
                <a:lnTo>
                  <a:pt x="266" y="832"/>
                </a:lnTo>
                <a:lnTo>
                  <a:pt x="268" y="818"/>
                </a:lnTo>
                <a:lnTo>
                  <a:pt x="280" y="814"/>
                </a:lnTo>
                <a:lnTo>
                  <a:pt x="280" y="792"/>
                </a:lnTo>
                <a:lnTo>
                  <a:pt x="294" y="772"/>
                </a:lnTo>
                <a:lnTo>
                  <a:pt x="296" y="748"/>
                </a:lnTo>
                <a:lnTo>
                  <a:pt x="302" y="742"/>
                </a:lnTo>
                <a:lnTo>
                  <a:pt x="302" y="732"/>
                </a:lnTo>
                <a:lnTo>
                  <a:pt x="320" y="716"/>
                </a:lnTo>
                <a:lnTo>
                  <a:pt x="334" y="714"/>
                </a:lnTo>
                <a:lnTo>
                  <a:pt x="338" y="724"/>
                </a:lnTo>
                <a:lnTo>
                  <a:pt x="346" y="720"/>
                </a:lnTo>
                <a:lnTo>
                  <a:pt x="344" y="712"/>
                </a:lnTo>
                <a:lnTo>
                  <a:pt x="334" y="706"/>
                </a:lnTo>
                <a:lnTo>
                  <a:pt x="332" y="702"/>
                </a:lnTo>
                <a:lnTo>
                  <a:pt x="332" y="700"/>
                </a:lnTo>
                <a:lnTo>
                  <a:pt x="338" y="698"/>
                </a:lnTo>
                <a:lnTo>
                  <a:pt x="342" y="696"/>
                </a:lnTo>
                <a:lnTo>
                  <a:pt x="344" y="694"/>
                </a:lnTo>
                <a:lnTo>
                  <a:pt x="338" y="688"/>
                </a:lnTo>
                <a:lnTo>
                  <a:pt x="326" y="678"/>
                </a:lnTo>
                <a:lnTo>
                  <a:pt x="326" y="662"/>
                </a:lnTo>
                <a:lnTo>
                  <a:pt x="326" y="648"/>
                </a:lnTo>
                <a:lnTo>
                  <a:pt x="326" y="636"/>
                </a:lnTo>
                <a:lnTo>
                  <a:pt x="314" y="628"/>
                </a:lnTo>
                <a:lnTo>
                  <a:pt x="294" y="620"/>
                </a:lnTo>
                <a:lnTo>
                  <a:pt x="290" y="624"/>
                </a:lnTo>
                <a:lnTo>
                  <a:pt x="278" y="616"/>
                </a:lnTo>
                <a:lnTo>
                  <a:pt x="272" y="606"/>
                </a:lnTo>
                <a:lnTo>
                  <a:pt x="252" y="608"/>
                </a:lnTo>
                <a:lnTo>
                  <a:pt x="242" y="588"/>
                </a:lnTo>
                <a:lnTo>
                  <a:pt x="230" y="562"/>
                </a:lnTo>
                <a:lnTo>
                  <a:pt x="212" y="550"/>
                </a:lnTo>
                <a:lnTo>
                  <a:pt x="210" y="522"/>
                </a:lnTo>
                <a:lnTo>
                  <a:pt x="216" y="508"/>
                </a:lnTo>
                <a:lnTo>
                  <a:pt x="216" y="474"/>
                </a:lnTo>
                <a:lnTo>
                  <a:pt x="184" y="434"/>
                </a:lnTo>
                <a:lnTo>
                  <a:pt x="184" y="422"/>
                </a:lnTo>
                <a:lnTo>
                  <a:pt x="192" y="418"/>
                </a:lnTo>
                <a:lnTo>
                  <a:pt x="190" y="398"/>
                </a:lnTo>
                <a:lnTo>
                  <a:pt x="172" y="392"/>
                </a:lnTo>
                <a:lnTo>
                  <a:pt x="166" y="340"/>
                </a:lnTo>
                <a:lnTo>
                  <a:pt x="172" y="332"/>
                </a:lnTo>
                <a:lnTo>
                  <a:pt x="154" y="310"/>
                </a:lnTo>
                <a:lnTo>
                  <a:pt x="144" y="308"/>
                </a:lnTo>
                <a:lnTo>
                  <a:pt x="142" y="298"/>
                </a:lnTo>
                <a:lnTo>
                  <a:pt x="130" y="284"/>
                </a:lnTo>
                <a:lnTo>
                  <a:pt x="102" y="274"/>
                </a:lnTo>
                <a:lnTo>
                  <a:pt x="76" y="274"/>
                </a:lnTo>
                <a:lnTo>
                  <a:pt x="68" y="258"/>
                </a:lnTo>
                <a:lnTo>
                  <a:pt x="52" y="252"/>
                </a:lnTo>
                <a:lnTo>
                  <a:pt x="32" y="238"/>
                </a:lnTo>
                <a:lnTo>
                  <a:pt x="22" y="228"/>
                </a:lnTo>
                <a:lnTo>
                  <a:pt x="14" y="224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71" name="Freeform 98"/>
          <p:cNvSpPr>
            <a:spLocks/>
          </p:cNvSpPr>
          <p:nvPr/>
        </p:nvSpPr>
        <p:spPr bwMode="auto">
          <a:xfrm>
            <a:off x="5289550" y="731838"/>
            <a:ext cx="904875" cy="2384425"/>
          </a:xfrm>
          <a:custGeom>
            <a:avLst/>
            <a:gdLst>
              <a:gd name="T0" fmla="*/ 2147483647 w 698"/>
              <a:gd name="T1" fmla="*/ 2147483647 h 1842"/>
              <a:gd name="T2" fmla="*/ 2147483647 w 698"/>
              <a:gd name="T3" fmla="*/ 2147483647 h 1842"/>
              <a:gd name="T4" fmla="*/ 2147483647 w 698"/>
              <a:gd name="T5" fmla="*/ 2147483647 h 1842"/>
              <a:gd name="T6" fmla="*/ 2147483647 w 698"/>
              <a:gd name="T7" fmla="*/ 2147483647 h 1842"/>
              <a:gd name="T8" fmla="*/ 2147483647 w 698"/>
              <a:gd name="T9" fmla="*/ 2147483647 h 1842"/>
              <a:gd name="T10" fmla="*/ 2147483647 w 698"/>
              <a:gd name="T11" fmla="*/ 2147483647 h 1842"/>
              <a:gd name="T12" fmla="*/ 2147483647 w 698"/>
              <a:gd name="T13" fmla="*/ 2147483647 h 1842"/>
              <a:gd name="T14" fmla="*/ 2147483647 w 698"/>
              <a:gd name="T15" fmla="*/ 2147483647 h 1842"/>
              <a:gd name="T16" fmla="*/ 2147483647 w 698"/>
              <a:gd name="T17" fmla="*/ 2147483647 h 1842"/>
              <a:gd name="T18" fmla="*/ 2147483647 w 698"/>
              <a:gd name="T19" fmla="*/ 2147483647 h 1842"/>
              <a:gd name="T20" fmla="*/ 2147483647 w 698"/>
              <a:gd name="T21" fmla="*/ 2147483647 h 1842"/>
              <a:gd name="T22" fmla="*/ 2147483647 w 698"/>
              <a:gd name="T23" fmla="*/ 2147483647 h 1842"/>
              <a:gd name="T24" fmla="*/ 2147483647 w 698"/>
              <a:gd name="T25" fmla="*/ 2147483647 h 1842"/>
              <a:gd name="T26" fmla="*/ 2147483647 w 698"/>
              <a:gd name="T27" fmla="*/ 2147483647 h 1842"/>
              <a:gd name="T28" fmla="*/ 2147483647 w 698"/>
              <a:gd name="T29" fmla="*/ 2147483647 h 1842"/>
              <a:gd name="T30" fmla="*/ 2147483647 w 698"/>
              <a:gd name="T31" fmla="*/ 2147483647 h 1842"/>
              <a:gd name="T32" fmla="*/ 2147483647 w 698"/>
              <a:gd name="T33" fmla="*/ 2147483647 h 1842"/>
              <a:gd name="T34" fmla="*/ 2147483647 w 698"/>
              <a:gd name="T35" fmla="*/ 2147483647 h 1842"/>
              <a:gd name="T36" fmla="*/ 2147483647 w 698"/>
              <a:gd name="T37" fmla="*/ 2147483647 h 1842"/>
              <a:gd name="T38" fmla="*/ 2147483647 w 698"/>
              <a:gd name="T39" fmla="*/ 2147483647 h 1842"/>
              <a:gd name="T40" fmla="*/ 2147483647 w 698"/>
              <a:gd name="T41" fmla="*/ 2147483647 h 1842"/>
              <a:gd name="T42" fmla="*/ 2147483647 w 698"/>
              <a:gd name="T43" fmla="*/ 2147483647 h 1842"/>
              <a:gd name="T44" fmla="*/ 2147483647 w 698"/>
              <a:gd name="T45" fmla="*/ 2147483647 h 1842"/>
              <a:gd name="T46" fmla="*/ 2147483647 w 698"/>
              <a:gd name="T47" fmla="*/ 2147483647 h 1842"/>
              <a:gd name="T48" fmla="*/ 2147483647 w 698"/>
              <a:gd name="T49" fmla="*/ 2147483647 h 1842"/>
              <a:gd name="T50" fmla="*/ 2147483647 w 698"/>
              <a:gd name="T51" fmla="*/ 2147483647 h 1842"/>
              <a:gd name="T52" fmla="*/ 2147483647 w 698"/>
              <a:gd name="T53" fmla="*/ 2147483647 h 1842"/>
              <a:gd name="T54" fmla="*/ 2147483647 w 698"/>
              <a:gd name="T55" fmla="*/ 2147483647 h 1842"/>
              <a:gd name="T56" fmla="*/ 2147483647 w 698"/>
              <a:gd name="T57" fmla="*/ 2147483647 h 1842"/>
              <a:gd name="T58" fmla="*/ 2147483647 w 698"/>
              <a:gd name="T59" fmla="*/ 2147483647 h 1842"/>
              <a:gd name="T60" fmla="*/ 2147483647 w 698"/>
              <a:gd name="T61" fmla="*/ 2147483647 h 1842"/>
              <a:gd name="T62" fmla="*/ 2147483647 w 698"/>
              <a:gd name="T63" fmla="*/ 2147483647 h 1842"/>
              <a:gd name="T64" fmla="*/ 2147483647 w 698"/>
              <a:gd name="T65" fmla="*/ 2147483647 h 1842"/>
              <a:gd name="T66" fmla="*/ 2147483647 w 698"/>
              <a:gd name="T67" fmla="*/ 2147483647 h 1842"/>
              <a:gd name="T68" fmla="*/ 2147483647 w 698"/>
              <a:gd name="T69" fmla="*/ 2147483647 h 1842"/>
              <a:gd name="T70" fmla="*/ 2147483647 w 698"/>
              <a:gd name="T71" fmla="*/ 2147483647 h 1842"/>
              <a:gd name="T72" fmla="*/ 2147483647 w 698"/>
              <a:gd name="T73" fmla="*/ 2147483647 h 1842"/>
              <a:gd name="T74" fmla="*/ 2147483647 w 698"/>
              <a:gd name="T75" fmla="*/ 2147483647 h 1842"/>
              <a:gd name="T76" fmla="*/ 2147483647 w 698"/>
              <a:gd name="T77" fmla="*/ 2147483647 h 1842"/>
              <a:gd name="T78" fmla="*/ 2147483647 w 698"/>
              <a:gd name="T79" fmla="*/ 2147483647 h 1842"/>
              <a:gd name="T80" fmla="*/ 2147483647 w 698"/>
              <a:gd name="T81" fmla="*/ 2147483647 h 1842"/>
              <a:gd name="T82" fmla="*/ 2147483647 w 698"/>
              <a:gd name="T83" fmla="*/ 2147483647 h 1842"/>
              <a:gd name="T84" fmla="*/ 2147483647 w 698"/>
              <a:gd name="T85" fmla="*/ 2147483647 h 1842"/>
              <a:gd name="T86" fmla="*/ 2147483647 w 698"/>
              <a:gd name="T87" fmla="*/ 2147483647 h 1842"/>
              <a:gd name="T88" fmla="*/ 2147483647 w 698"/>
              <a:gd name="T89" fmla="*/ 2147483647 h 1842"/>
              <a:gd name="T90" fmla="*/ 2147483647 w 698"/>
              <a:gd name="T91" fmla="*/ 2147483647 h 1842"/>
              <a:gd name="T92" fmla="*/ 2147483647 w 698"/>
              <a:gd name="T93" fmla="*/ 2147483647 h 1842"/>
              <a:gd name="T94" fmla="*/ 2147483647 w 698"/>
              <a:gd name="T95" fmla="*/ 2147483647 h 1842"/>
              <a:gd name="T96" fmla="*/ 2147483647 w 698"/>
              <a:gd name="T97" fmla="*/ 2147483647 h 1842"/>
              <a:gd name="T98" fmla="*/ 2147483647 w 698"/>
              <a:gd name="T99" fmla="*/ 2147483647 h 1842"/>
              <a:gd name="T100" fmla="*/ 2147483647 w 698"/>
              <a:gd name="T101" fmla="*/ 2147483647 h 1842"/>
              <a:gd name="T102" fmla="*/ 2147483647 w 698"/>
              <a:gd name="T103" fmla="*/ 2147483647 h 1842"/>
              <a:gd name="T104" fmla="*/ 2147483647 w 698"/>
              <a:gd name="T105" fmla="*/ 2147483647 h 1842"/>
              <a:gd name="T106" fmla="*/ 2147483647 w 698"/>
              <a:gd name="T107" fmla="*/ 2147483647 h 1842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0" t="0" r="r" b="b"/>
            <a:pathLst>
              <a:path w="698" h="1842">
                <a:moveTo>
                  <a:pt x="434" y="34"/>
                </a:moveTo>
                <a:lnTo>
                  <a:pt x="430" y="24"/>
                </a:lnTo>
                <a:lnTo>
                  <a:pt x="422" y="8"/>
                </a:lnTo>
                <a:lnTo>
                  <a:pt x="432" y="4"/>
                </a:lnTo>
                <a:lnTo>
                  <a:pt x="442" y="2"/>
                </a:lnTo>
                <a:lnTo>
                  <a:pt x="446" y="0"/>
                </a:lnTo>
                <a:lnTo>
                  <a:pt x="458" y="14"/>
                </a:lnTo>
                <a:lnTo>
                  <a:pt x="460" y="18"/>
                </a:lnTo>
                <a:lnTo>
                  <a:pt x="498" y="46"/>
                </a:lnTo>
                <a:lnTo>
                  <a:pt x="514" y="52"/>
                </a:lnTo>
                <a:lnTo>
                  <a:pt x="522" y="68"/>
                </a:lnTo>
                <a:lnTo>
                  <a:pt x="548" y="68"/>
                </a:lnTo>
                <a:lnTo>
                  <a:pt x="576" y="78"/>
                </a:lnTo>
                <a:lnTo>
                  <a:pt x="588" y="92"/>
                </a:lnTo>
                <a:lnTo>
                  <a:pt x="590" y="102"/>
                </a:lnTo>
                <a:lnTo>
                  <a:pt x="600" y="104"/>
                </a:lnTo>
                <a:lnTo>
                  <a:pt x="618" y="126"/>
                </a:lnTo>
                <a:lnTo>
                  <a:pt x="612" y="134"/>
                </a:lnTo>
                <a:lnTo>
                  <a:pt x="618" y="186"/>
                </a:lnTo>
                <a:lnTo>
                  <a:pt x="636" y="192"/>
                </a:lnTo>
                <a:lnTo>
                  <a:pt x="638" y="212"/>
                </a:lnTo>
                <a:lnTo>
                  <a:pt x="630" y="216"/>
                </a:lnTo>
                <a:lnTo>
                  <a:pt x="630" y="228"/>
                </a:lnTo>
                <a:lnTo>
                  <a:pt x="662" y="268"/>
                </a:lnTo>
                <a:lnTo>
                  <a:pt x="662" y="302"/>
                </a:lnTo>
                <a:lnTo>
                  <a:pt x="656" y="316"/>
                </a:lnTo>
                <a:lnTo>
                  <a:pt x="658" y="344"/>
                </a:lnTo>
                <a:lnTo>
                  <a:pt x="676" y="356"/>
                </a:lnTo>
                <a:lnTo>
                  <a:pt x="688" y="380"/>
                </a:lnTo>
                <a:lnTo>
                  <a:pt x="698" y="402"/>
                </a:lnTo>
                <a:lnTo>
                  <a:pt x="692" y="408"/>
                </a:lnTo>
                <a:lnTo>
                  <a:pt x="680" y="412"/>
                </a:lnTo>
                <a:lnTo>
                  <a:pt x="666" y="408"/>
                </a:lnTo>
                <a:lnTo>
                  <a:pt x="654" y="408"/>
                </a:lnTo>
                <a:lnTo>
                  <a:pt x="650" y="416"/>
                </a:lnTo>
                <a:lnTo>
                  <a:pt x="646" y="418"/>
                </a:lnTo>
                <a:lnTo>
                  <a:pt x="640" y="422"/>
                </a:lnTo>
                <a:lnTo>
                  <a:pt x="624" y="416"/>
                </a:lnTo>
                <a:lnTo>
                  <a:pt x="620" y="410"/>
                </a:lnTo>
                <a:lnTo>
                  <a:pt x="618" y="416"/>
                </a:lnTo>
                <a:lnTo>
                  <a:pt x="604" y="412"/>
                </a:lnTo>
                <a:lnTo>
                  <a:pt x="600" y="422"/>
                </a:lnTo>
                <a:lnTo>
                  <a:pt x="602" y="434"/>
                </a:lnTo>
                <a:lnTo>
                  <a:pt x="608" y="442"/>
                </a:lnTo>
                <a:lnTo>
                  <a:pt x="606" y="456"/>
                </a:lnTo>
                <a:lnTo>
                  <a:pt x="594" y="458"/>
                </a:lnTo>
                <a:lnTo>
                  <a:pt x="584" y="456"/>
                </a:lnTo>
                <a:lnTo>
                  <a:pt x="586" y="468"/>
                </a:lnTo>
                <a:lnTo>
                  <a:pt x="572" y="480"/>
                </a:lnTo>
                <a:lnTo>
                  <a:pt x="564" y="484"/>
                </a:lnTo>
                <a:lnTo>
                  <a:pt x="574" y="494"/>
                </a:lnTo>
                <a:lnTo>
                  <a:pt x="572" y="504"/>
                </a:lnTo>
                <a:lnTo>
                  <a:pt x="570" y="518"/>
                </a:lnTo>
                <a:lnTo>
                  <a:pt x="566" y="534"/>
                </a:lnTo>
                <a:lnTo>
                  <a:pt x="556" y="550"/>
                </a:lnTo>
                <a:lnTo>
                  <a:pt x="562" y="562"/>
                </a:lnTo>
                <a:lnTo>
                  <a:pt x="562" y="580"/>
                </a:lnTo>
                <a:lnTo>
                  <a:pt x="568" y="582"/>
                </a:lnTo>
                <a:lnTo>
                  <a:pt x="578" y="590"/>
                </a:lnTo>
                <a:lnTo>
                  <a:pt x="588" y="602"/>
                </a:lnTo>
                <a:lnTo>
                  <a:pt x="586" y="606"/>
                </a:lnTo>
                <a:lnTo>
                  <a:pt x="584" y="612"/>
                </a:lnTo>
                <a:lnTo>
                  <a:pt x="580" y="622"/>
                </a:lnTo>
                <a:lnTo>
                  <a:pt x="576" y="628"/>
                </a:lnTo>
                <a:lnTo>
                  <a:pt x="560" y="640"/>
                </a:lnTo>
                <a:lnTo>
                  <a:pt x="560" y="654"/>
                </a:lnTo>
                <a:lnTo>
                  <a:pt x="554" y="676"/>
                </a:lnTo>
                <a:lnTo>
                  <a:pt x="554" y="694"/>
                </a:lnTo>
                <a:lnTo>
                  <a:pt x="542" y="702"/>
                </a:lnTo>
                <a:lnTo>
                  <a:pt x="530" y="710"/>
                </a:lnTo>
                <a:lnTo>
                  <a:pt x="526" y="718"/>
                </a:lnTo>
                <a:lnTo>
                  <a:pt x="510" y="726"/>
                </a:lnTo>
                <a:lnTo>
                  <a:pt x="500" y="740"/>
                </a:lnTo>
                <a:lnTo>
                  <a:pt x="498" y="752"/>
                </a:lnTo>
                <a:lnTo>
                  <a:pt x="486" y="738"/>
                </a:lnTo>
                <a:lnTo>
                  <a:pt x="486" y="752"/>
                </a:lnTo>
                <a:lnTo>
                  <a:pt x="474" y="752"/>
                </a:lnTo>
                <a:lnTo>
                  <a:pt x="470" y="774"/>
                </a:lnTo>
                <a:lnTo>
                  <a:pt x="468" y="786"/>
                </a:lnTo>
                <a:lnTo>
                  <a:pt x="450" y="786"/>
                </a:lnTo>
                <a:lnTo>
                  <a:pt x="442" y="792"/>
                </a:lnTo>
                <a:lnTo>
                  <a:pt x="428" y="812"/>
                </a:lnTo>
                <a:lnTo>
                  <a:pt x="434" y="824"/>
                </a:lnTo>
                <a:lnTo>
                  <a:pt x="430" y="834"/>
                </a:lnTo>
                <a:lnTo>
                  <a:pt x="416" y="842"/>
                </a:lnTo>
                <a:lnTo>
                  <a:pt x="408" y="842"/>
                </a:lnTo>
                <a:lnTo>
                  <a:pt x="404" y="840"/>
                </a:lnTo>
                <a:lnTo>
                  <a:pt x="398" y="828"/>
                </a:lnTo>
                <a:lnTo>
                  <a:pt x="396" y="834"/>
                </a:lnTo>
                <a:lnTo>
                  <a:pt x="402" y="850"/>
                </a:lnTo>
                <a:lnTo>
                  <a:pt x="406" y="868"/>
                </a:lnTo>
                <a:lnTo>
                  <a:pt x="406" y="880"/>
                </a:lnTo>
                <a:lnTo>
                  <a:pt x="398" y="890"/>
                </a:lnTo>
                <a:lnTo>
                  <a:pt x="386" y="896"/>
                </a:lnTo>
                <a:lnTo>
                  <a:pt x="380" y="888"/>
                </a:lnTo>
                <a:lnTo>
                  <a:pt x="376" y="894"/>
                </a:lnTo>
                <a:lnTo>
                  <a:pt x="376" y="910"/>
                </a:lnTo>
                <a:lnTo>
                  <a:pt x="382" y="920"/>
                </a:lnTo>
                <a:lnTo>
                  <a:pt x="392" y="924"/>
                </a:lnTo>
                <a:lnTo>
                  <a:pt x="392" y="936"/>
                </a:lnTo>
                <a:lnTo>
                  <a:pt x="384" y="954"/>
                </a:lnTo>
                <a:lnTo>
                  <a:pt x="378" y="974"/>
                </a:lnTo>
                <a:lnTo>
                  <a:pt x="384" y="986"/>
                </a:lnTo>
                <a:lnTo>
                  <a:pt x="392" y="990"/>
                </a:lnTo>
                <a:lnTo>
                  <a:pt x="392" y="1002"/>
                </a:lnTo>
                <a:lnTo>
                  <a:pt x="382" y="998"/>
                </a:lnTo>
                <a:lnTo>
                  <a:pt x="374" y="998"/>
                </a:lnTo>
                <a:lnTo>
                  <a:pt x="374" y="1010"/>
                </a:lnTo>
                <a:lnTo>
                  <a:pt x="376" y="1024"/>
                </a:lnTo>
                <a:lnTo>
                  <a:pt x="372" y="1038"/>
                </a:lnTo>
                <a:lnTo>
                  <a:pt x="378" y="1040"/>
                </a:lnTo>
                <a:lnTo>
                  <a:pt x="382" y="1048"/>
                </a:lnTo>
                <a:lnTo>
                  <a:pt x="376" y="1058"/>
                </a:lnTo>
                <a:lnTo>
                  <a:pt x="380" y="1076"/>
                </a:lnTo>
                <a:lnTo>
                  <a:pt x="380" y="1100"/>
                </a:lnTo>
                <a:lnTo>
                  <a:pt x="390" y="1112"/>
                </a:lnTo>
                <a:lnTo>
                  <a:pt x="388" y="1130"/>
                </a:lnTo>
                <a:lnTo>
                  <a:pt x="406" y="1134"/>
                </a:lnTo>
                <a:lnTo>
                  <a:pt x="416" y="1134"/>
                </a:lnTo>
                <a:lnTo>
                  <a:pt x="420" y="1146"/>
                </a:lnTo>
                <a:lnTo>
                  <a:pt x="428" y="1138"/>
                </a:lnTo>
                <a:lnTo>
                  <a:pt x="438" y="1136"/>
                </a:lnTo>
                <a:lnTo>
                  <a:pt x="440" y="1142"/>
                </a:lnTo>
                <a:lnTo>
                  <a:pt x="444" y="1150"/>
                </a:lnTo>
                <a:lnTo>
                  <a:pt x="450" y="1160"/>
                </a:lnTo>
                <a:lnTo>
                  <a:pt x="456" y="1164"/>
                </a:lnTo>
                <a:lnTo>
                  <a:pt x="468" y="1164"/>
                </a:lnTo>
                <a:lnTo>
                  <a:pt x="478" y="1162"/>
                </a:lnTo>
                <a:lnTo>
                  <a:pt x="484" y="1172"/>
                </a:lnTo>
                <a:lnTo>
                  <a:pt x="474" y="1180"/>
                </a:lnTo>
                <a:lnTo>
                  <a:pt x="480" y="1192"/>
                </a:lnTo>
                <a:lnTo>
                  <a:pt x="490" y="1192"/>
                </a:lnTo>
                <a:lnTo>
                  <a:pt x="494" y="1184"/>
                </a:lnTo>
                <a:lnTo>
                  <a:pt x="500" y="1196"/>
                </a:lnTo>
                <a:lnTo>
                  <a:pt x="506" y="1208"/>
                </a:lnTo>
                <a:lnTo>
                  <a:pt x="512" y="1224"/>
                </a:lnTo>
                <a:lnTo>
                  <a:pt x="518" y="1232"/>
                </a:lnTo>
                <a:lnTo>
                  <a:pt x="514" y="1240"/>
                </a:lnTo>
                <a:lnTo>
                  <a:pt x="504" y="1252"/>
                </a:lnTo>
                <a:lnTo>
                  <a:pt x="498" y="1268"/>
                </a:lnTo>
                <a:lnTo>
                  <a:pt x="490" y="1280"/>
                </a:lnTo>
                <a:lnTo>
                  <a:pt x="486" y="1294"/>
                </a:lnTo>
                <a:lnTo>
                  <a:pt x="492" y="1304"/>
                </a:lnTo>
                <a:lnTo>
                  <a:pt x="488" y="1314"/>
                </a:lnTo>
                <a:lnTo>
                  <a:pt x="490" y="1328"/>
                </a:lnTo>
                <a:lnTo>
                  <a:pt x="478" y="1330"/>
                </a:lnTo>
                <a:lnTo>
                  <a:pt x="470" y="1334"/>
                </a:lnTo>
                <a:lnTo>
                  <a:pt x="466" y="1346"/>
                </a:lnTo>
                <a:lnTo>
                  <a:pt x="460" y="1356"/>
                </a:lnTo>
                <a:lnTo>
                  <a:pt x="456" y="1364"/>
                </a:lnTo>
                <a:lnTo>
                  <a:pt x="448" y="1350"/>
                </a:lnTo>
                <a:lnTo>
                  <a:pt x="446" y="1336"/>
                </a:lnTo>
                <a:lnTo>
                  <a:pt x="444" y="1338"/>
                </a:lnTo>
                <a:lnTo>
                  <a:pt x="442" y="1344"/>
                </a:lnTo>
                <a:lnTo>
                  <a:pt x="436" y="1356"/>
                </a:lnTo>
                <a:lnTo>
                  <a:pt x="432" y="1366"/>
                </a:lnTo>
                <a:lnTo>
                  <a:pt x="424" y="1376"/>
                </a:lnTo>
                <a:lnTo>
                  <a:pt x="410" y="1382"/>
                </a:lnTo>
                <a:lnTo>
                  <a:pt x="404" y="1390"/>
                </a:lnTo>
                <a:lnTo>
                  <a:pt x="400" y="1398"/>
                </a:lnTo>
                <a:lnTo>
                  <a:pt x="376" y="1398"/>
                </a:lnTo>
                <a:lnTo>
                  <a:pt x="360" y="1398"/>
                </a:lnTo>
                <a:lnTo>
                  <a:pt x="372" y="1402"/>
                </a:lnTo>
                <a:lnTo>
                  <a:pt x="388" y="1408"/>
                </a:lnTo>
                <a:lnTo>
                  <a:pt x="400" y="1416"/>
                </a:lnTo>
                <a:lnTo>
                  <a:pt x="400" y="1420"/>
                </a:lnTo>
                <a:lnTo>
                  <a:pt x="400" y="1422"/>
                </a:lnTo>
                <a:lnTo>
                  <a:pt x="398" y="1422"/>
                </a:lnTo>
                <a:lnTo>
                  <a:pt x="372" y="1422"/>
                </a:lnTo>
                <a:lnTo>
                  <a:pt x="384" y="1430"/>
                </a:lnTo>
                <a:lnTo>
                  <a:pt x="390" y="1436"/>
                </a:lnTo>
                <a:lnTo>
                  <a:pt x="394" y="1450"/>
                </a:lnTo>
                <a:lnTo>
                  <a:pt x="396" y="1464"/>
                </a:lnTo>
                <a:lnTo>
                  <a:pt x="392" y="1470"/>
                </a:lnTo>
                <a:lnTo>
                  <a:pt x="386" y="1476"/>
                </a:lnTo>
                <a:lnTo>
                  <a:pt x="390" y="1478"/>
                </a:lnTo>
                <a:lnTo>
                  <a:pt x="392" y="1478"/>
                </a:lnTo>
                <a:lnTo>
                  <a:pt x="394" y="1480"/>
                </a:lnTo>
                <a:lnTo>
                  <a:pt x="394" y="1494"/>
                </a:lnTo>
                <a:lnTo>
                  <a:pt x="380" y="1494"/>
                </a:lnTo>
                <a:lnTo>
                  <a:pt x="380" y="1500"/>
                </a:lnTo>
                <a:lnTo>
                  <a:pt x="386" y="1506"/>
                </a:lnTo>
                <a:lnTo>
                  <a:pt x="390" y="1512"/>
                </a:lnTo>
                <a:lnTo>
                  <a:pt x="390" y="1522"/>
                </a:lnTo>
                <a:lnTo>
                  <a:pt x="386" y="1526"/>
                </a:lnTo>
                <a:lnTo>
                  <a:pt x="386" y="1534"/>
                </a:lnTo>
                <a:lnTo>
                  <a:pt x="396" y="1540"/>
                </a:lnTo>
                <a:lnTo>
                  <a:pt x="394" y="1548"/>
                </a:lnTo>
                <a:lnTo>
                  <a:pt x="394" y="1564"/>
                </a:lnTo>
                <a:lnTo>
                  <a:pt x="382" y="1570"/>
                </a:lnTo>
                <a:lnTo>
                  <a:pt x="380" y="1582"/>
                </a:lnTo>
                <a:lnTo>
                  <a:pt x="380" y="1590"/>
                </a:lnTo>
                <a:lnTo>
                  <a:pt x="380" y="1586"/>
                </a:lnTo>
                <a:lnTo>
                  <a:pt x="380" y="1588"/>
                </a:lnTo>
                <a:lnTo>
                  <a:pt x="384" y="1592"/>
                </a:lnTo>
                <a:lnTo>
                  <a:pt x="392" y="1600"/>
                </a:lnTo>
                <a:lnTo>
                  <a:pt x="384" y="1610"/>
                </a:lnTo>
                <a:lnTo>
                  <a:pt x="386" y="1644"/>
                </a:lnTo>
                <a:lnTo>
                  <a:pt x="378" y="1660"/>
                </a:lnTo>
                <a:lnTo>
                  <a:pt x="372" y="1672"/>
                </a:lnTo>
                <a:lnTo>
                  <a:pt x="364" y="1694"/>
                </a:lnTo>
                <a:lnTo>
                  <a:pt x="364" y="1708"/>
                </a:lnTo>
                <a:lnTo>
                  <a:pt x="356" y="1722"/>
                </a:lnTo>
                <a:lnTo>
                  <a:pt x="348" y="1732"/>
                </a:lnTo>
                <a:lnTo>
                  <a:pt x="340" y="1722"/>
                </a:lnTo>
                <a:lnTo>
                  <a:pt x="332" y="1716"/>
                </a:lnTo>
                <a:lnTo>
                  <a:pt x="324" y="1724"/>
                </a:lnTo>
                <a:lnTo>
                  <a:pt x="310" y="1724"/>
                </a:lnTo>
                <a:lnTo>
                  <a:pt x="294" y="1724"/>
                </a:lnTo>
                <a:lnTo>
                  <a:pt x="284" y="1726"/>
                </a:lnTo>
                <a:lnTo>
                  <a:pt x="272" y="1730"/>
                </a:lnTo>
                <a:lnTo>
                  <a:pt x="274" y="1742"/>
                </a:lnTo>
                <a:lnTo>
                  <a:pt x="270" y="1750"/>
                </a:lnTo>
                <a:lnTo>
                  <a:pt x="260" y="1746"/>
                </a:lnTo>
                <a:lnTo>
                  <a:pt x="254" y="1748"/>
                </a:lnTo>
                <a:lnTo>
                  <a:pt x="240" y="1762"/>
                </a:lnTo>
                <a:lnTo>
                  <a:pt x="236" y="1768"/>
                </a:lnTo>
                <a:lnTo>
                  <a:pt x="232" y="1790"/>
                </a:lnTo>
                <a:lnTo>
                  <a:pt x="244" y="1794"/>
                </a:lnTo>
                <a:lnTo>
                  <a:pt x="246" y="1804"/>
                </a:lnTo>
                <a:lnTo>
                  <a:pt x="246" y="1816"/>
                </a:lnTo>
                <a:lnTo>
                  <a:pt x="236" y="1830"/>
                </a:lnTo>
                <a:lnTo>
                  <a:pt x="224" y="1834"/>
                </a:lnTo>
                <a:lnTo>
                  <a:pt x="214" y="1826"/>
                </a:lnTo>
                <a:lnTo>
                  <a:pt x="204" y="1828"/>
                </a:lnTo>
                <a:lnTo>
                  <a:pt x="194" y="1832"/>
                </a:lnTo>
                <a:lnTo>
                  <a:pt x="180" y="1842"/>
                </a:lnTo>
                <a:lnTo>
                  <a:pt x="158" y="1836"/>
                </a:lnTo>
                <a:lnTo>
                  <a:pt x="140" y="1838"/>
                </a:lnTo>
                <a:lnTo>
                  <a:pt x="148" y="1824"/>
                </a:lnTo>
                <a:lnTo>
                  <a:pt x="140" y="1818"/>
                </a:lnTo>
                <a:lnTo>
                  <a:pt x="140" y="1814"/>
                </a:lnTo>
                <a:lnTo>
                  <a:pt x="142" y="1810"/>
                </a:lnTo>
                <a:lnTo>
                  <a:pt x="144" y="1808"/>
                </a:lnTo>
                <a:lnTo>
                  <a:pt x="154" y="1802"/>
                </a:lnTo>
                <a:lnTo>
                  <a:pt x="152" y="1794"/>
                </a:lnTo>
                <a:lnTo>
                  <a:pt x="140" y="1788"/>
                </a:lnTo>
                <a:lnTo>
                  <a:pt x="142" y="1780"/>
                </a:lnTo>
                <a:lnTo>
                  <a:pt x="132" y="1762"/>
                </a:lnTo>
                <a:lnTo>
                  <a:pt x="120" y="1748"/>
                </a:lnTo>
                <a:lnTo>
                  <a:pt x="112" y="1734"/>
                </a:lnTo>
                <a:lnTo>
                  <a:pt x="110" y="1718"/>
                </a:lnTo>
                <a:lnTo>
                  <a:pt x="118" y="1724"/>
                </a:lnTo>
                <a:lnTo>
                  <a:pt x="126" y="1730"/>
                </a:lnTo>
                <a:lnTo>
                  <a:pt x="134" y="1722"/>
                </a:lnTo>
                <a:lnTo>
                  <a:pt x="126" y="1716"/>
                </a:lnTo>
                <a:lnTo>
                  <a:pt x="114" y="1706"/>
                </a:lnTo>
                <a:lnTo>
                  <a:pt x="120" y="1696"/>
                </a:lnTo>
                <a:lnTo>
                  <a:pt x="132" y="1696"/>
                </a:lnTo>
                <a:lnTo>
                  <a:pt x="138" y="1686"/>
                </a:lnTo>
                <a:lnTo>
                  <a:pt x="134" y="1666"/>
                </a:lnTo>
                <a:lnTo>
                  <a:pt x="120" y="1670"/>
                </a:lnTo>
                <a:lnTo>
                  <a:pt x="108" y="1646"/>
                </a:lnTo>
                <a:lnTo>
                  <a:pt x="98" y="1636"/>
                </a:lnTo>
                <a:lnTo>
                  <a:pt x="80" y="1600"/>
                </a:lnTo>
                <a:lnTo>
                  <a:pt x="76" y="1582"/>
                </a:lnTo>
                <a:lnTo>
                  <a:pt x="64" y="1580"/>
                </a:lnTo>
                <a:lnTo>
                  <a:pt x="64" y="1556"/>
                </a:lnTo>
                <a:lnTo>
                  <a:pt x="58" y="1544"/>
                </a:lnTo>
                <a:lnTo>
                  <a:pt x="64" y="1532"/>
                </a:lnTo>
                <a:lnTo>
                  <a:pt x="58" y="1526"/>
                </a:lnTo>
                <a:lnTo>
                  <a:pt x="52" y="1538"/>
                </a:lnTo>
                <a:lnTo>
                  <a:pt x="46" y="1536"/>
                </a:lnTo>
                <a:lnTo>
                  <a:pt x="42" y="1536"/>
                </a:lnTo>
                <a:lnTo>
                  <a:pt x="40" y="1532"/>
                </a:lnTo>
                <a:lnTo>
                  <a:pt x="48" y="1520"/>
                </a:lnTo>
                <a:lnTo>
                  <a:pt x="48" y="1508"/>
                </a:lnTo>
                <a:lnTo>
                  <a:pt x="48" y="1498"/>
                </a:lnTo>
                <a:lnTo>
                  <a:pt x="40" y="1492"/>
                </a:lnTo>
                <a:lnTo>
                  <a:pt x="48" y="1484"/>
                </a:lnTo>
                <a:lnTo>
                  <a:pt x="52" y="1482"/>
                </a:lnTo>
                <a:lnTo>
                  <a:pt x="54" y="1476"/>
                </a:lnTo>
                <a:lnTo>
                  <a:pt x="52" y="1464"/>
                </a:lnTo>
                <a:lnTo>
                  <a:pt x="38" y="1464"/>
                </a:lnTo>
                <a:lnTo>
                  <a:pt x="32" y="1478"/>
                </a:lnTo>
                <a:lnTo>
                  <a:pt x="20" y="1482"/>
                </a:lnTo>
                <a:lnTo>
                  <a:pt x="26" y="1464"/>
                </a:lnTo>
                <a:lnTo>
                  <a:pt x="24" y="1454"/>
                </a:lnTo>
                <a:lnTo>
                  <a:pt x="12" y="1452"/>
                </a:lnTo>
                <a:lnTo>
                  <a:pt x="12" y="1424"/>
                </a:lnTo>
                <a:lnTo>
                  <a:pt x="10" y="1400"/>
                </a:lnTo>
                <a:lnTo>
                  <a:pt x="8" y="1384"/>
                </a:lnTo>
                <a:lnTo>
                  <a:pt x="0" y="1372"/>
                </a:lnTo>
                <a:lnTo>
                  <a:pt x="4" y="1364"/>
                </a:lnTo>
                <a:lnTo>
                  <a:pt x="8" y="1360"/>
                </a:lnTo>
                <a:lnTo>
                  <a:pt x="14" y="1354"/>
                </a:lnTo>
                <a:lnTo>
                  <a:pt x="18" y="1358"/>
                </a:lnTo>
                <a:lnTo>
                  <a:pt x="20" y="1362"/>
                </a:lnTo>
                <a:lnTo>
                  <a:pt x="22" y="1376"/>
                </a:lnTo>
                <a:lnTo>
                  <a:pt x="30" y="1386"/>
                </a:lnTo>
                <a:lnTo>
                  <a:pt x="38" y="1380"/>
                </a:lnTo>
                <a:lnTo>
                  <a:pt x="44" y="1362"/>
                </a:lnTo>
                <a:lnTo>
                  <a:pt x="46" y="1346"/>
                </a:lnTo>
                <a:lnTo>
                  <a:pt x="46" y="1320"/>
                </a:lnTo>
                <a:lnTo>
                  <a:pt x="40" y="1308"/>
                </a:lnTo>
                <a:lnTo>
                  <a:pt x="38" y="1288"/>
                </a:lnTo>
                <a:lnTo>
                  <a:pt x="48" y="1284"/>
                </a:lnTo>
                <a:lnTo>
                  <a:pt x="50" y="1264"/>
                </a:lnTo>
                <a:lnTo>
                  <a:pt x="46" y="1258"/>
                </a:lnTo>
                <a:lnTo>
                  <a:pt x="52" y="1252"/>
                </a:lnTo>
                <a:lnTo>
                  <a:pt x="68" y="1252"/>
                </a:lnTo>
                <a:lnTo>
                  <a:pt x="86" y="1232"/>
                </a:lnTo>
                <a:lnTo>
                  <a:pt x="88" y="1196"/>
                </a:lnTo>
                <a:lnTo>
                  <a:pt x="94" y="1174"/>
                </a:lnTo>
                <a:lnTo>
                  <a:pt x="86" y="1158"/>
                </a:lnTo>
                <a:lnTo>
                  <a:pt x="78" y="1134"/>
                </a:lnTo>
                <a:lnTo>
                  <a:pt x="72" y="1118"/>
                </a:lnTo>
                <a:lnTo>
                  <a:pt x="76" y="1104"/>
                </a:lnTo>
                <a:lnTo>
                  <a:pt x="96" y="1100"/>
                </a:lnTo>
                <a:lnTo>
                  <a:pt x="104" y="1086"/>
                </a:lnTo>
                <a:lnTo>
                  <a:pt x="108" y="1066"/>
                </a:lnTo>
                <a:lnTo>
                  <a:pt x="104" y="1054"/>
                </a:lnTo>
                <a:lnTo>
                  <a:pt x="86" y="1036"/>
                </a:lnTo>
                <a:lnTo>
                  <a:pt x="78" y="1032"/>
                </a:lnTo>
                <a:lnTo>
                  <a:pt x="62" y="1016"/>
                </a:lnTo>
                <a:lnTo>
                  <a:pt x="60" y="982"/>
                </a:lnTo>
                <a:lnTo>
                  <a:pt x="70" y="942"/>
                </a:lnTo>
                <a:lnTo>
                  <a:pt x="54" y="910"/>
                </a:lnTo>
                <a:lnTo>
                  <a:pt x="54" y="888"/>
                </a:lnTo>
                <a:lnTo>
                  <a:pt x="56" y="872"/>
                </a:lnTo>
                <a:lnTo>
                  <a:pt x="50" y="862"/>
                </a:lnTo>
                <a:lnTo>
                  <a:pt x="58" y="852"/>
                </a:lnTo>
                <a:lnTo>
                  <a:pt x="58" y="838"/>
                </a:lnTo>
                <a:lnTo>
                  <a:pt x="50" y="820"/>
                </a:lnTo>
                <a:lnTo>
                  <a:pt x="46" y="810"/>
                </a:lnTo>
                <a:lnTo>
                  <a:pt x="48" y="800"/>
                </a:lnTo>
                <a:lnTo>
                  <a:pt x="56" y="782"/>
                </a:lnTo>
                <a:lnTo>
                  <a:pt x="54" y="766"/>
                </a:lnTo>
                <a:lnTo>
                  <a:pt x="60" y="758"/>
                </a:lnTo>
                <a:lnTo>
                  <a:pt x="70" y="738"/>
                </a:lnTo>
                <a:lnTo>
                  <a:pt x="78" y="722"/>
                </a:lnTo>
                <a:lnTo>
                  <a:pt x="90" y="708"/>
                </a:lnTo>
                <a:lnTo>
                  <a:pt x="106" y="700"/>
                </a:lnTo>
                <a:lnTo>
                  <a:pt x="128" y="700"/>
                </a:lnTo>
                <a:lnTo>
                  <a:pt x="156" y="706"/>
                </a:lnTo>
                <a:lnTo>
                  <a:pt x="162" y="694"/>
                </a:lnTo>
                <a:lnTo>
                  <a:pt x="166" y="686"/>
                </a:lnTo>
                <a:lnTo>
                  <a:pt x="162" y="666"/>
                </a:lnTo>
                <a:lnTo>
                  <a:pt x="162" y="646"/>
                </a:lnTo>
                <a:lnTo>
                  <a:pt x="150" y="642"/>
                </a:lnTo>
                <a:lnTo>
                  <a:pt x="136" y="636"/>
                </a:lnTo>
                <a:lnTo>
                  <a:pt x="136" y="626"/>
                </a:lnTo>
                <a:lnTo>
                  <a:pt x="142" y="608"/>
                </a:lnTo>
                <a:lnTo>
                  <a:pt x="150" y="598"/>
                </a:lnTo>
                <a:lnTo>
                  <a:pt x="160" y="576"/>
                </a:lnTo>
                <a:lnTo>
                  <a:pt x="168" y="560"/>
                </a:lnTo>
                <a:lnTo>
                  <a:pt x="174" y="530"/>
                </a:lnTo>
                <a:lnTo>
                  <a:pt x="178" y="484"/>
                </a:lnTo>
                <a:lnTo>
                  <a:pt x="180" y="456"/>
                </a:lnTo>
                <a:lnTo>
                  <a:pt x="174" y="442"/>
                </a:lnTo>
                <a:lnTo>
                  <a:pt x="176" y="424"/>
                </a:lnTo>
                <a:lnTo>
                  <a:pt x="198" y="420"/>
                </a:lnTo>
                <a:lnTo>
                  <a:pt x="220" y="402"/>
                </a:lnTo>
                <a:lnTo>
                  <a:pt x="220" y="382"/>
                </a:lnTo>
                <a:lnTo>
                  <a:pt x="214" y="372"/>
                </a:lnTo>
                <a:lnTo>
                  <a:pt x="226" y="356"/>
                </a:lnTo>
                <a:lnTo>
                  <a:pt x="240" y="330"/>
                </a:lnTo>
                <a:lnTo>
                  <a:pt x="242" y="316"/>
                </a:lnTo>
                <a:lnTo>
                  <a:pt x="260" y="300"/>
                </a:lnTo>
                <a:lnTo>
                  <a:pt x="262" y="274"/>
                </a:lnTo>
                <a:lnTo>
                  <a:pt x="252" y="260"/>
                </a:lnTo>
                <a:lnTo>
                  <a:pt x="242" y="242"/>
                </a:lnTo>
                <a:lnTo>
                  <a:pt x="262" y="220"/>
                </a:lnTo>
                <a:lnTo>
                  <a:pt x="266" y="194"/>
                </a:lnTo>
                <a:lnTo>
                  <a:pt x="270" y="176"/>
                </a:lnTo>
                <a:lnTo>
                  <a:pt x="292" y="152"/>
                </a:lnTo>
                <a:lnTo>
                  <a:pt x="308" y="150"/>
                </a:lnTo>
                <a:lnTo>
                  <a:pt x="316" y="160"/>
                </a:lnTo>
                <a:lnTo>
                  <a:pt x="328" y="158"/>
                </a:lnTo>
                <a:lnTo>
                  <a:pt x="336" y="142"/>
                </a:lnTo>
                <a:lnTo>
                  <a:pt x="336" y="118"/>
                </a:lnTo>
                <a:lnTo>
                  <a:pt x="330" y="104"/>
                </a:lnTo>
                <a:lnTo>
                  <a:pt x="330" y="86"/>
                </a:lnTo>
                <a:lnTo>
                  <a:pt x="344" y="80"/>
                </a:lnTo>
                <a:lnTo>
                  <a:pt x="360" y="86"/>
                </a:lnTo>
                <a:lnTo>
                  <a:pt x="378" y="86"/>
                </a:lnTo>
                <a:lnTo>
                  <a:pt x="396" y="92"/>
                </a:lnTo>
                <a:lnTo>
                  <a:pt x="418" y="100"/>
                </a:lnTo>
                <a:lnTo>
                  <a:pt x="434" y="86"/>
                </a:lnTo>
                <a:lnTo>
                  <a:pt x="434" y="78"/>
                </a:lnTo>
                <a:lnTo>
                  <a:pt x="424" y="78"/>
                </a:lnTo>
                <a:lnTo>
                  <a:pt x="422" y="70"/>
                </a:lnTo>
                <a:lnTo>
                  <a:pt x="432" y="48"/>
                </a:lnTo>
                <a:lnTo>
                  <a:pt x="434" y="3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72" name="Freeform 99"/>
          <p:cNvSpPr>
            <a:spLocks/>
          </p:cNvSpPr>
          <p:nvPr/>
        </p:nvSpPr>
        <p:spPr bwMode="auto">
          <a:xfrm>
            <a:off x="6511925" y="417513"/>
            <a:ext cx="88900" cy="52387"/>
          </a:xfrm>
          <a:custGeom>
            <a:avLst/>
            <a:gdLst>
              <a:gd name="T0" fmla="*/ 2147483647 w 68"/>
              <a:gd name="T1" fmla="*/ 0 h 40"/>
              <a:gd name="T2" fmla="*/ 2147483647 w 68"/>
              <a:gd name="T3" fmla="*/ 2147483647 h 40"/>
              <a:gd name="T4" fmla="*/ 2147483647 w 68"/>
              <a:gd name="T5" fmla="*/ 2147483647 h 40"/>
              <a:gd name="T6" fmla="*/ 2147483647 w 68"/>
              <a:gd name="T7" fmla="*/ 2147483647 h 40"/>
              <a:gd name="T8" fmla="*/ 2147483647 w 68"/>
              <a:gd name="T9" fmla="*/ 2147483647 h 40"/>
              <a:gd name="T10" fmla="*/ 2147483647 w 68"/>
              <a:gd name="T11" fmla="*/ 2147483647 h 40"/>
              <a:gd name="T12" fmla="*/ 2147483647 w 68"/>
              <a:gd name="T13" fmla="*/ 2147483647 h 40"/>
              <a:gd name="T14" fmla="*/ 2147483647 w 68"/>
              <a:gd name="T15" fmla="*/ 2147483647 h 40"/>
              <a:gd name="T16" fmla="*/ 2147483647 w 68"/>
              <a:gd name="T17" fmla="*/ 2147483647 h 40"/>
              <a:gd name="T18" fmla="*/ 2147483647 w 68"/>
              <a:gd name="T19" fmla="*/ 2147483647 h 40"/>
              <a:gd name="T20" fmla="*/ 2147483647 w 68"/>
              <a:gd name="T21" fmla="*/ 2147483647 h 40"/>
              <a:gd name="T22" fmla="*/ 0 w 68"/>
              <a:gd name="T23" fmla="*/ 2147483647 h 40"/>
              <a:gd name="T24" fmla="*/ 2147483647 w 68"/>
              <a:gd name="T25" fmla="*/ 0 h 40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68" h="40">
                <a:moveTo>
                  <a:pt x="4" y="0"/>
                </a:moveTo>
                <a:lnTo>
                  <a:pt x="18" y="8"/>
                </a:lnTo>
                <a:lnTo>
                  <a:pt x="38" y="14"/>
                </a:lnTo>
                <a:lnTo>
                  <a:pt x="50" y="10"/>
                </a:lnTo>
                <a:lnTo>
                  <a:pt x="60" y="16"/>
                </a:lnTo>
                <a:lnTo>
                  <a:pt x="68" y="24"/>
                </a:lnTo>
                <a:lnTo>
                  <a:pt x="62" y="36"/>
                </a:lnTo>
                <a:lnTo>
                  <a:pt x="46" y="40"/>
                </a:lnTo>
                <a:lnTo>
                  <a:pt x="26" y="36"/>
                </a:lnTo>
                <a:lnTo>
                  <a:pt x="18" y="26"/>
                </a:lnTo>
                <a:lnTo>
                  <a:pt x="10" y="20"/>
                </a:lnTo>
                <a:lnTo>
                  <a:pt x="0" y="10"/>
                </a:lnTo>
                <a:lnTo>
                  <a:pt x="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28073" name="Group 100"/>
          <p:cNvGrpSpPr>
            <a:grpSpLocks/>
          </p:cNvGrpSpPr>
          <p:nvPr/>
        </p:nvGrpSpPr>
        <p:grpSpPr bwMode="auto">
          <a:xfrm>
            <a:off x="4778375" y="292100"/>
            <a:ext cx="1692275" cy="2378075"/>
            <a:chOff x="1890" y="495"/>
            <a:chExt cx="1307" cy="1838"/>
          </a:xfrm>
        </p:grpSpPr>
        <p:sp>
          <p:nvSpPr>
            <p:cNvPr id="128124" name="Freeform 101"/>
            <p:cNvSpPr>
              <a:spLocks/>
            </p:cNvSpPr>
            <p:nvPr/>
          </p:nvSpPr>
          <p:spPr bwMode="auto">
            <a:xfrm>
              <a:off x="1890" y="495"/>
              <a:ext cx="1307" cy="1838"/>
            </a:xfrm>
            <a:custGeom>
              <a:avLst/>
              <a:gdLst>
                <a:gd name="T0" fmla="*/ 1103 w 1307"/>
                <a:gd name="T1" fmla="*/ 88 h 1838"/>
                <a:gd name="T2" fmla="*/ 1105 w 1307"/>
                <a:gd name="T3" fmla="*/ 0 h 1838"/>
                <a:gd name="T4" fmla="*/ 1145 w 1307"/>
                <a:gd name="T5" fmla="*/ 66 h 1838"/>
                <a:gd name="T6" fmla="*/ 1219 w 1307"/>
                <a:gd name="T7" fmla="*/ 34 h 1838"/>
                <a:gd name="T8" fmla="*/ 1263 w 1307"/>
                <a:gd name="T9" fmla="*/ 86 h 1838"/>
                <a:gd name="T10" fmla="*/ 1283 w 1307"/>
                <a:gd name="T11" fmla="*/ 150 h 1838"/>
                <a:gd name="T12" fmla="*/ 1227 w 1307"/>
                <a:gd name="T13" fmla="*/ 236 h 1838"/>
                <a:gd name="T14" fmla="*/ 1137 w 1307"/>
                <a:gd name="T15" fmla="*/ 144 h 1838"/>
                <a:gd name="T16" fmla="*/ 1055 w 1307"/>
                <a:gd name="T17" fmla="*/ 368 h 1838"/>
                <a:gd name="T18" fmla="*/ 901 w 1307"/>
                <a:gd name="T19" fmla="*/ 334 h 1838"/>
                <a:gd name="T20" fmla="*/ 817 w 1307"/>
                <a:gd name="T21" fmla="*/ 348 h 1838"/>
                <a:gd name="T22" fmla="*/ 725 w 1307"/>
                <a:gd name="T23" fmla="*/ 426 h 1838"/>
                <a:gd name="T24" fmla="*/ 647 w 1307"/>
                <a:gd name="T25" fmla="*/ 600 h 1838"/>
                <a:gd name="T26" fmla="*/ 569 w 1307"/>
                <a:gd name="T27" fmla="*/ 782 h 1838"/>
                <a:gd name="T28" fmla="*/ 557 w 1307"/>
                <a:gd name="T29" fmla="*/ 986 h 1838"/>
                <a:gd name="T30" fmla="*/ 449 w 1307"/>
                <a:gd name="T31" fmla="*/ 1106 h 1838"/>
                <a:gd name="T32" fmla="*/ 473 w 1307"/>
                <a:gd name="T33" fmla="*/ 1372 h 1838"/>
                <a:gd name="T34" fmla="*/ 483 w 1307"/>
                <a:gd name="T35" fmla="*/ 1536 h 1838"/>
                <a:gd name="T36" fmla="*/ 439 w 1307"/>
                <a:gd name="T37" fmla="*/ 1702 h 1838"/>
                <a:gd name="T38" fmla="*/ 365 w 1307"/>
                <a:gd name="T39" fmla="*/ 1652 h 1838"/>
                <a:gd name="T40" fmla="*/ 353 w 1307"/>
                <a:gd name="T41" fmla="*/ 1656 h 1838"/>
                <a:gd name="T42" fmla="*/ 285 w 1307"/>
                <a:gd name="T43" fmla="*/ 1730 h 1838"/>
                <a:gd name="T44" fmla="*/ 192 w 1307"/>
                <a:gd name="T45" fmla="*/ 1824 h 1838"/>
                <a:gd name="T46" fmla="*/ 94 w 1307"/>
                <a:gd name="T47" fmla="*/ 1804 h 1838"/>
                <a:gd name="T48" fmla="*/ 62 w 1307"/>
                <a:gd name="T49" fmla="*/ 1706 h 1838"/>
                <a:gd name="T50" fmla="*/ 68 w 1307"/>
                <a:gd name="T51" fmla="*/ 1636 h 1838"/>
                <a:gd name="T52" fmla="*/ 4 w 1307"/>
                <a:gd name="T53" fmla="*/ 1650 h 1838"/>
                <a:gd name="T54" fmla="*/ 70 w 1307"/>
                <a:gd name="T55" fmla="*/ 1602 h 1838"/>
                <a:gd name="T56" fmla="*/ 84 w 1307"/>
                <a:gd name="T57" fmla="*/ 1530 h 1838"/>
                <a:gd name="T58" fmla="*/ 36 w 1307"/>
                <a:gd name="T59" fmla="*/ 1560 h 1838"/>
                <a:gd name="T60" fmla="*/ 24 w 1307"/>
                <a:gd name="T61" fmla="*/ 1504 h 1838"/>
                <a:gd name="T62" fmla="*/ 6 w 1307"/>
                <a:gd name="T63" fmla="*/ 1444 h 1838"/>
                <a:gd name="T64" fmla="*/ 28 w 1307"/>
                <a:gd name="T65" fmla="*/ 1430 h 1838"/>
                <a:gd name="T66" fmla="*/ 10 w 1307"/>
                <a:gd name="T67" fmla="*/ 1346 h 1838"/>
                <a:gd name="T68" fmla="*/ 56 w 1307"/>
                <a:gd name="T69" fmla="*/ 1288 h 1838"/>
                <a:gd name="T70" fmla="*/ 116 w 1307"/>
                <a:gd name="T71" fmla="*/ 1250 h 1838"/>
                <a:gd name="T72" fmla="*/ 132 w 1307"/>
                <a:gd name="T73" fmla="*/ 1202 h 1838"/>
                <a:gd name="T74" fmla="*/ 206 w 1307"/>
                <a:gd name="T75" fmla="*/ 1186 h 1838"/>
                <a:gd name="T76" fmla="*/ 234 w 1307"/>
                <a:gd name="T77" fmla="*/ 1140 h 1838"/>
                <a:gd name="T78" fmla="*/ 256 w 1307"/>
                <a:gd name="T79" fmla="*/ 1106 h 1838"/>
                <a:gd name="T80" fmla="*/ 319 w 1307"/>
                <a:gd name="T81" fmla="*/ 1052 h 1838"/>
                <a:gd name="T82" fmla="*/ 415 w 1307"/>
                <a:gd name="T83" fmla="*/ 940 h 1838"/>
                <a:gd name="T84" fmla="*/ 443 w 1307"/>
                <a:gd name="T85" fmla="*/ 850 h 1838"/>
                <a:gd name="T86" fmla="*/ 515 w 1307"/>
                <a:gd name="T87" fmla="*/ 754 h 1838"/>
                <a:gd name="T88" fmla="*/ 523 w 1307"/>
                <a:gd name="T89" fmla="*/ 684 h 1838"/>
                <a:gd name="T90" fmla="*/ 555 w 1307"/>
                <a:gd name="T91" fmla="*/ 620 h 1838"/>
                <a:gd name="T92" fmla="*/ 591 w 1307"/>
                <a:gd name="T93" fmla="*/ 558 h 1838"/>
                <a:gd name="T94" fmla="*/ 575 w 1307"/>
                <a:gd name="T95" fmla="*/ 520 h 1838"/>
                <a:gd name="T96" fmla="*/ 645 w 1307"/>
                <a:gd name="T97" fmla="*/ 496 h 1838"/>
                <a:gd name="T98" fmla="*/ 689 w 1307"/>
                <a:gd name="T99" fmla="*/ 450 h 1838"/>
                <a:gd name="T100" fmla="*/ 679 w 1307"/>
                <a:gd name="T101" fmla="*/ 382 h 1838"/>
                <a:gd name="T102" fmla="*/ 717 w 1307"/>
                <a:gd name="T103" fmla="*/ 280 h 1838"/>
                <a:gd name="T104" fmla="*/ 795 w 1307"/>
                <a:gd name="T105" fmla="*/ 226 h 1838"/>
                <a:gd name="T106" fmla="*/ 825 w 1307"/>
                <a:gd name="T107" fmla="*/ 212 h 1838"/>
                <a:gd name="T108" fmla="*/ 881 w 1307"/>
                <a:gd name="T109" fmla="*/ 192 h 1838"/>
                <a:gd name="T110" fmla="*/ 899 w 1307"/>
                <a:gd name="T111" fmla="*/ 152 h 1838"/>
                <a:gd name="T112" fmla="*/ 925 w 1307"/>
                <a:gd name="T113" fmla="*/ 118 h 1838"/>
                <a:gd name="T114" fmla="*/ 965 w 1307"/>
                <a:gd name="T115" fmla="*/ 76 h 1838"/>
                <a:gd name="T116" fmla="*/ 983 w 1307"/>
                <a:gd name="T117" fmla="*/ 36 h 1838"/>
                <a:gd name="T118" fmla="*/ 1023 w 1307"/>
                <a:gd name="T119" fmla="*/ 10 h 1838"/>
                <a:gd name="T120" fmla="*/ 1021 w 1307"/>
                <a:gd name="T121" fmla="*/ 94 h 1838"/>
                <a:gd name="T122" fmla="*/ 1035 w 1307"/>
                <a:gd name="T123" fmla="*/ 128 h 1838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0" t="0" r="r" b="b"/>
              <a:pathLst>
                <a:path w="1307" h="1838">
                  <a:moveTo>
                    <a:pt x="1055" y="48"/>
                  </a:moveTo>
                  <a:lnTo>
                    <a:pt x="1061" y="32"/>
                  </a:lnTo>
                  <a:lnTo>
                    <a:pt x="1071" y="32"/>
                  </a:lnTo>
                  <a:lnTo>
                    <a:pt x="1075" y="48"/>
                  </a:lnTo>
                  <a:lnTo>
                    <a:pt x="1077" y="64"/>
                  </a:lnTo>
                  <a:lnTo>
                    <a:pt x="1069" y="72"/>
                  </a:lnTo>
                  <a:lnTo>
                    <a:pt x="1079" y="76"/>
                  </a:lnTo>
                  <a:lnTo>
                    <a:pt x="1081" y="86"/>
                  </a:lnTo>
                  <a:lnTo>
                    <a:pt x="1083" y="104"/>
                  </a:lnTo>
                  <a:lnTo>
                    <a:pt x="1095" y="94"/>
                  </a:lnTo>
                  <a:lnTo>
                    <a:pt x="1103" y="88"/>
                  </a:lnTo>
                  <a:lnTo>
                    <a:pt x="1099" y="72"/>
                  </a:lnTo>
                  <a:lnTo>
                    <a:pt x="1097" y="56"/>
                  </a:lnTo>
                  <a:lnTo>
                    <a:pt x="1099" y="50"/>
                  </a:lnTo>
                  <a:lnTo>
                    <a:pt x="1101" y="44"/>
                  </a:lnTo>
                  <a:lnTo>
                    <a:pt x="1103" y="42"/>
                  </a:lnTo>
                  <a:lnTo>
                    <a:pt x="1107" y="38"/>
                  </a:lnTo>
                  <a:lnTo>
                    <a:pt x="1109" y="34"/>
                  </a:lnTo>
                  <a:lnTo>
                    <a:pt x="1095" y="34"/>
                  </a:lnTo>
                  <a:lnTo>
                    <a:pt x="1091" y="22"/>
                  </a:lnTo>
                  <a:lnTo>
                    <a:pt x="1099" y="12"/>
                  </a:lnTo>
                  <a:lnTo>
                    <a:pt x="1105" y="0"/>
                  </a:lnTo>
                  <a:lnTo>
                    <a:pt x="1121" y="4"/>
                  </a:lnTo>
                  <a:lnTo>
                    <a:pt x="1135" y="6"/>
                  </a:lnTo>
                  <a:lnTo>
                    <a:pt x="1151" y="10"/>
                  </a:lnTo>
                  <a:lnTo>
                    <a:pt x="1149" y="24"/>
                  </a:lnTo>
                  <a:lnTo>
                    <a:pt x="1143" y="34"/>
                  </a:lnTo>
                  <a:lnTo>
                    <a:pt x="1129" y="40"/>
                  </a:lnTo>
                  <a:lnTo>
                    <a:pt x="1135" y="46"/>
                  </a:lnTo>
                  <a:lnTo>
                    <a:pt x="1135" y="56"/>
                  </a:lnTo>
                  <a:lnTo>
                    <a:pt x="1147" y="48"/>
                  </a:lnTo>
                  <a:lnTo>
                    <a:pt x="1151" y="56"/>
                  </a:lnTo>
                  <a:lnTo>
                    <a:pt x="1145" y="66"/>
                  </a:lnTo>
                  <a:lnTo>
                    <a:pt x="1141" y="78"/>
                  </a:lnTo>
                  <a:lnTo>
                    <a:pt x="1155" y="78"/>
                  </a:lnTo>
                  <a:lnTo>
                    <a:pt x="1165" y="70"/>
                  </a:lnTo>
                  <a:lnTo>
                    <a:pt x="1159" y="54"/>
                  </a:lnTo>
                  <a:lnTo>
                    <a:pt x="1159" y="36"/>
                  </a:lnTo>
                  <a:lnTo>
                    <a:pt x="1167" y="16"/>
                  </a:lnTo>
                  <a:lnTo>
                    <a:pt x="1179" y="14"/>
                  </a:lnTo>
                  <a:lnTo>
                    <a:pt x="1193" y="24"/>
                  </a:lnTo>
                  <a:lnTo>
                    <a:pt x="1199" y="38"/>
                  </a:lnTo>
                  <a:lnTo>
                    <a:pt x="1209" y="30"/>
                  </a:lnTo>
                  <a:lnTo>
                    <a:pt x="1219" y="34"/>
                  </a:lnTo>
                  <a:lnTo>
                    <a:pt x="1229" y="26"/>
                  </a:lnTo>
                  <a:lnTo>
                    <a:pt x="1237" y="36"/>
                  </a:lnTo>
                  <a:lnTo>
                    <a:pt x="1245" y="40"/>
                  </a:lnTo>
                  <a:lnTo>
                    <a:pt x="1243" y="48"/>
                  </a:lnTo>
                  <a:lnTo>
                    <a:pt x="1257" y="46"/>
                  </a:lnTo>
                  <a:lnTo>
                    <a:pt x="1267" y="54"/>
                  </a:lnTo>
                  <a:lnTo>
                    <a:pt x="1283" y="54"/>
                  </a:lnTo>
                  <a:lnTo>
                    <a:pt x="1285" y="66"/>
                  </a:lnTo>
                  <a:lnTo>
                    <a:pt x="1275" y="74"/>
                  </a:lnTo>
                  <a:lnTo>
                    <a:pt x="1271" y="80"/>
                  </a:lnTo>
                  <a:lnTo>
                    <a:pt x="1263" y="86"/>
                  </a:lnTo>
                  <a:lnTo>
                    <a:pt x="1263" y="98"/>
                  </a:lnTo>
                  <a:lnTo>
                    <a:pt x="1249" y="114"/>
                  </a:lnTo>
                  <a:lnTo>
                    <a:pt x="1187" y="116"/>
                  </a:lnTo>
                  <a:lnTo>
                    <a:pt x="1187" y="126"/>
                  </a:lnTo>
                  <a:lnTo>
                    <a:pt x="1229" y="128"/>
                  </a:lnTo>
                  <a:lnTo>
                    <a:pt x="1237" y="136"/>
                  </a:lnTo>
                  <a:lnTo>
                    <a:pt x="1251" y="134"/>
                  </a:lnTo>
                  <a:lnTo>
                    <a:pt x="1261" y="142"/>
                  </a:lnTo>
                  <a:lnTo>
                    <a:pt x="1269" y="136"/>
                  </a:lnTo>
                  <a:lnTo>
                    <a:pt x="1277" y="142"/>
                  </a:lnTo>
                  <a:lnTo>
                    <a:pt x="1283" y="150"/>
                  </a:lnTo>
                  <a:lnTo>
                    <a:pt x="1287" y="138"/>
                  </a:lnTo>
                  <a:lnTo>
                    <a:pt x="1299" y="140"/>
                  </a:lnTo>
                  <a:lnTo>
                    <a:pt x="1307" y="164"/>
                  </a:lnTo>
                  <a:lnTo>
                    <a:pt x="1301" y="172"/>
                  </a:lnTo>
                  <a:lnTo>
                    <a:pt x="1275" y="168"/>
                  </a:lnTo>
                  <a:lnTo>
                    <a:pt x="1275" y="200"/>
                  </a:lnTo>
                  <a:lnTo>
                    <a:pt x="1249" y="218"/>
                  </a:lnTo>
                  <a:lnTo>
                    <a:pt x="1249" y="252"/>
                  </a:lnTo>
                  <a:lnTo>
                    <a:pt x="1239" y="262"/>
                  </a:lnTo>
                  <a:lnTo>
                    <a:pt x="1225" y="250"/>
                  </a:lnTo>
                  <a:lnTo>
                    <a:pt x="1227" y="236"/>
                  </a:lnTo>
                  <a:lnTo>
                    <a:pt x="1237" y="212"/>
                  </a:lnTo>
                  <a:lnTo>
                    <a:pt x="1237" y="194"/>
                  </a:lnTo>
                  <a:lnTo>
                    <a:pt x="1221" y="174"/>
                  </a:lnTo>
                  <a:lnTo>
                    <a:pt x="1211" y="170"/>
                  </a:lnTo>
                  <a:lnTo>
                    <a:pt x="1187" y="170"/>
                  </a:lnTo>
                  <a:lnTo>
                    <a:pt x="1183" y="162"/>
                  </a:lnTo>
                  <a:lnTo>
                    <a:pt x="1175" y="158"/>
                  </a:lnTo>
                  <a:lnTo>
                    <a:pt x="1167" y="150"/>
                  </a:lnTo>
                  <a:lnTo>
                    <a:pt x="1151" y="134"/>
                  </a:lnTo>
                  <a:lnTo>
                    <a:pt x="1145" y="138"/>
                  </a:lnTo>
                  <a:lnTo>
                    <a:pt x="1137" y="144"/>
                  </a:lnTo>
                  <a:lnTo>
                    <a:pt x="1127" y="164"/>
                  </a:lnTo>
                  <a:lnTo>
                    <a:pt x="1107" y="166"/>
                  </a:lnTo>
                  <a:lnTo>
                    <a:pt x="1087" y="176"/>
                  </a:lnTo>
                  <a:lnTo>
                    <a:pt x="1087" y="192"/>
                  </a:lnTo>
                  <a:lnTo>
                    <a:pt x="1077" y="214"/>
                  </a:lnTo>
                  <a:lnTo>
                    <a:pt x="1079" y="280"/>
                  </a:lnTo>
                  <a:lnTo>
                    <a:pt x="1089" y="296"/>
                  </a:lnTo>
                  <a:lnTo>
                    <a:pt x="1081" y="318"/>
                  </a:lnTo>
                  <a:lnTo>
                    <a:pt x="1065" y="334"/>
                  </a:lnTo>
                  <a:lnTo>
                    <a:pt x="1063" y="354"/>
                  </a:lnTo>
                  <a:lnTo>
                    <a:pt x="1055" y="368"/>
                  </a:lnTo>
                  <a:lnTo>
                    <a:pt x="1033" y="356"/>
                  </a:lnTo>
                  <a:lnTo>
                    <a:pt x="1015" y="350"/>
                  </a:lnTo>
                  <a:lnTo>
                    <a:pt x="1003" y="344"/>
                  </a:lnTo>
                  <a:lnTo>
                    <a:pt x="995" y="350"/>
                  </a:lnTo>
                  <a:lnTo>
                    <a:pt x="991" y="364"/>
                  </a:lnTo>
                  <a:lnTo>
                    <a:pt x="973" y="376"/>
                  </a:lnTo>
                  <a:lnTo>
                    <a:pt x="955" y="374"/>
                  </a:lnTo>
                  <a:lnTo>
                    <a:pt x="929" y="370"/>
                  </a:lnTo>
                  <a:lnTo>
                    <a:pt x="925" y="360"/>
                  </a:lnTo>
                  <a:lnTo>
                    <a:pt x="913" y="344"/>
                  </a:lnTo>
                  <a:lnTo>
                    <a:pt x="901" y="334"/>
                  </a:lnTo>
                  <a:lnTo>
                    <a:pt x="893" y="318"/>
                  </a:lnTo>
                  <a:lnTo>
                    <a:pt x="879" y="306"/>
                  </a:lnTo>
                  <a:lnTo>
                    <a:pt x="867" y="302"/>
                  </a:lnTo>
                  <a:lnTo>
                    <a:pt x="857" y="308"/>
                  </a:lnTo>
                  <a:lnTo>
                    <a:pt x="855" y="320"/>
                  </a:lnTo>
                  <a:lnTo>
                    <a:pt x="863" y="332"/>
                  </a:lnTo>
                  <a:lnTo>
                    <a:pt x="855" y="338"/>
                  </a:lnTo>
                  <a:lnTo>
                    <a:pt x="845" y="332"/>
                  </a:lnTo>
                  <a:lnTo>
                    <a:pt x="841" y="340"/>
                  </a:lnTo>
                  <a:lnTo>
                    <a:pt x="837" y="342"/>
                  </a:lnTo>
                  <a:lnTo>
                    <a:pt x="817" y="348"/>
                  </a:lnTo>
                  <a:lnTo>
                    <a:pt x="829" y="374"/>
                  </a:lnTo>
                  <a:lnTo>
                    <a:pt x="827" y="388"/>
                  </a:lnTo>
                  <a:lnTo>
                    <a:pt x="817" y="410"/>
                  </a:lnTo>
                  <a:lnTo>
                    <a:pt x="819" y="418"/>
                  </a:lnTo>
                  <a:lnTo>
                    <a:pt x="829" y="418"/>
                  </a:lnTo>
                  <a:lnTo>
                    <a:pt x="829" y="426"/>
                  </a:lnTo>
                  <a:lnTo>
                    <a:pt x="813" y="440"/>
                  </a:lnTo>
                  <a:lnTo>
                    <a:pt x="773" y="426"/>
                  </a:lnTo>
                  <a:lnTo>
                    <a:pt x="755" y="426"/>
                  </a:lnTo>
                  <a:lnTo>
                    <a:pt x="739" y="420"/>
                  </a:lnTo>
                  <a:lnTo>
                    <a:pt x="725" y="426"/>
                  </a:lnTo>
                  <a:lnTo>
                    <a:pt x="725" y="444"/>
                  </a:lnTo>
                  <a:lnTo>
                    <a:pt x="731" y="458"/>
                  </a:lnTo>
                  <a:lnTo>
                    <a:pt x="731" y="482"/>
                  </a:lnTo>
                  <a:lnTo>
                    <a:pt x="723" y="498"/>
                  </a:lnTo>
                  <a:lnTo>
                    <a:pt x="711" y="500"/>
                  </a:lnTo>
                  <a:lnTo>
                    <a:pt x="703" y="490"/>
                  </a:lnTo>
                  <a:lnTo>
                    <a:pt x="687" y="492"/>
                  </a:lnTo>
                  <a:lnTo>
                    <a:pt x="665" y="516"/>
                  </a:lnTo>
                  <a:lnTo>
                    <a:pt x="657" y="560"/>
                  </a:lnTo>
                  <a:lnTo>
                    <a:pt x="637" y="582"/>
                  </a:lnTo>
                  <a:lnTo>
                    <a:pt x="647" y="600"/>
                  </a:lnTo>
                  <a:lnTo>
                    <a:pt x="657" y="614"/>
                  </a:lnTo>
                  <a:lnTo>
                    <a:pt x="655" y="640"/>
                  </a:lnTo>
                  <a:lnTo>
                    <a:pt x="637" y="656"/>
                  </a:lnTo>
                  <a:lnTo>
                    <a:pt x="635" y="670"/>
                  </a:lnTo>
                  <a:lnTo>
                    <a:pt x="621" y="696"/>
                  </a:lnTo>
                  <a:lnTo>
                    <a:pt x="609" y="712"/>
                  </a:lnTo>
                  <a:lnTo>
                    <a:pt x="615" y="722"/>
                  </a:lnTo>
                  <a:lnTo>
                    <a:pt x="615" y="742"/>
                  </a:lnTo>
                  <a:lnTo>
                    <a:pt x="593" y="760"/>
                  </a:lnTo>
                  <a:lnTo>
                    <a:pt x="571" y="764"/>
                  </a:lnTo>
                  <a:lnTo>
                    <a:pt x="569" y="782"/>
                  </a:lnTo>
                  <a:lnTo>
                    <a:pt x="575" y="796"/>
                  </a:lnTo>
                  <a:lnTo>
                    <a:pt x="569" y="866"/>
                  </a:lnTo>
                  <a:lnTo>
                    <a:pt x="569" y="870"/>
                  </a:lnTo>
                  <a:lnTo>
                    <a:pt x="563" y="898"/>
                  </a:lnTo>
                  <a:lnTo>
                    <a:pt x="555" y="916"/>
                  </a:lnTo>
                  <a:lnTo>
                    <a:pt x="545" y="938"/>
                  </a:lnTo>
                  <a:lnTo>
                    <a:pt x="537" y="948"/>
                  </a:lnTo>
                  <a:lnTo>
                    <a:pt x="531" y="966"/>
                  </a:lnTo>
                  <a:lnTo>
                    <a:pt x="531" y="976"/>
                  </a:lnTo>
                  <a:lnTo>
                    <a:pt x="545" y="982"/>
                  </a:lnTo>
                  <a:lnTo>
                    <a:pt x="557" y="986"/>
                  </a:lnTo>
                  <a:lnTo>
                    <a:pt x="557" y="1008"/>
                  </a:lnTo>
                  <a:lnTo>
                    <a:pt x="561" y="1026"/>
                  </a:lnTo>
                  <a:lnTo>
                    <a:pt x="551" y="1046"/>
                  </a:lnTo>
                  <a:lnTo>
                    <a:pt x="535" y="1044"/>
                  </a:lnTo>
                  <a:lnTo>
                    <a:pt x="525" y="1040"/>
                  </a:lnTo>
                  <a:lnTo>
                    <a:pt x="501" y="1042"/>
                  </a:lnTo>
                  <a:lnTo>
                    <a:pt x="485" y="1048"/>
                  </a:lnTo>
                  <a:lnTo>
                    <a:pt x="473" y="1062"/>
                  </a:lnTo>
                  <a:lnTo>
                    <a:pt x="467" y="1072"/>
                  </a:lnTo>
                  <a:lnTo>
                    <a:pt x="465" y="1078"/>
                  </a:lnTo>
                  <a:lnTo>
                    <a:pt x="449" y="1106"/>
                  </a:lnTo>
                  <a:lnTo>
                    <a:pt x="451" y="1122"/>
                  </a:lnTo>
                  <a:lnTo>
                    <a:pt x="441" y="1150"/>
                  </a:lnTo>
                  <a:lnTo>
                    <a:pt x="453" y="1178"/>
                  </a:lnTo>
                  <a:lnTo>
                    <a:pt x="453" y="1192"/>
                  </a:lnTo>
                  <a:lnTo>
                    <a:pt x="445" y="1202"/>
                  </a:lnTo>
                  <a:lnTo>
                    <a:pt x="451" y="1212"/>
                  </a:lnTo>
                  <a:lnTo>
                    <a:pt x="449" y="1250"/>
                  </a:lnTo>
                  <a:lnTo>
                    <a:pt x="465" y="1282"/>
                  </a:lnTo>
                  <a:lnTo>
                    <a:pt x="457" y="1322"/>
                  </a:lnTo>
                  <a:lnTo>
                    <a:pt x="457" y="1356"/>
                  </a:lnTo>
                  <a:lnTo>
                    <a:pt x="473" y="1372"/>
                  </a:lnTo>
                  <a:lnTo>
                    <a:pt x="481" y="1376"/>
                  </a:lnTo>
                  <a:lnTo>
                    <a:pt x="499" y="1394"/>
                  </a:lnTo>
                  <a:lnTo>
                    <a:pt x="503" y="1406"/>
                  </a:lnTo>
                  <a:lnTo>
                    <a:pt x="499" y="1426"/>
                  </a:lnTo>
                  <a:lnTo>
                    <a:pt x="491" y="1440"/>
                  </a:lnTo>
                  <a:lnTo>
                    <a:pt x="471" y="1444"/>
                  </a:lnTo>
                  <a:lnTo>
                    <a:pt x="467" y="1458"/>
                  </a:lnTo>
                  <a:lnTo>
                    <a:pt x="471" y="1468"/>
                  </a:lnTo>
                  <a:lnTo>
                    <a:pt x="481" y="1498"/>
                  </a:lnTo>
                  <a:lnTo>
                    <a:pt x="489" y="1514"/>
                  </a:lnTo>
                  <a:lnTo>
                    <a:pt x="483" y="1536"/>
                  </a:lnTo>
                  <a:lnTo>
                    <a:pt x="481" y="1572"/>
                  </a:lnTo>
                  <a:lnTo>
                    <a:pt x="463" y="1592"/>
                  </a:lnTo>
                  <a:lnTo>
                    <a:pt x="447" y="1592"/>
                  </a:lnTo>
                  <a:lnTo>
                    <a:pt x="441" y="1598"/>
                  </a:lnTo>
                  <a:lnTo>
                    <a:pt x="445" y="1604"/>
                  </a:lnTo>
                  <a:lnTo>
                    <a:pt x="443" y="1624"/>
                  </a:lnTo>
                  <a:lnTo>
                    <a:pt x="433" y="1628"/>
                  </a:lnTo>
                  <a:lnTo>
                    <a:pt x="435" y="1648"/>
                  </a:lnTo>
                  <a:lnTo>
                    <a:pt x="441" y="1660"/>
                  </a:lnTo>
                  <a:lnTo>
                    <a:pt x="441" y="1686"/>
                  </a:lnTo>
                  <a:lnTo>
                    <a:pt x="439" y="1702"/>
                  </a:lnTo>
                  <a:lnTo>
                    <a:pt x="433" y="1720"/>
                  </a:lnTo>
                  <a:lnTo>
                    <a:pt x="425" y="1726"/>
                  </a:lnTo>
                  <a:lnTo>
                    <a:pt x="417" y="1716"/>
                  </a:lnTo>
                  <a:lnTo>
                    <a:pt x="415" y="1702"/>
                  </a:lnTo>
                  <a:lnTo>
                    <a:pt x="409" y="1694"/>
                  </a:lnTo>
                  <a:lnTo>
                    <a:pt x="393" y="1710"/>
                  </a:lnTo>
                  <a:lnTo>
                    <a:pt x="395" y="1694"/>
                  </a:lnTo>
                  <a:lnTo>
                    <a:pt x="381" y="1692"/>
                  </a:lnTo>
                  <a:lnTo>
                    <a:pt x="373" y="1682"/>
                  </a:lnTo>
                  <a:lnTo>
                    <a:pt x="365" y="1668"/>
                  </a:lnTo>
                  <a:lnTo>
                    <a:pt x="365" y="1652"/>
                  </a:lnTo>
                  <a:lnTo>
                    <a:pt x="363" y="1644"/>
                  </a:lnTo>
                  <a:lnTo>
                    <a:pt x="365" y="1632"/>
                  </a:lnTo>
                  <a:lnTo>
                    <a:pt x="371" y="1618"/>
                  </a:lnTo>
                  <a:lnTo>
                    <a:pt x="373" y="1606"/>
                  </a:lnTo>
                  <a:lnTo>
                    <a:pt x="367" y="1598"/>
                  </a:lnTo>
                  <a:lnTo>
                    <a:pt x="363" y="1606"/>
                  </a:lnTo>
                  <a:lnTo>
                    <a:pt x="359" y="1624"/>
                  </a:lnTo>
                  <a:lnTo>
                    <a:pt x="351" y="1634"/>
                  </a:lnTo>
                  <a:lnTo>
                    <a:pt x="343" y="1644"/>
                  </a:lnTo>
                  <a:lnTo>
                    <a:pt x="345" y="1652"/>
                  </a:lnTo>
                  <a:lnTo>
                    <a:pt x="353" y="1656"/>
                  </a:lnTo>
                  <a:lnTo>
                    <a:pt x="353" y="1672"/>
                  </a:lnTo>
                  <a:lnTo>
                    <a:pt x="347" y="1680"/>
                  </a:lnTo>
                  <a:lnTo>
                    <a:pt x="345" y="1690"/>
                  </a:lnTo>
                  <a:lnTo>
                    <a:pt x="337" y="1706"/>
                  </a:lnTo>
                  <a:lnTo>
                    <a:pt x="331" y="1710"/>
                  </a:lnTo>
                  <a:lnTo>
                    <a:pt x="325" y="1712"/>
                  </a:lnTo>
                  <a:lnTo>
                    <a:pt x="319" y="1716"/>
                  </a:lnTo>
                  <a:lnTo>
                    <a:pt x="313" y="1714"/>
                  </a:lnTo>
                  <a:lnTo>
                    <a:pt x="303" y="1708"/>
                  </a:lnTo>
                  <a:lnTo>
                    <a:pt x="297" y="1718"/>
                  </a:lnTo>
                  <a:lnTo>
                    <a:pt x="285" y="1730"/>
                  </a:lnTo>
                  <a:lnTo>
                    <a:pt x="279" y="1732"/>
                  </a:lnTo>
                  <a:lnTo>
                    <a:pt x="279" y="1740"/>
                  </a:lnTo>
                  <a:lnTo>
                    <a:pt x="268" y="1748"/>
                  </a:lnTo>
                  <a:lnTo>
                    <a:pt x="266" y="1754"/>
                  </a:lnTo>
                  <a:lnTo>
                    <a:pt x="258" y="1766"/>
                  </a:lnTo>
                  <a:lnTo>
                    <a:pt x="250" y="1766"/>
                  </a:lnTo>
                  <a:lnTo>
                    <a:pt x="244" y="1780"/>
                  </a:lnTo>
                  <a:lnTo>
                    <a:pt x="236" y="1786"/>
                  </a:lnTo>
                  <a:lnTo>
                    <a:pt x="230" y="1798"/>
                  </a:lnTo>
                  <a:lnTo>
                    <a:pt x="212" y="1810"/>
                  </a:lnTo>
                  <a:lnTo>
                    <a:pt x="192" y="1824"/>
                  </a:lnTo>
                  <a:lnTo>
                    <a:pt x="188" y="1816"/>
                  </a:lnTo>
                  <a:lnTo>
                    <a:pt x="180" y="1832"/>
                  </a:lnTo>
                  <a:lnTo>
                    <a:pt x="164" y="1834"/>
                  </a:lnTo>
                  <a:lnTo>
                    <a:pt x="148" y="1838"/>
                  </a:lnTo>
                  <a:lnTo>
                    <a:pt x="126" y="1836"/>
                  </a:lnTo>
                  <a:lnTo>
                    <a:pt x="122" y="1830"/>
                  </a:lnTo>
                  <a:lnTo>
                    <a:pt x="100" y="1830"/>
                  </a:lnTo>
                  <a:lnTo>
                    <a:pt x="88" y="1824"/>
                  </a:lnTo>
                  <a:lnTo>
                    <a:pt x="92" y="1814"/>
                  </a:lnTo>
                  <a:lnTo>
                    <a:pt x="98" y="1806"/>
                  </a:lnTo>
                  <a:lnTo>
                    <a:pt x="94" y="1804"/>
                  </a:lnTo>
                  <a:lnTo>
                    <a:pt x="84" y="1806"/>
                  </a:lnTo>
                  <a:lnTo>
                    <a:pt x="68" y="1796"/>
                  </a:lnTo>
                  <a:lnTo>
                    <a:pt x="48" y="1784"/>
                  </a:lnTo>
                  <a:lnTo>
                    <a:pt x="32" y="1768"/>
                  </a:lnTo>
                  <a:lnTo>
                    <a:pt x="18" y="1748"/>
                  </a:lnTo>
                  <a:lnTo>
                    <a:pt x="20" y="1724"/>
                  </a:lnTo>
                  <a:lnTo>
                    <a:pt x="26" y="1714"/>
                  </a:lnTo>
                  <a:lnTo>
                    <a:pt x="40" y="1714"/>
                  </a:lnTo>
                  <a:lnTo>
                    <a:pt x="54" y="1720"/>
                  </a:lnTo>
                  <a:lnTo>
                    <a:pt x="72" y="1706"/>
                  </a:lnTo>
                  <a:lnTo>
                    <a:pt x="62" y="1706"/>
                  </a:lnTo>
                  <a:lnTo>
                    <a:pt x="48" y="1700"/>
                  </a:lnTo>
                  <a:lnTo>
                    <a:pt x="50" y="1688"/>
                  </a:lnTo>
                  <a:lnTo>
                    <a:pt x="58" y="1680"/>
                  </a:lnTo>
                  <a:lnTo>
                    <a:pt x="72" y="1672"/>
                  </a:lnTo>
                  <a:lnTo>
                    <a:pt x="80" y="1668"/>
                  </a:lnTo>
                  <a:lnTo>
                    <a:pt x="72" y="1668"/>
                  </a:lnTo>
                  <a:lnTo>
                    <a:pt x="58" y="1666"/>
                  </a:lnTo>
                  <a:lnTo>
                    <a:pt x="54" y="1658"/>
                  </a:lnTo>
                  <a:lnTo>
                    <a:pt x="64" y="1648"/>
                  </a:lnTo>
                  <a:lnTo>
                    <a:pt x="68" y="1644"/>
                  </a:lnTo>
                  <a:lnTo>
                    <a:pt x="68" y="1636"/>
                  </a:lnTo>
                  <a:lnTo>
                    <a:pt x="56" y="1644"/>
                  </a:lnTo>
                  <a:lnTo>
                    <a:pt x="50" y="1652"/>
                  </a:lnTo>
                  <a:lnTo>
                    <a:pt x="48" y="1660"/>
                  </a:lnTo>
                  <a:lnTo>
                    <a:pt x="40" y="1666"/>
                  </a:lnTo>
                  <a:lnTo>
                    <a:pt x="32" y="1658"/>
                  </a:lnTo>
                  <a:lnTo>
                    <a:pt x="28" y="1662"/>
                  </a:lnTo>
                  <a:lnTo>
                    <a:pt x="22" y="1668"/>
                  </a:lnTo>
                  <a:lnTo>
                    <a:pt x="16" y="1676"/>
                  </a:lnTo>
                  <a:lnTo>
                    <a:pt x="6" y="1666"/>
                  </a:lnTo>
                  <a:lnTo>
                    <a:pt x="14" y="1658"/>
                  </a:lnTo>
                  <a:lnTo>
                    <a:pt x="4" y="1650"/>
                  </a:lnTo>
                  <a:lnTo>
                    <a:pt x="4" y="1640"/>
                  </a:lnTo>
                  <a:lnTo>
                    <a:pt x="16" y="1636"/>
                  </a:lnTo>
                  <a:lnTo>
                    <a:pt x="14" y="1618"/>
                  </a:lnTo>
                  <a:lnTo>
                    <a:pt x="16" y="1616"/>
                  </a:lnTo>
                  <a:lnTo>
                    <a:pt x="22" y="1612"/>
                  </a:lnTo>
                  <a:lnTo>
                    <a:pt x="30" y="1618"/>
                  </a:lnTo>
                  <a:lnTo>
                    <a:pt x="36" y="1622"/>
                  </a:lnTo>
                  <a:lnTo>
                    <a:pt x="46" y="1618"/>
                  </a:lnTo>
                  <a:lnTo>
                    <a:pt x="54" y="1614"/>
                  </a:lnTo>
                  <a:lnTo>
                    <a:pt x="64" y="1608"/>
                  </a:lnTo>
                  <a:lnTo>
                    <a:pt x="70" y="1602"/>
                  </a:lnTo>
                  <a:lnTo>
                    <a:pt x="54" y="1608"/>
                  </a:lnTo>
                  <a:lnTo>
                    <a:pt x="46" y="1602"/>
                  </a:lnTo>
                  <a:lnTo>
                    <a:pt x="40" y="1602"/>
                  </a:lnTo>
                  <a:lnTo>
                    <a:pt x="36" y="1592"/>
                  </a:lnTo>
                  <a:lnTo>
                    <a:pt x="42" y="1588"/>
                  </a:lnTo>
                  <a:lnTo>
                    <a:pt x="58" y="1578"/>
                  </a:lnTo>
                  <a:lnTo>
                    <a:pt x="68" y="1564"/>
                  </a:lnTo>
                  <a:lnTo>
                    <a:pt x="76" y="1560"/>
                  </a:lnTo>
                  <a:lnTo>
                    <a:pt x="70" y="1552"/>
                  </a:lnTo>
                  <a:lnTo>
                    <a:pt x="78" y="1542"/>
                  </a:lnTo>
                  <a:lnTo>
                    <a:pt x="84" y="1530"/>
                  </a:lnTo>
                  <a:lnTo>
                    <a:pt x="78" y="1528"/>
                  </a:lnTo>
                  <a:lnTo>
                    <a:pt x="68" y="1540"/>
                  </a:lnTo>
                  <a:lnTo>
                    <a:pt x="58" y="1548"/>
                  </a:lnTo>
                  <a:lnTo>
                    <a:pt x="56" y="1558"/>
                  </a:lnTo>
                  <a:lnTo>
                    <a:pt x="48" y="1566"/>
                  </a:lnTo>
                  <a:lnTo>
                    <a:pt x="42" y="1570"/>
                  </a:lnTo>
                  <a:lnTo>
                    <a:pt x="34" y="1578"/>
                  </a:lnTo>
                  <a:lnTo>
                    <a:pt x="32" y="1594"/>
                  </a:lnTo>
                  <a:lnTo>
                    <a:pt x="24" y="1582"/>
                  </a:lnTo>
                  <a:lnTo>
                    <a:pt x="26" y="1570"/>
                  </a:lnTo>
                  <a:lnTo>
                    <a:pt x="36" y="1560"/>
                  </a:lnTo>
                  <a:lnTo>
                    <a:pt x="36" y="1550"/>
                  </a:lnTo>
                  <a:lnTo>
                    <a:pt x="20" y="1550"/>
                  </a:lnTo>
                  <a:lnTo>
                    <a:pt x="16" y="1538"/>
                  </a:lnTo>
                  <a:lnTo>
                    <a:pt x="8" y="1530"/>
                  </a:lnTo>
                  <a:lnTo>
                    <a:pt x="12" y="1518"/>
                  </a:lnTo>
                  <a:lnTo>
                    <a:pt x="18" y="1508"/>
                  </a:lnTo>
                  <a:lnTo>
                    <a:pt x="22" y="1510"/>
                  </a:lnTo>
                  <a:lnTo>
                    <a:pt x="28" y="1514"/>
                  </a:lnTo>
                  <a:lnTo>
                    <a:pt x="34" y="1512"/>
                  </a:lnTo>
                  <a:lnTo>
                    <a:pt x="38" y="1510"/>
                  </a:lnTo>
                  <a:lnTo>
                    <a:pt x="24" y="1504"/>
                  </a:lnTo>
                  <a:lnTo>
                    <a:pt x="24" y="1496"/>
                  </a:lnTo>
                  <a:lnTo>
                    <a:pt x="34" y="1492"/>
                  </a:lnTo>
                  <a:lnTo>
                    <a:pt x="16" y="1498"/>
                  </a:lnTo>
                  <a:lnTo>
                    <a:pt x="8" y="1490"/>
                  </a:lnTo>
                  <a:lnTo>
                    <a:pt x="8" y="1476"/>
                  </a:lnTo>
                  <a:lnTo>
                    <a:pt x="14" y="1472"/>
                  </a:lnTo>
                  <a:lnTo>
                    <a:pt x="10" y="1468"/>
                  </a:lnTo>
                  <a:lnTo>
                    <a:pt x="22" y="1464"/>
                  </a:lnTo>
                  <a:lnTo>
                    <a:pt x="6" y="1462"/>
                  </a:lnTo>
                  <a:lnTo>
                    <a:pt x="0" y="1454"/>
                  </a:lnTo>
                  <a:lnTo>
                    <a:pt x="6" y="1444"/>
                  </a:lnTo>
                  <a:lnTo>
                    <a:pt x="2" y="1434"/>
                  </a:lnTo>
                  <a:lnTo>
                    <a:pt x="10" y="1430"/>
                  </a:lnTo>
                  <a:lnTo>
                    <a:pt x="22" y="1440"/>
                  </a:lnTo>
                  <a:lnTo>
                    <a:pt x="32" y="1438"/>
                  </a:lnTo>
                  <a:lnTo>
                    <a:pt x="42" y="1432"/>
                  </a:lnTo>
                  <a:lnTo>
                    <a:pt x="58" y="1432"/>
                  </a:lnTo>
                  <a:lnTo>
                    <a:pt x="72" y="1432"/>
                  </a:lnTo>
                  <a:lnTo>
                    <a:pt x="62" y="1424"/>
                  </a:lnTo>
                  <a:lnTo>
                    <a:pt x="48" y="1424"/>
                  </a:lnTo>
                  <a:lnTo>
                    <a:pt x="40" y="1428"/>
                  </a:lnTo>
                  <a:lnTo>
                    <a:pt x="28" y="1430"/>
                  </a:lnTo>
                  <a:lnTo>
                    <a:pt x="16" y="1420"/>
                  </a:lnTo>
                  <a:lnTo>
                    <a:pt x="10" y="1410"/>
                  </a:lnTo>
                  <a:lnTo>
                    <a:pt x="8" y="1402"/>
                  </a:lnTo>
                  <a:lnTo>
                    <a:pt x="22" y="1396"/>
                  </a:lnTo>
                  <a:lnTo>
                    <a:pt x="12" y="1394"/>
                  </a:lnTo>
                  <a:lnTo>
                    <a:pt x="6" y="1390"/>
                  </a:lnTo>
                  <a:lnTo>
                    <a:pt x="12" y="1384"/>
                  </a:lnTo>
                  <a:lnTo>
                    <a:pt x="16" y="1374"/>
                  </a:lnTo>
                  <a:lnTo>
                    <a:pt x="10" y="1364"/>
                  </a:lnTo>
                  <a:lnTo>
                    <a:pt x="8" y="1350"/>
                  </a:lnTo>
                  <a:lnTo>
                    <a:pt x="10" y="1346"/>
                  </a:lnTo>
                  <a:lnTo>
                    <a:pt x="12" y="1344"/>
                  </a:lnTo>
                  <a:lnTo>
                    <a:pt x="14" y="1344"/>
                  </a:lnTo>
                  <a:lnTo>
                    <a:pt x="20" y="1340"/>
                  </a:lnTo>
                  <a:lnTo>
                    <a:pt x="26" y="1336"/>
                  </a:lnTo>
                  <a:lnTo>
                    <a:pt x="22" y="1326"/>
                  </a:lnTo>
                  <a:lnTo>
                    <a:pt x="16" y="1318"/>
                  </a:lnTo>
                  <a:lnTo>
                    <a:pt x="26" y="1312"/>
                  </a:lnTo>
                  <a:lnTo>
                    <a:pt x="42" y="1308"/>
                  </a:lnTo>
                  <a:lnTo>
                    <a:pt x="38" y="1294"/>
                  </a:lnTo>
                  <a:lnTo>
                    <a:pt x="46" y="1288"/>
                  </a:lnTo>
                  <a:lnTo>
                    <a:pt x="56" y="1288"/>
                  </a:lnTo>
                  <a:lnTo>
                    <a:pt x="56" y="1276"/>
                  </a:lnTo>
                  <a:lnTo>
                    <a:pt x="64" y="1270"/>
                  </a:lnTo>
                  <a:lnTo>
                    <a:pt x="76" y="1284"/>
                  </a:lnTo>
                  <a:lnTo>
                    <a:pt x="82" y="1272"/>
                  </a:lnTo>
                  <a:lnTo>
                    <a:pt x="90" y="1262"/>
                  </a:lnTo>
                  <a:lnTo>
                    <a:pt x="100" y="1270"/>
                  </a:lnTo>
                  <a:lnTo>
                    <a:pt x="102" y="1280"/>
                  </a:lnTo>
                  <a:lnTo>
                    <a:pt x="106" y="1266"/>
                  </a:lnTo>
                  <a:lnTo>
                    <a:pt x="96" y="1254"/>
                  </a:lnTo>
                  <a:lnTo>
                    <a:pt x="102" y="1246"/>
                  </a:lnTo>
                  <a:lnTo>
                    <a:pt x="116" y="1250"/>
                  </a:lnTo>
                  <a:lnTo>
                    <a:pt x="130" y="1260"/>
                  </a:lnTo>
                  <a:lnTo>
                    <a:pt x="124" y="1252"/>
                  </a:lnTo>
                  <a:lnTo>
                    <a:pt x="112" y="1240"/>
                  </a:lnTo>
                  <a:lnTo>
                    <a:pt x="116" y="1230"/>
                  </a:lnTo>
                  <a:lnTo>
                    <a:pt x="118" y="1228"/>
                  </a:lnTo>
                  <a:lnTo>
                    <a:pt x="124" y="1222"/>
                  </a:lnTo>
                  <a:lnTo>
                    <a:pt x="132" y="1220"/>
                  </a:lnTo>
                  <a:lnTo>
                    <a:pt x="138" y="1218"/>
                  </a:lnTo>
                  <a:lnTo>
                    <a:pt x="148" y="1212"/>
                  </a:lnTo>
                  <a:lnTo>
                    <a:pt x="144" y="1206"/>
                  </a:lnTo>
                  <a:lnTo>
                    <a:pt x="132" y="1202"/>
                  </a:lnTo>
                  <a:lnTo>
                    <a:pt x="136" y="1190"/>
                  </a:lnTo>
                  <a:lnTo>
                    <a:pt x="150" y="1186"/>
                  </a:lnTo>
                  <a:lnTo>
                    <a:pt x="160" y="1184"/>
                  </a:lnTo>
                  <a:lnTo>
                    <a:pt x="172" y="1194"/>
                  </a:lnTo>
                  <a:lnTo>
                    <a:pt x="178" y="1190"/>
                  </a:lnTo>
                  <a:lnTo>
                    <a:pt x="194" y="1194"/>
                  </a:lnTo>
                  <a:lnTo>
                    <a:pt x="200" y="1192"/>
                  </a:lnTo>
                  <a:lnTo>
                    <a:pt x="206" y="1202"/>
                  </a:lnTo>
                  <a:lnTo>
                    <a:pt x="216" y="1212"/>
                  </a:lnTo>
                  <a:lnTo>
                    <a:pt x="212" y="1198"/>
                  </a:lnTo>
                  <a:lnTo>
                    <a:pt x="206" y="1186"/>
                  </a:lnTo>
                  <a:lnTo>
                    <a:pt x="200" y="1178"/>
                  </a:lnTo>
                  <a:lnTo>
                    <a:pt x="214" y="1180"/>
                  </a:lnTo>
                  <a:lnTo>
                    <a:pt x="232" y="1190"/>
                  </a:lnTo>
                  <a:lnTo>
                    <a:pt x="214" y="1172"/>
                  </a:lnTo>
                  <a:lnTo>
                    <a:pt x="206" y="1158"/>
                  </a:lnTo>
                  <a:lnTo>
                    <a:pt x="218" y="1154"/>
                  </a:lnTo>
                  <a:lnTo>
                    <a:pt x="236" y="1164"/>
                  </a:lnTo>
                  <a:lnTo>
                    <a:pt x="232" y="1150"/>
                  </a:lnTo>
                  <a:lnTo>
                    <a:pt x="230" y="1146"/>
                  </a:lnTo>
                  <a:lnTo>
                    <a:pt x="232" y="1144"/>
                  </a:lnTo>
                  <a:lnTo>
                    <a:pt x="234" y="1140"/>
                  </a:lnTo>
                  <a:lnTo>
                    <a:pt x="242" y="1136"/>
                  </a:lnTo>
                  <a:lnTo>
                    <a:pt x="240" y="1126"/>
                  </a:lnTo>
                  <a:lnTo>
                    <a:pt x="224" y="1130"/>
                  </a:lnTo>
                  <a:lnTo>
                    <a:pt x="216" y="1116"/>
                  </a:lnTo>
                  <a:lnTo>
                    <a:pt x="216" y="1106"/>
                  </a:lnTo>
                  <a:lnTo>
                    <a:pt x="222" y="1098"/>
                  </a:lnTo>
                  <a:lnTo>
                    <a:pt x="236" y="1092"/>
                  </a:lnTo>
                  <a:lnTo>
                    <a:pt x="246" y="1080"/>
                  </a:lnTo>
                  <a:lnTo>
                    <a:pt x="254" y="1082"/>
                  </a:lnTo>
                  <a:lnTo>
                    <a:pt x="250" y="1096"/>
                  </a:lnTo>
                  <a:lnTo>
                    <a:pt x="256" y="1106"/>
                  </a:lnTo>
                  <a:lnTo>
                    <a:pt x="262" y="1110"/>
                  </a:lnTo>
                  <a:lnTo>
                    <a:pt x="262" y="1120"/>
                  </a:lnTo>
                  <a:lnTo>
                    <a:pt x="273" y="1128"/>
                  </a:lnTo>
                  <a:lnTo>
                    <a:pt x="279" y="1118"/>
                  </a:lnTo>
                  <a:lnTo>
                    <a:pt x="295" y="1112"/>
                  </a:lnTo>
                  <a:lnTo>
                    <a:pt x="303" y="1100"/>
                  </a:lnTo>
                  <a:lnTo>
                    <a:pt x="317" y="1094"/>
                  </a:lnTo>
                  <a:lnTo>
                    <a:pt x="301" y="1092"/>
                  </a:lnTo>
                  <a:lnTo>
                    <a:pt x="307" y="1076"/>
                  </a:lnTo>
                  <a:lnTo>
                    <a:pt x="325" y="1068"/>
                  </a:lnTo>
                  <a:lnTo>
                    <a:pt x="319" y="1052"/>
                  </a:lnTo>
                  <a:lnTo>
                    <a:pt x="331" y="1040"/>
                  </a:lnTo>
                  <a:lnTo>
                    <a:pt x="345" y="1020"/>
                  </a:lnTo>
                  <a:lnTo>
                    <a:pt x="347" y="1002"/>
                  </a:lnTo>
                  <a:lnTo>
                    <a:pt x="367" y="994"/>
                  </a:lnTo>
                  <a:lnTo>
                    <a:pt x="377" y="986"/>
                  </a:lnTo>
                  <a:lnTo>
                    <a:pt x="391" y="992"/>
                  </a:lnTo>
                  <a:lnTo>
                    <a:pt x="407" y="994"/>
                  </a:lnTo>
                  <a:lnTo>
                    <a:pt x="401" y="974"/>
                  </a:lnTo>
                  <a:lnTo>
                    <a:pt x="397" y="962"/>
                  </a:lnTo>
                  <a:lnTo>
                    <a:pt x="411" y="954"/>
                  </a:lnTo>
                  <a:lnTo>
                    <a:pt x="415" y="940"/>
                  </a:lnTo>
                  <a:lnTo>
                    <a:pt x="401" y="940"/>
                  </a:lnTo>
                  <a:lnTo>
                    <a:pt x="411" y="926"/>
                  </a:lnTo>
                  <a:lnTo>
                    <a:pt x="423" y="914"/>
                  </a:lnTo>
                  <a:lnTo>
                    <a:pt x="439" y="908"/>
                  </a:lnTo>
                  <a:lnTo>
                    <a:pt x="451" y="908"/>
                  </a:lnTo>
                  <a:lnTo>
                    <a:pt x="457" y="900"/>
                  </a:lnTo>
                  <a:lnTo>
                    <a:pt x="453" y="888"/>
                  </a:lnTo>
                  <a:lnTo>
                    <a:pt x="449" y="884"/>
                  </a:lnTo>
                  <a:lnTo>
                    <a:pt x="439" y="872"/>
                  </a:lnTo>
                  <a:lnTo>
                    <a:pt x="443" y="862"/>
                  </a:lnTo>
                  <a:lnTo>
                    <a:pt x="443" y="850"/>
                  </a:lnTo>
                  <a:lnTo>
                    <a:pt x="449" y="836"/>
                  </a:lnTo>
                  <a:lnTo>
                    <a:pt x="461" y="824"/>
                  </a:lnTo>
                  <a:lnTo>
                    <a:pt x="461" y="808"/>
                  </a:lnTo>
                  <a:lnTo>
                    <a:pt x="457" y="794"/>
                  </a:lnTo>
                  <a:lnTo>
                    <a:pt x="471" y="790"/>
                  </a:lnTo>
                  <a:lnTo>
                    <a:pt x="479" y="786"/>
                  </a:lnTo>
                  <a:lnTo>
                    <a:pt x="471" y="774"/>
                  </a:lnTo>
                  <a:lnTo>
                    <a:pt x="477" y="764"/>
                  </a:lnTo>
                  <a:lnTo>
                    <a:pt x="489" y="762"/>
                  </a:lnTo>
                  <a:lnTo>
                    <a:pt x="501" y="754"/>
                  </a:lnTo>
                  <a:lnTo>
                    <a:pt x="515" y="754"/>
                  </a:lnTo>
                  <a:lnTo>
                    <a:pt x="505" y="748"/>
                  </a:lnTo>
                  <a:lnTo>
                    <a:pt x="489" y="746"/>
                  </a:lnTo>
                  <a:lnTo>
                    <a:pt x="485" y="732"/>
                  </a:lnTo>
                  <a:lnTo>
                    <a:pt x="489" y="716"/>
                  </a:lnTo>
                  <a:lnTo>
                    <a:pt x="499" y="716"/>
                  </a:lnTo>
                  <a:lnTo>
                    <a:pt x="513" y="716"/>
                  </a:lnTo>
                  <a:lnTo>
                    <a:pt x="515" y="706"/>
                  </a:lnTo>
                  <a:lnTo>
                    <a:pt x="499" y="706"/>
                  </a:lnTo>
                  <a:lnTo>
                    <a:pt x="497" y="692"/>
                  </a:lnTo>
                  <a:lnTo>
                    <a:pt x="507" y="686"/>
                  </a:lnTo>
                  <a:lnTo>
                    <a:pt x="523" y="684"/>
                  </a:lnTo>
                  <a:lnTo>
                    <a:pt x="511" y="672"/>
                  </a:lnTo>
                  <a:lnTo>
                    <a:pt x="509" y="664"/>
                  </a:lnTo>
                  <a:lnTo>
                    <a:pt x="511" y="660"/>
                  </a:lnTo>
                  <a:lnTo>
                    <a:pt x="513" y="658"/>
                  </a:lnTo>
                  <a:lnTo>
                    <a:pt x="523" y="654"/>
                  </a:lnTo>
                  <a:lnTo>
                    <a:pt x="531" y="650"/>
                  </a:lnTo>
                  <a:lnTo>
                    <a:pt x="543" y="648"/>
                  </a:lnTo>
                  <a:lnTo>
                    <a:pt x="555" y="642"/>
                  </a:lnTo>
                  <a:lnTo>
                    <a:pt x="541" y="632"/>
                  </a:lnTo>
                  <a:lnTo>
                    <a:pt x="543" y="624"/>
                  </a:lnTo>
                  <a:lnTo>
                    <a:pt x="555" y="620"/>
                  </a:lnTo>
                  <a:lnTo>
                    <a:pt x="581" y="618"/>
                  </a:lnTo>
                  <a:lnTo>
                    <a:pt x="593" y="608"/>
                  </a:lnTo>
                  <a:lnTo>
                    <a:pt x="583" y="608"/>
                  </a:lnTo>
                  <a:lnTo>
                    <a:pt x="571" y="610"/>
                  </a:lnTo>
                  <a:lnTo>
                    <a:pt x="559" y="612"/>
                  </a:lnTo>
                  <a:lnTo>
                    <a:pt x="549" y="612"/>
                  </a:lnTo>
                  <a:lnTo>
                    <a:pt x="557" y="592"/>
                  </a:lnTo>
                  <a:lnTo>
                    <a:pt x="569" y="588"/>
                  </a:lnTo>
                  <a:lnTo>
                    <a:pt x="579" y="576"/>
                  </a:lnTo>
                  <a:lnTo>
                    <a:pt x="591" y="570"/>
                  </a:lnTo>
                  <a:lnTo>
                    <a:pt x="591" y="558"/>
                  </a:lnTo>
                  <a:lnTo>
                    <a:pt x="599" y="550"/>
                  </a:lnTo>
                  <a:lnTo>
                    <a:pt x="603" y="542"/>
                  </a:lnTo>
                  <a:lnTo>
                    <a:pt x="599" y="534"/>
                  </a:lnTo>
                  <a:lnTo>
                    <a:pt x="589" y="544"/>
                  </a:lnTo>
                  <a:lnTo>
                    <a:pt x="583" y="554"/>
                  </a:lnTo>
                  <a:lnTo>
                    <a:pt x="567" y="560"/>
                  </a:lnTo>
                  <a:lnTo>
                    <a:pt x="573" y="548"/>
                  </a:lnTo>
                  <a:lnTo>
                    <a:pt x="571" y="540"/>
                  </a:lnTo>
                  <a:lnTo>
                    <a:pt x="569" y="534"/>
                  </a:lnTo>
                  <a:lnTo>
                    <a:pt x="581" y="528"/>
                  </a:lnTo>
                  <a:lnTo>
                    <a:pt x="575" y="520"/>
                  </a:lnTo>
                  <a:lnTo>
                    <a:pt x="579" y="514"/>
                  </a:lnTo>
                  <a:lnTo>
                    <a:pt x="591" y="518"/>
                  </a:lnTo>
                  <a:lnTo>
                    <a:pt x="601" y="514"/>
                  </a:lnTo>
                  <a:lnTo>
                    <a:pt x="593" y="508"/>
                  </a:lnTo>
                  <a:lnTo>
                    <a:pt x="593" y="496"/>
                  </a:lnTo>
                  <a:lnTo>
                    <a:pt x="599" y="488"/>
                  </a:lnTo>
                  <a:lnTo>
                    <a:pt x="615" y="494"/>
                  </a:lnTo>
                  <a:lnTo>
                    <a:pt x="621" y="478"/>
                  </a:lnTo>
                  <a:lnTo>
                    <a:pt x="631" y="482"/>
                  </a:lnTo>
                  <a:lnTo>
                    <a:pt x="635" y="500"/>
                  </a:lnTo>
                  <a:lnTo>
                    <a:pt x="645" y="496"/>
                  </a:lnTo>
                  <a:lnTo>
                    <a:pt x="645" y="488"/>
                  </a:lnTo>
                  <a:lnTo>
                    <a:pt x="647" y="482"/>
                  </a:lnTo>
                  <a:lnTo>
                    <a:pt x="649" y="478"/>
                  </a:lnTo>
                  <a:lnTo>
                    <a:pt x="651" y="474"/>
                  </a:lnTo>
                  <a:lnTo>
                    <a:pt x="651" y="470"/>
                  </a:lnTo>
                  <a:lnTo>
                    <a:pt x="641" y="466"/>
                  </a:lnTo>
                  <a:lnTo>
                    <a:pt x="633" y="456"/>
                  </a:lnTo>
                  <a:lnTo>
                    <a:pt x="643" y="448"/>
                  </a:lnTo>
                  <a:lnTo>
                    <a:pt x="659" y="452"/>
                  </a:lnTo>
                  <a:lnTo>
                    <a:pt x="675" y="450"/>
                  </a:lnTo>
                  <a:lnTo>
                    <a:pt x="689" y="450"/>
                  </a:lnTo>
                  <a:lnTo>
                    <a:pt x="689" y="436"/>
                  </a:lnTo>
                  <a:lnTo>
                    <a:pt x="673" y="438"/>
                  </a:lnTo>
                  <a:lnTo>
                    <a:pt x="651" y="442"/>
                  </a:lnTo>
                  <a:lnTo>
                    <a:pt x="641" y="428"/>
                  </a:lnTo>
                  <a:lnTo>
                    <a:pt x="645" y="418"/>
                  </a:lnTo>
                  <a:lnTo>
                    <a:pt x="653" y="410"/>
                  </a:lnTo>
                  <a:lnTo>
                    <a:pt x="673" y="408"/>
                  </a:lnTo>
                  <a:lnTo>
                    <a:pt x="667" y="392"/>
                  </a:lnTo>
                  <a:lnTo>
                    <a:pt x="681" y="402"/>
                  </a:lnTo>
                  <a:lnTo>
                    <a:pt x="685" y="394"/>
                  </a:lnTo>
                  <a:lnTo>
                    <a:pt x="679" y="382"/>
                  </a:lnTo>
                  <a:lnTo>
                    <a:pt x="695" y="380"/>
                  </a:lnTo>
                  <a:lnTo>
                    <a:pt x="691" y="370"/>
                  </a:lnTo>
                  <a:lnTo>
                    <a:pt x="691" y="360"/>
                  </a:lnTo>
                  <a:lnTo>
                    <a:pt x="703" y="354"/>
                  </a:lnTo>
                  <a:lnTo>
                    <a:pt x="701" y="342"/>
                  </a:lnTo>
                  <a:lnTo>
                    <a:pt x="711" y="346"/>
                  </a:lnTo>
                  <a:lnTo>
                    <a:pt x="707" y="318"/>
                  </a:lnTo>
                  <a:lnTo>
                    <a:pt x="713" y="308"/>
                  </a:lnTo>
                  <a:lnTo>
                    <a:pt x="723" y="304"/>
                  </a:lnTo>
                  <a:lnTo>
                    <a:pt x="725" y="294"/>
                  </a:lnTo>
                  <a:lnTo>
                    <a:pt x="717" y="280"/>
                  </a:lnTo>
                  <a:lnTo>
                    <a:pt x="713" y="268"/>
                  </a:lnTo>
                  <a:lnTo>
                    <a:pt x="723" y="252"/>
                  </a:lnTo>
                  <a:lnTo>
                    <a:pt x="739" y="248"/>
                  </a:lnTo>
                  <a:lnTo>
                    <a:pt x="751" y="250"/>
                  </a:lnTo>
                  <a:lnTo>
                    <a:pt x="763" y="246"/>
                  </a:lnTo>
                  <a:lnTo>
                    <a:pt x="771" y="244"/>
                  </a:lnTo>
                  <a:lnTo>
                    <a:pt x="777" y="254"/>
                  </a:lnTo>
                  <a:lnTo>
                    <a:pt x="783" y="274"/>
                  </a:lnTo>
                  <a:lnTo>
                    <a:pt x="789" y="268"/>
                  </a:lnTo>
                  <a:lnTo>
                    <a:pt x="791" y="242"/>
                  </a:lnTo>
                  <a:lnTo>
                    <a:pt x="795" y="226"/>
                  </a:lnTo>
                  <a:lnTo>
                    <a:pt x="805" y="222"/>
                  </a:lnTo>
                  <a:lnTo>
                    <a:pt x="809" y="226"/>
                  </a:lnTo>
                  <a:lnTo>
                    <a:pt x="809" y="246"/>
                  </a:lnTo>
                  <a:lnTo>
                    <a:pt x="807" y="262"/>
                  </a:lnTo>
                  <a:lnTo>
                    <a:pt x="813" y="276"/>
                  </a:lnTo>
                  <a:lnTo>
                    <a:pt x="819" y="270"/>
                  </a:lnTo>
                  <a:lnTo>
                    <a:pt x="819" y="250"/>
                  </a:lnTo>
                  <a:lnTo>
                    <a:pt x="827" y="238"/>
                  </a:lnTo>
                  <a:lnTo>
                    <a:pt x="829" y="228"/>
                  </a:lnTo>
                  <a:lnTo>
                    <a:pt x="833" y="218"/>
                  </a:lnTo>
                  <a:lnTo>
                    <a:pt x="825" y="212"/>
                  </a:lnTo>
                  <a:lnTo>
                    <a:pt x="827" y="202"/>
                  </a:lnTo>
                  <a:lnTo>
                    <a:pt x="837" y="204"/>
                  </a:lnTo>
                  <a:lnTo>
                    <a:pt x="841" y="212"/>
                  </a:lnTo>
                  <a:lnTo>
                    <a:pt x="847" y="226"/>
                  </a:lnTo>
                  <a:lnTo>
                    <a:pt x="849" y="216"/>
                  </a:lnTo>
                  <a:lnTo>
                    <a:pt x="849" y="206"/>
                  </a:lnTo>
                  <a:lnTo>
                    <a:pt x="859" y="204"/>
                  </a:lnTo>
                  <a:lnTo>
                    <a:pt x="863" y="212"/>
                  </a:lnTo>
                  <a:lnTo>
                    <a:pt x="877" y="222"/>
                  </a:lnTo>
                  <a:lnTo>
                    <a:pt x="879" y="212"/>
                  </a:lnTo>
                  <a:lnTo>
                    <a:pt x="881" y="192"/>
                  </a:lnTo>
                  <a:lnTo>
                    <a:pt x="871" y="196"/>
                  </a:lnTo>
                  <a:lnTo>
                    <a:pt x="855" y="190"/>
                  </a:lnTo>
                  <a:lnTo>
                    <a:pt x="843" y="184"/>
                  </a:lnTo>
                  <a:lnTo>
                    <a:pt x="843" y="176"/>
                  </a:lnTo>
                  <a:lnTo>
                    <a:pt x="855" y="168"/>
                  </a:lnTo>
                  <a:lnTo>
                    <a:pt x="865" y="172"/>
                  </a:lnTo>
                  <a:lnTo>
                    <a:pt x="871" y="166"/>
                  </a:lnTo>
                  <a:lnTo>
                    <a:pt x="877" y="162"/>
                  </a:lnTo>
                  <a:lnTo>
                    <a:pt x="891" y="166"/>
                  </a:lnTo>
                  <a:lnTo>
                    <a:pt x="901" y="164"/>
                  </a:lnTo>
                  <a:lnTo>
                    <a:pt x="899" y="152"/>
                  </a:lnTo>
                  <a:lnTo>
                    <a:pt x="909" y="146"/>
                  </a:lnTo>
                  <a:lnTo>
                    <a:pt x="917" y="154"/>
                  </a:lnTo>
                  <a:lnTo>
                    <a:pt x="919" y="168"/>
                  </a:lnTo>
                  <a:lnTo>
                    <a:pt x="933" y="174"/>
                  </a:lnTo>
                  <a:lnTo>
                    <a:pt x="937" y="168"/>
                  </a:lnTo>
                  <a:lnTo>
                    <a:pt x="935" y="154"/>
                  </a:lnTo>
                  <a:lnTo>
                    <a:pt x="927" y="146"/>
                  </a:lnTo>
                  <a:lnTo>
                    <a:pt x="917" y="136"/>
                  </a:lnTo>
                  <a:lnTo>
                    <a:pt x="921" y="122"/>
                  </a:lnTo>
                  <a:lnTo>
                    <a:pt x="923" y="120"/>
                  </a:lnTo>
                  <a:lnTo>
                    <a:pt x="925" y="118"/>
                  </a:lnTo>
                  <a:lnTo>
                    <a:pt x="929" y="116"/>
                  </a:lnTo>
                  <a:lnTo>
                    <a:pt x="941" y="116"/>
                  </a:lnTo>
                  <a:lnTo>
                    <a:pt x="937" y="104"/>
                  </a:lnTo>
                  <a:lnTo>
                    <a:pt x="937" y="92"/>
                  </a:lnTo>
                  <a:lnTo>
                    <a:pt x="943" y="92"/>
                  </a:lnTo>
                  <a:lnTo>
                    <a:pt x="961" y="96"/>
                  </a:lnTo>
                  <a:lnTo>
                    <a:pt x="971" y="96"/>
                  </a:lnTo>
                  <a:lnTo>
                    <a:pt x="983" y="94"/>
                  </a:lnTo>
                  <a:lnTo>
                    <a:pt x="985" y="86"/>
                  </a:lnTo>
                  <a:lnTo>
                    <a:pt x="971" y="82"/>
                  </a:lnTo>
                  <a:lnTo>
                    <a:pt x="965" y="76"/>
                  </a:lnTo>
                  <a:lnTo>
                    <a:pt x="969" y="64"/>
                  </a:lnTo>
                  <a:lnTo>
                    <a:pt x="987" y="68"/>
                  </a:lnTo>
                  <a:lnTo>
                    <a:pt x="983" y="58"/>
                  </a:lnTo>
                  <a:lnTo>
                    <a:pt x="973" y="50"/>
                  </a:lnTo>
                  <a:lnTo>
                    <a:pt x="975" y="50"/>
                  </a:lnTo>
                  <a:lnTo>
                    <a:pt x="979" y="46"/>
                  </a:lnTo>
                  <a:lnTo>
                    <a:pt x="977" y="38"/>
                  </a:lnTo>
                  <a:lnTo>
                    <a:pt x="977" y="36"/>
                  </a:lnTo>
                  <a:lnTo>
                    <a:pt x="981" y="32"/>
                  </a:lnTo>
                  <a:lnTo>
                    <a:pt x="981" y="34"/>
                  </a:lnTo>
                  <a:lnTo>
                    <a:pt x="983" y="36"/>
                  </a:lnTo>
                  <a:lnTo>
                    <a:pt x="983" y="42"/>
                  </a:lnTo>
                  <a:lnTo>
                    <a:pt x="981" y="50"/>
                  </a:lnTo>
                  <a:lnTo>
                    <a:pt x="997" y="50"/>
                  </a:lnTo>
                  <a:lnTo>
                    <a:pt x="1005" y="54"/>
                  </a:lnTo>
                  <a:lnTo>
                    <a:pt x="1019" y="54"/>
                  </a:lnTo>
                  <a:lnTo>
                    <a:pt x="1015" y="40"/>
                  </a:lnTo>
                  <a:lnTo>
                    <a:pt x="1011" y="34"/>
                  </a:lnTo>
                  <a:lnTo>
                    <a:pt x="1007" y="26"/>
                  </a:lnTo>
                  <a:lnTo>
                    <a:pt x="1013" y="20"/>
                  </a:lnTo>
                  <a:lnTo>
                    <a:pt x="1015" y="14"/>
                  </a:lnTo>
                  <a:lnTo>
                    <a:pt x="1023" y="10"/>
                  </a:lnTo>
                  <a:lnTo>
                    <a:pt x="1035" y="16"/>
                  </a:lnTo>
                  <a:lnTo>
                    <a:pt x="1039" y="26"/>
                  </a:lnTo>
                  <a:lnTo>
                    <a:pt x="1047" y="30"/>
                  </a:lnTo>
                  <a:lnTo>
                    <a:pt x="1041" y="36"/>
                  </a:lnTo>
                  <a:lnTo>
                    <a:pt x="1027" y="42"/>
                  </a:lnTo>
                  <a:lnTo>
                    <a:pt x="1033" y="46"/>
                  </a:lnTo>
                  <a:lnTo>
                    <a:pt x="1037" y="50"/>
                  </a:lnTo>
                  <a:lnTo>
                    <a:pt x="1033" y="62"/>
                  </a:lnTo>
                  <a:lnTo>
                    <a:pt x="1033" y="72"/>
                  </a:lnTo>
                  <a:lnTo>
                    <a:pt x="1025" y="84"/>
                  </a:lnTo>
                  <a:lnTo>
                    <a:pt x="1021" y="94"/>
                  </a:lnTo>
                  <a:lnTo>
                    <a:pt x="1017" y="112"/>
                  </a:lnTo>
                  <a:lnTo>
                    <a:pt x="1023" y="118"/>
                  </a:lnTo>
                  <a:lnTo>
                    <a:pt x="1019" y="130"/>
                  </a:lnTo>
                  <a:lnTo>
                    <a:pt x="1019" y="140"/>
                  </a:lnTo>
                  <a:lnTo>
                    <a:pt x="1015" y="144"/>
                  </a:lnTo>
                  <a:lnTo>
                    <a:pt x="1013" y="148"/>
                  </a:lnTo>
                  <a:lnTo>
                    <a:pt x="1015" y="150"/>
                  </a:lnTo>
                  <a:lnTo>
                    <a:pt x="1019" y="156"/>
                  </a:lnTo>
                  <a:lnTo>
                    <a:pt x="1025" y="160"/>
                  </a:lnTo>
                  <a:lnTo>
                    <a:pt x="1031" y="144"/>
                  </a:lnTo>
                  <a:lnTo>
                    <a:pt x="1035" y="128"/>
                  </a:lnTo>
                  <a:lnTo>
                    <a:pt x="1037" y="104"/>
                  </a:lnTo>
                  <a:lnTo>
                    <a:pt x="1045" y="92"/>
                  </a:lnTo>
                  <a:lnTo>
                    <a:pt x="1051" y="76"/>
                  </a:lnTo>
                  <a:lnTo>
                    <a:pt x="1049" y="62"/>
                  </a:lnTo>
                  <a:lnTo>
                    <a:pt x="1053" y="56"/>
                  </a:lnTo>
                  <a:lnTo>
                    <a:pt x="1055" y="48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25" name="Freeform 102"/>
            <p:cNvSpPr>
              <a:spLocks/>
            </p:cNvSpPr>
            <p:nvPr/>
          </p:nvSpPr>
          <p:spPr bwMode="auto">
            <a:xfrm>
              <a:off x="2541" y="783"/>
              <a:ext cx="54" cy="72"/>
            </a:xfrm>
            <a:custGeom>
              <a:avLst/>
              <a:gdLst>
                <a:gd name="T0" fmla="*/ 24 w 54"/>
                <a:gd name="T1" fmla="*/ 6 h 72"/>
                <a:gd name="T2" fmla="*/ 36 w 54"/>
                <a:gd name="T3" fmla="*/ 8 h 72"/>
                <a:gd name="T4" fmla="*/ 44 w 54"/>
                <a:gd name="T5" fmla="*/ 0 h 72"/>
                <a:gd name="T6" fmla="*/ 52 w 54"/>
                <a:gd name="T7" fmla="*/ 6 h 72"/>
                <a:gd name="T8" fmla="*/ 54 w 54"/>
                <a:gd name="T9" fmla="*/ 18 h 72"/>
                <a:gd name="T10" fmla="*/ 54 w 54"/>
                <a:gd name="T11" fmla="*/ 30 h 72"/>
                <a:gd name="T12" fmla="*/ 54 w 54"/>
                <a:gd name="T13" fmla="*/ 40 h 72"/>
                <a:gd name="T14" fmla="*/ 52 w 54"/>
                <a:gd name="T15" fmla="*/ 44 h 72"/>
                <a:gd name="T16" fmla="*/ 50 w 54"/>
                <a:gd name="T17" fmla="*/ 48 h 72"/>
                <a:gd name="T18" fmla="*/ 48 w 54"/>
                <a:gd name="T19" fmla="*/ 48 h 72"/>
                <a:gd name="T20" fmla="*/ 36 w 54"/>
                <a:gd name="T21" fmla="*/ 52 h 72"/>
                <a:gd name="T22" fmla="*/ 32 w 54"/>
                <a:gd name="T23" fmla="*/ 58 h 72"/>
                <a:gd name="T24" fmla="*/ 22 w 54"/>
                <a:gd name="T25" fmla="*/ 68 h 72"/>
                <a:gd name="T26" fmla="*/ 12 w 54"/>
                <a:gd name="T27" fmla="*/ 72 h 72"/>
                <a:gd name="T28" fmla="*/ 0 w 54"/>
                <a:gd name="T29" fmla="*/ 62 h 72"/>
                <a:gd name="T30" fmla="*/ 10 w 54"/>
                <a:gd name="T31" fmla="*/ 50 h 72"/>
                <a:gd name="T32" fmla="*/ 16 w 54"/>
                <a:gd name="T33" fmla="*/ 40 h 72"/>
                <a:gd name="T34" fmla="*/ 10 w 54"/>
                <a:gd name="T35" fmla="*/ 30 h 72"/>
                <a:gd name="T36" fmla="*/ 22 w 54"/>
                <a:gd name="T37" fmla="*/ 20 h 72"/>
                <a:gd name="T38" fmla="*/ 18 w 54"/>
                <a:gd name="T39" fmla="*/ 12 h 72"/>
                <a:gd name="T40" fmla="*/ 24 w 54"/>
                <a:gd name="T41" fmla="*/ 6 h 72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0" t="0" r="r" b="b"/>
              <a:pathLst>
                <a:path w="54" h="72">
                  <a:moveTo>
                    <a:pt x="24" y="6"/>
                  </a:moveTo>
                  <a:lnTo>
                    <a:pt x="36" y="8"/>
                  </a:lnTo>
                  <a:lnTo>
                    <a:pt x="44" y="0"/>
                  </a:lnTo>
                  <a:lnTo>
                    <a:pt x="52" y="6"/>
                  </a:lnTo>
                  <a:lnTo>
                    <a:pt x="54" y="18"/>
                  </a:lnTo>
                  <a:lnTo>
                    <a:pt x="54" y="30"/>
                  </a:lnTo>
                  <a:lnTo>
                    <a:pt x="54" y="40"/>
                  </a:lnTo>
                  <a:lnTo>
                    <a:pt x="52" y="44"/>
                  </a:lnTo>
                  <a:lnTo>
                    <a:pt x="50" y="48"/>
                  </a:lnTo>
                  <a:lnTo>
                    <a:pt x="48" y="48"/>
                  </a:lnTo>
                  <a:lnTo>
                    <a:pt x="36" y="52"/>
                  </a:lnTo>
                  <a:lnTo>
                    <a:pt x="32" y="58"/>
                  </a:lnTo>
                  <a:lnTo>
                    <a:pt x="22" y="68"/>
                  </a:lnTo>
                  <a:lnTo>
                    <a:pt x="12" y="72"/>
                  </a:lnTo>
                  <a:lnTo>
                    <a:pt x="0" y="62"/>
                  </a:lnTo>
                  <a:lnTo>
                    <a:pt x="10" y="50"/>
                  </a:lnTo>
                  <a:lnTo>
                    <a:pt x="16" y="40"/>
                  </a:lnTo>
                  <a:lnTo>
                    <a:pt x="10" y="30"/>
                  </a:lnTo>
                  <a:lnTo>
                    <a:pt x="22" y="20"/>
                  </a:lnTo>
                  <a:lnTo>
                    <a:pt x="18" y="12"/>
                  </a:lnTo>
                  <a:lnTo>
                    <a:pt x="24" y="6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26" name="Freeform 103"/>
            <p:cNvSpPr>
              <a:spLocks/>
            </p:cNvSpPr>
            <p:nvPr/>
          </p:nvSpPr>
          <p:spPr bwMode="auto">
            <a:xfrm>
              <a:off x="2349" y="827"/>
              <a:ext cx="186" cy="208"/>
            </a:xfrm>
            <a:custGeom>
              <a:avLst/>
              <a:gdLst>
                <a:gd name="T0" fmla="*/ 170 w 186"/>
                <a:gd name="T1" fmla="*/ 102 h 208"/>
                <a:gd name="T2" fmla="*/ 168 w 186"/>
                <a:gd name="T3" fmla="*/ 116 h 208"/>
                <a:gd name="T4" fmla="*/ 166 w 186"/>
                <a:gd name="T5" fmla="*/ 124 h 208"/>
                <a:gd name="T6" fmla="*/ 156 w 186"/>
                <a:gd name="T7" fmla="*/ 122 h 208"/>
                <a:gd name="T8" fmla="*/ 150 w 186"/>
                <a:gd name="T9" fmla="*/ 122 h 208"/>
                <a:gd name="T10" fmla="*/ 152 w 186"/>
                <a:gd name="T11" fmla="*/ 132 h 208"/>
                <a:gd name="T12" fmla="*/ 140 w 186"/>
                <a:gd name="T13" fmla="*/ 136 h 208"/>
                <a:gd name="T14" fmla="*/ 134 w 186"/>
                <a:gd name="T15" fmla="*/ 124 h 208"/>
                <a:gd name="T16" fmla="*/ 124 w 186"/>
                <a:gd name="T17" fmla="*/ 132 h 208"/>
                <a:gd name="T18" fmla="*/ 114 w 186"/>
                <a:gd name="T19" fmla="*/ 130 h 208"/>
                <a:gd name="T20" fmla="*/ 100 w 186"/>
                <a:gd name="T21" fmla="*/ 144 h 208"/>
                <a:gd name="T22" fmla="*/ 78 w 186"/>
                <a:gd name="T23" fmla="*/ 156 h 208"/>
                <a:gd name="T24" fmla="*/ 64 w 186"/>
                <a:gd name="T25" fmla="*/ 156 h 208"/>
                <a:gd name="T26" fmla="*/ 52 w 186"/>
                <a:gd name="T27" fmla="*/ 166 h 208"/>
                <a:gd name="T28" fmla="*/ 48 w 186"/>
                <a:gd name="T29" fmla="*/ 170 h 208"/>
                <a:gd name="T30" fmla="*/ 22 w 186"/>
                <a:gd name="T31" fmla="*/ 186 h 208"/>
                <a:gd name="T32" fmla="*/ 12 w 186"/>
                <a:gd name="T33" fmla="*/ 204 h 208"/>
                <a:gd name="T34" fmla="*/ 0 w 186"/>
                <a:gd name="T35" fmla="*/ 202 h 208"/>
                <a:gd name="T36" fmla="*/ 2 w 186"/>
                <a:gd name="T37" fmla="*/ 192 h 208"/>
                <a:gd name="T38" fmla="*/ 12 w 186"/>
                <a:gd name="T39" fmla="*/ 176 h 208"/>
                <a:gd name="T40" fmla="*/ 32 w 186"/>
                <a:gd name="T41" fmla="*/ 166 h 208"/>
                <a:gd name="T42" fmla="*/ 38 w 186"/>
                <a:gd name="T43" fmla="*/ 152 h 208"/>
                <a:gd name="T44" fmla="*/ 42 w 186"/>
                <a:gd name="T45" fmla="*/ 146 h 208"/>
                <a:gd name="T46" fmla="*/ 50 w 186"/>
                <a:gd name="T47" fmla="*/ 142 h 208"/>
                <a:gd name="T48" fmla="*/ 66 w 186"/>
                <a:gd name="T49" fmla="*/ 140 h 208"/>
                <a:gd name="T50" fmla="*/ 92 w 186"/>
                <a:gd name="T51" fmla="*/ 126 h 208"/>
                <a:gd name="T52" fmla="*/ 124 w 186"/>
                <a:gd name="T53" fmla="*/ 114 h 208"/>
                <a:gd name="T54" fmla="*/ 130 w 186"/>
                <a:gd name="T55" fmla="*/ 92 h 208"/>
                <a:gd name="T56" fmla="*/ 124 w 186"/>
                <a:gd name="T57" fmla="*/ 90 h 208"/>
                <a:gd name="T58" fmla="*/ 104 w 186"/>
                <a:gd name="T59" fmla="*/ 106 h 208"/>
                <a:gd name="T60" fmla="*/ 90 w 186"/>
                <a:gd name="T61" fmla="*/ 104 h 208"/>
                <a:gd name="T62" fmla="*/ 84 w 186"/>
                <a:gd name="T63" fmla="*/ 98 h 208"/>
                <a:gd name="T64" fmla="*/ 82 w 186"/>
                <a:gd name="T65" fmla="*/ 80 h 208"/>
                <a:gd name="T66" fmla="*/ 102 w 186"/>
                <a:gd name="T67" fmla="*/ 68 h 208"/>
                <a:gd name="T68" fmla="*/ 106 w 186"/>
                <a:gd name="T69" fmla="*/ 44 h 208"/>
                <a:gd name="T70" fmla="*/ 120 w 186"/>
                <a:gd name="T71" fmla="*/ 60 h 208"/>
                <a:gd name="T72" fmla="*/ 128 w 186"/>
                <a:gd name="T73" fmla="*/ 46 h 208"/>
                <a:gd name="T74" fmla="*/ 142 w 186"/>
                <a:gd name="T75" fmla="*/ 20 h 208"/>
                <a:gd name="T76" fmla="*/ 158 w 186"/>
                <a:gd name="T77" fmla="*/ 0 h 208"/>
                <a:gd name="T78" fmla="*/ 154 w 186"/>
                <a:gd name="T79" fmla="*/ 20 h 208"/>
                <a:gd name="T80" fmla="*/ 144 w 186"/>
                <a:gd name="T81" fmla="*/ 44 h 208"/>
                <a:gd name="T82" fmla="*/ 154 w 186"/>
                <a:gd name="T83" fmla="*/ 60 h 208"/>
                <a:gd name="T84" fmla="*/ 156 w 186"/>
                <a:gd name="T85" fmla="*/ 74 h 208"/>
                <a:gd name="T86" fmla="*/ 164 w 186"/>
                <a:gd name="T87" fmla="*/ 78 h 208"/>
                <a:gd name="T88" fmla="*/ 174 w 186"/>
                <a:gd name="T89" fmla="*/ 52 h 208"/>
                <a:gd name="T90" fmla="*/ 170 w 186"/>
                <a:gd name="T91" fmla="*/ 46 h 208"/>
                <a:gd name="T92" fmla="*/ 176 w 186"/>
                <a:gd name="T93" fmla="*/ 46 h 208"/>
                <a:gd name="T94" fmla="*/ 182 w 186"/>
                <a:gd name="T95" fmla="*/ 52 h 208"/>
                <a:gd name="T96" fmla="*/ 186 w 186"/>
                <a:gd name="T97" fmla="*/ 70 h 208"/>
                <a:gd name="T98" fmla="*/ 180 w 186"/>
                <a:gd name="T99" fmla="*/ 90 h 208"/>
                <a:gd name="T100" fmla="*/ 178 w 186"/>
                <a:gd name="T101" fmla="*/ 102 h 208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0" t="0" r="r" b="b"/>
              <a:pathLst>
                <a:path w="186" h="208">
                  <a:moveTo>
                    <a:pt x="178" y="102"/>
                  </a:moveTo>
                  <a:lnTo>
                    <a:pt x="170" y="102"/>
                  </a:lnTo>
                  <a:lnTo>
                    <a:pt x="168" y="110"/>
                  </a:lnTo>
                  <a:lnTo>
                    <a:pt x="168" y="116"/>
                  </a:lnTo>
                  <a:lnTo>
                    <a:pt x="168" y="120"/>
                  </a:lnTo>
                  <a:lnTo>
                    <a:pt x="166" y="124"/>
                  </a:lnTo>
                  <a:lnTo>
                    <a:pt x="160" y="124"/>
                  </a:lnTo>
                  <a:lnTo>
                    <a:pt x="156" y="122"/>
                  </a:lnTo>
                  <a:lnTo>
                    <a:pt x="154" y="118"/>
                  </a:lnTo>
                  <a:lnTo>
                    <a:pt x="150" y="122"/>
                  </a:lnTo>
                  <a:lnTo>
                    <a:pt x="152" y="128"/>
                  </a:lnTo>
                  <a:lnTo>
                    <a:pt x="152" y="132"/>
                  </a:lnTo>
                  <a:lnTo>
                    <a:pt x="148" y="134"/>
                  </a:lnTo>
                  <a:lnTo>
                    <a:pt x="140" y="136"/>
                  </a:lnTo>
                  <a:lnTo>
                    <a:pt x="136" y="136"/>
                  </a:lnTo>
                  <a:lnTo>
                    <a:pt x="134" y="124"/>
                  </a:lnTo>
                  <a:lnTo>
                    <a:pt x="128" y="124"/>
                  </a:lnTo>
                  <a:lnTo>
                    <a:pt x="124" y="132"/>
                  </a:lnTo>
                  <a:lnTo>
                    <a:pt x="116" y="142"/>
                  </a:lnTo>
                  <a:lnTo>
                    <a:pt x="114" y="130"/>
                  </a:lnTo>
                  <a:lnTo>
                    <a:pt x="108" y="136"/>
                  </a:lnTo>
                  <a:lnTo>
                    <a:pt x="100" y="144"/>
                  </a:lnTo>
                  <a:lnTo>
                    <a:pt x="90" y="150"/>
                  </a:lnTo>
                  <a:lnTo>
                    <a:pt x="78" y="156"/>
                  </a:lnTo>
                  <a:lnTo>
                    <a:pt x="70" y="152"/>
                  </a:lnTo>
                  <a:lnTo>
                    <a:pt x="64" y="156"/>
                  </a:lnTo>
                  <a:lnTo>
                    <a:pt x="52" y="164"/>
                  </a:lnTo>
                  <a:lnTo>
                    <a:pt x="52" y="166"/>
                  </a:lnTo>
                  <a:lnTo>
                    <a:pt x="50" y="168"/>
                  </a:lnTo>
                  <a:lnTo>
                    <a:pt x="48" y="170"/>
                  </a:lnTo>
                  <a:lnTo>
                    <a:pt x="30" y="178"/>
                  </a:lnTo>
                  <a:lnTo>
                    <a:pt x="22" y="186"/>
                  </a:lnTo>
                  <a:lnTo>
                    <a:pt x="20" y="196"/>
                  </a:lnTo>
                  <a:lnTo>
                    <a:pt x="12" y="204"/>
                  </a:lnTo>
                  <a:lnTo>
                    <a:pt x="2" y="208"/>
                  </a:lnTo>
                  <a:lnTo>
                    <a:pt x="0" y="202"/>
                  </a:lnTo>
                  <a:lnTo>
                    <a:pt x="0" y="196"/>
                  </a:lnTo>
                  <a:lnTo>
                    <a:pt x="2" y="192"/>
                  </a:lnTo>
                  <a:lnTo>
                    <a:pt x="8" y="182"/>
                  </a:lnTo>
                  <a:lnTo>
                    <a:pt x="12" y="176"/>
                  </a:lnTo>
                  <a:lnTo>
                    <a:pt x="24" y="172"/>
                  </a:lnTo>
                  <a:lnTo>
                    <a:pt x="32" y="166"/>
                  </a:lnTo>
                  <a:lnTo>
                    <a:pt x="38" y="158"/>
                  </a:lnTo>
                  <a:lnTo>
                    <a:pt x="38" y="152"/>
                  </a:lnTo>
                  <a:lnTo>
                    <a:pt x="40" y="148"/>
                  </a:lnTo>
                  <a:lnTo>
                    <a:pt x="42" y="146"/>
                  </a:lnTo>
                  <a:lnTo>
                    <a:pt x="46" y="144"/>
                  </a:lnTo>
                  <a:lnTo>
                    <a:pt x="50" y="142"/>
                  </a:lnTo>
                  <a:lnTo>
                    <a:pt x="58" y="142"/>
                  </a:lnTo>
                  <a:lnTo>
                    <a:pt x="66" y="140"/>
                  </a:lnTo>
                  <a:lnTo>
                    <a:pt x="76" y="136"/>
                  </a:lnTo>
                  <a:lnTo>
                    <a:pt x="92" y="126"/>
                  </a:lnTo>
                  <a:lnTo>
                    <a:pt x="112" y="120"/>
                  </a:lnTo>
                  <a:lnTo>
                    <a:pt x="124" y="114"/>
                  </a:lnTo>
                  <a:lnTo>
                    <a:pt x="124" y="100"/>
                  </a:lnTo>
                  <a:lnTo>
                    <a:pt x="130" y="92"/>
                  </a:lnTo>
                  <a:lnTo>
                    <a:pt x="132" y="84"/>
                  </a:lnTo>
                  <a:lnTo>
                    <a:pt x="124" y="90"/>
                  </a:lnTo>
                  <a:lnTo>
                    <a:pt x="112" y="100"/>
                  </a:lnTo>
                  <a:lnTo>
                    <a:pt x="104" y="106"/>
                  </a:lnTo>
                  <a:lnTo>
                    <a:pt x="96" y="114"/>
                  </a:lnTo>
                  <a:lnTo>
                    <a:pt x="90" y="104"/>
                  </a:lnTo>
                  <a:lnTo>
                    <a:pt x="96" y="98"/>
                  </a:lnTo>
                  <a:lnTo>
                    <a:pt x="84" y="98"/>
                  </a:lnTo>
                  <a:lnTo>
                    <a:pt x="82" y="90"/>
                  </a:lnTo>
                  <a:lnTo>
                    <a:pt x="82" y="80"/>
                  </a:lnTo>
                  <a:lnTo>
                    <a:pt x="94" y="76"/>
                  </a:lnTo>
                  <a:lnTo>
                    <a:pt x="102" y="68"/>
                  </a:lnTo>
                  <a:lnTo>
                    <a:pt x="110" y="64"/>
                  </a:lnTo>
                  <a:lnTo>
                    <a:pt x="106" y="44"/>
                  </a:lnTo>
                  <a:lnTo>
                    <a:pt x="114" y="44"/>
                  </a:lnTo>
                  <a:lnTo>
                    <a:pt x="120" y="60"/>
                  </a:lnTo>
                  <a:lnTo>
                    <a:pt x="130" y="64"/>
                  </a:lnTo>
                  <a:lnTo>
                    <a:pt x="128" y="46"/>
                  </a:lnTo>
                  <a:lnTo>
                    <a:pt x="130" y="28"/>
                  </a:lnTo>
                  <a:lnTo>
                    <a:pt x="142" y="20"/>
                  </a:lnTo>
                  <a:lnTo>
                    <a:pt x="146" y="8"/>
                  </a:lnTo>
                  <a:lnTo>
                    <a:pt x="158" y="0"/>
                  </a:lnTo>
                  <a:lnTo>
                    <a:pt x="158" y="8"/>
                  </a:lnTo>
                  <a:lnTo>
                    <a:pt x="154" y="20"/>
                  </a:lnTo>
                  <a:lnTo>
                    <a:pt x="148" y="36"/>
                  </a:lnTo>
                  <a:lnTo>
                    <a:pt x="144" y="44"/>
                  </a:lnTo>
                  <a:lnTo>
                    <a:pt x="156" y="50"/>
                  </a:lnTo>
                  <a:lnTo>
                    <a:pt x="154" y="60"/>
                  </a:lnTo>
                  <a:lnTo>
                    <a:pt x="150" y="68"/>
                  </a:lnTo>
                  <a:lnTo>
                    <a:pt x="156" y="74"/>
                  </a:lnTo>
                  <a:lnTo>
                    <a:pt x="156" y="82"/>
                  </a:lnTo>
                  <a:lnTo>
                    <a:pt x="164" y="78"/>
                  </a:lnTo>
                  <a:lnTo>
                    <a:pt x="166" y="60"/>
                  </a:lnTo>
                  <a:lnTo>
                    <a:pt x="174" y="52"/>
                  </a:lnTo>
                  <a:lnTo>
                    <a:pt x="172" y="48"/>
                  </a:lnTo>
                  <a:lnTo>
                    <a:pt x="170" y="46"/>
                  </a:lnTo>
                  <a:lnTo>
                    <a:pt x="172" y="44"/>
                  </a:lnTo>
                  <a:lnTo>
                    <a:pt x="176" y="46"/>
                  </a:lnTo>
                  <a:lnTo>
                    <a:pt x="178" y="48"/>
                  </a:lnTo>
                  <a:lnTo>
                    <a:pt x="182" y="52"/>
                  </a:lnTo>
                  <a:lnTo>
                    <a:pt x="182" y="60"/>
                  </a:lnTo>
                  <a:lnTo>
                    <a:pt x="186" y="70"/>
                  </a:lnTo>
                  <a:lnTo>
                    <a:pt x="184" y="80"/>
                  </a:lnTo>
                  <a:lnTo>
                    <a:pt x="180" y="90"/>
                  </a:lnTo>
                  <a:lnTo>
                    <a:pt x="182" y="96"/>
                  </a:lnTo>
                  <a:lnTo>
                    <a:pt x="178" y="102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27" name="Freeform 104"/>
            <p:cNvSpPr>
              <a:spLocks/>
            </p:cNvSpPr>
            <p:nvPr/>
          </p:nvSpPr>
          <p:spPr bwMode="auto">
            <a:xfrm>
              <a:off x="2619" y="681"/>
              <a:ext cx="54" cy="58"/>
            </a:xfrm>
            <a:custGeom>
              <a:avLst/>
              <a:gdLst>
                <a:gd name="T0" fmla="*/ 8 w 54"/>
                <a:gd name="T1" fmla="*/ 46 h 58"/>
                <a:gd name="T2" fmla="*/ 0 w 54"/>
                <a:gd name="T3" fmla="*/ 28 h 58"/>
                <a:gd name="T4" fmla="*/ 4 w 54"/>
                <a:gd name="T5" fmla="*/ 20 h 58"/>
                <a:gd name="T6" fmla="*/ 12 w 54"/>
                <a:gd name="T7" fmla="*/ 24 h 58"/>
                <a:gd name="T8" fmla="*/ 14 w 54"/>
                <a:gd name="T9" fmla="*/ 24 h 58"/>
                <a:gd name="T10" fmla="*/ 16 w 54"/>
                <a:gd name="T11" fmla="*/ 20 h 58"/>
                <a:gd name="T12" fmla="*/ 18 w 54"/>
                <a:gd name="T13" fmla="*/ 16 h 58"/>
                <a:gd name="T14" fmla="*/ 12 w 54"/>
                <a:gd name="T15" fmla="*/ 0 h 58"/>
                <a:gd name="T16" fmla="*/ 22 w 54"/>
                <a:gd name="T17" fmla="*/ 10 h 58"/>
                <a:gd name="T18" fmla="*/ 26 w 54"/>
                <a:gd name="T19" fmla="*/ 28 h 58"/>
                <a:gd name="T20" fmla="*/ 32 w 54"/>
                <a:gd name="T21" fmla="*/ 18 h 58"/>
                <a:gd name="T22" fmla="*/ 38 w 54"/>
                <a:gd name="T23" fmla="*/ 32 h 58"/>
                <a:gd name="T24" fmla="*/ 48 w 54"/>
                <a:gd name="T25" fmla="*/ 32 h 58"/>
                <a:gd name="T26" fmla="*/ 54 w 54"/>
                <a:gd name="T27" fmla="*/ 42 h 58"/>
                <a:gd name="T28" fmla="*/ 48 w 54"/>
                <a:gd name="T29" fmla="*/ 48 h 58"/>
                <a:gd name="T30" fmla="*/ 38 w 54"/>
                <a:gd name="T31" fmla="*/ 52 h 58"/>
                <a:gd name="T32" fmla="*/ 28 w 54"/>
                <a:gd name="T33" fmla="*/ 56 h 58"/>
                <a:gd name="T34" fmla="*/ 18 w 54"/>
                <a:gd name="T35" fmla="*/ 58 h 58"/>
                <a:gd name="T36" fmla="*/ 8 w 54"/>
                <a:gd name="T37" fmla="*/ 58 h 58"/>
                <a:gd name="T38" fmla="*/ 8 w 54"/>
                <a:gd name="T39" fmla="*/ 46 h 58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0" t="0" r="r" b="b"/>
              <a:pathLst>
                <a:path w="54" h="58">
                  <a:moveTo>
                    <a:pt x="8" y="46"/>
                  </a:moveTo>
                  <a:lnTo>
                    <a:pt x="0" y="28"/>
                  </a:lnTo>
                  <a:lnTo>
                    <a:pt x="4" y="20"/>
                  </a:lnTo>
                  <a:lnTo>
                    <a:pt x="12" y="24"/>
                  </a:lnTo>
                  <a:lnTo>
                    <a:pt x="14" y="24"/>
                  </a:lnTo>
                  <a:lnTo>
                    <a:pt x="16" y="20"/>
                  </a:lnTo>
                  <a:lnTo>
                    <a:pt x="18" y="16"/>
                  </a:lnTo>
                  <a:lnTo>
                    <a:pt x="12" y="0"/>
                  </a:lnTo>
                  <a:lnTo>
                    <a:pt x="22" y="10"/>
                  </a:lnTo>
                  <a:lnTo>
                    <a:pt x="26" y="28"/>
                  </a:lnTo>
                  <a:lnTo>
                    <a:pt x="32" y="18"/>
                  </a:lnTo>
                  <a:lnTo>
                    <a:pt x="38" y="32"/>
                  </a:lnTo>
                  <a:lnTo>
                    <a:pt x="48" y="32"/>
                  </a:lnTo>
                  <a:lnTo>
                    <a:pt x="54" y="42"/>
                  </a:lnTo>
                  <a:lnTo>
                    <a:pt x="48" y="48"/>
                  </a:lnTo>
                  <a:lnTo>
                    <a:pt x="38" y="52"/>
                  </a:lnTo>
                  <a:lnTo>
                    <a:pt x="28" y="56"/>
                  </a:lnTo>
                  <a:lnTo>
                    <a:pt x="18" y="58"/>
                  </a:lnTo>
                  <a:lnTo>
                    <a:pt x="8" y="58"/>
                  </a:lnTo>
                  <a:lnTo>
                    <a:pt x="8" y="46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28" name="Freeform 105"/>
            <p:cNvSpPr>
              <a:spLocks/>
            </p:cNvSpPr>
            <p:nvPr/>
          </p:nvSpPr>
          <p:spPr bwMode="auto">
            <a:xfrm>
              <a:off x="2693" y="675"/>
              <a:ext cx="22" cy="26"/>
            </a:xfrm>
            <a:custGeom>
              <a:avLst/>
              <a:gdLst>
                <a:gd name="T0" fmla="*/ 14 w 22"/>
                <a:gd name="T1" fmla="*/ 24 h 26"/>
                <a:gd name="T2" fmla="*/ 4 w 22"/>
                <a:gd name="T3" fmla="*/ 26 h 26"/>
                <a:gd name="T4" fmla="*/ 0 w 22"/>
                <a:gd name="T5" fmla="*/ 14 h 26"/>
                <a:gd name="T6" fmla="*/ 2 w 22"/>
                <a:gd name="T7" fmla="*/ 6 h 26"/>
                <a:gd name="T8" fmla="*/ 10 w 22"/>
                <a:gd name="T9" fmla="*/ 0 h 26"/>
                <a:gd name="T10" fmla="*/ 12 w 22"/>
                <a:gd name="T11" fmla="*/ 0 h 26"/>
                <a:gd name="T12" fmla="*/ 16 w 22"/>
                <a:gd name="T13" fmla="*/ 0 h 26"/>
                <a:gd name="T14" fmla="*/ 18 w 22"/>
                <a:gd name="T15" fmla="*/ 0 h 26"/>
                <a:gd name="T16" fmla="*/ 20 w 22"/>
                <a:gd name="T17" fmla="*/ 6 h 26"/>
                <a:gd name="T18" fmla="*/ 22 w 22"/>
                <a:gd name="T19" fmla="*/ 14 h 26"/>
                <a:gd name="T20" fmla="*/ 20 w 22"/>
                <a:gd name="T21" fmla="*/ 18 h 26"/>
                <a:gd name="T22" fmla="*/ 14 w 22"/>
                <a:gd name="T23" fmla="*/ 24 h 2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0" t="0" r="r" b="b"/>
              <a:pathLst>
                <a:path w="22" h="26">
                  <a:moveTo>
                    <a:pt x="14" y="24"/>
                  </a:moveTo>
                  <a:lnTo>
                    <a:pt x="4" y="26"/>
                  </a:lnTo>
                  <a:lnTo>
                    <a:pt x="0" y="14"/>
                  </a:lnTo>
                  <a:lnTo>
                    <a:pt x="2" y="6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6" y="0"/>
                  </a:lnTo>
                  <a:lnTo>
                    <a:pt x="18" y="0"/>
                  </a:lnTo>
                  <a:lnTo>
                    <a:pt x="20" y="6"/>
                  </a:lnTo>
                  <a:lnTo>
                    <a:pt x="22" y="14"/>
                  </a:lnTo>
                  <a:lnTo>
                    <a:pt x="20" y="18"/>
                  </a:lnTo>
                  <a:lnTo>
                    <a:pt x="14" y="24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29" name="Freeform 106"/>
            <p:cNvSpPr>
              <a:spLocks/>
            </p:cNvSpPr>
            <p:nvPr/>
          </p:nvSpPr>
          <p:spPr bwMode="auto">
            <a:xfrm>
              <a:off x="2655" y="681"/>
              <a:ext cx="24" cy="28"/>
            </a:xfrm>
            <a:custGeom>
              <a:avLst/>
              <a:gdLst>
                <a:gd name="T0" fmla="*/ 2 w 24"/>
                <a:gd name="T1" fmla="*/ 0 h 28"/>
                <a:gd name="T2" fmla="*/ 12 w 24"/>
                <a:gd name="T3" fmla="*/ 6 h 28"/>
                <a:gd name="T4" fmla="*/ 20 w 24"/>
                <a:gd name="T5" fmla="*/ 8 h 28"/>
                <a:gd name="T6" fmla="*/ 24 w 24"/>
                <a:gd name="T7" fmla="*/ 14 h 28"/>
                <a:gd name="T8" fmla="*/ 24 w 24"/>
                <a:gd name="T9" fmla="*/ 24 h 28"/>
                <a:gd name="T10" fmla="*/ 16 w 24"/>
                <a:gd name="T11" fmla="*/ 28 h 28"/>
                <a:gd name="T12" fmla="*/ 8 w 24"/>
                <a:gd name="T13" fmla="*/ 20 h 28"/>
                <a:gd name="T14" fmla="*/ 6 w 24"/>
                <a:gd name="T15" fmla="*/ 12 h 28"/>
                <a:gd name="T16" fmla="*/ 0 w 24"/>
                <a:gd name="T17" fmla="*/ 6 h 28"/>
                <a:gd name="T18" fmla="*/ 2 w 24"/>
                <a:gd name="T19" fmla="*/ 0 h 28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0" t="0" r="r" b="b"/>
              <a:pathLst>
                <a:path w="24" h="28">
                  <a:moveTo>
                    <a:pt x="2" y="0"/>
                  </a:moveTo>
                  <a:lnTo>
                    <a:pt x="12" y="6"/>
                  </a:lnTo>
                  <a:lnTo>
                    <a:pt x="20" y="8"/>
                  </a:lnTo>
                  <a:lnTo>
                    <a:pt x="24" y="14"/>
                  </a:lnTo>
                  <a:lnTo>
                    <a:pt x="24" y="24"/>
                  </a:lnTo>
                  <a:lnTo>
                    <a:pt x="16" y="28"/>
                  </a:lnTo>
                  <a:lnTo>
                    <a:pt x="8" y="20"/>
                  </a:lnTo>
                  <a:lnTo>
                    <a:pt x="6" y="12"/>
                  </a:lnTo>
                  <a:lnTo>
                    <a:pt x="0" y="6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28130" name="Freeform 107"/>
            <p:cNvSpPr>
              <a:spLocks/>
            </p:cNvSpPr>
            <p:nvPr/>
          </p:nvSpPr>
          <p:spPr bwMode="auto">
            <a:xfrm>
              <a:off x="2759" y="573"/>
              <a:ext cx="62" cy="60"/>
            </a:xfrm>
            <a:custGeom>
              <a:avLst/>
              <a:gdLst>
                <a:gd name="T0" fmla="*/ 34 w 62"/>
                <a:gd name="T1" fmla="*/ 20 h 60"/>
                <a:gd name="T2" fmla="*/ 34 w 62"/>
                <a:gd name="T3" fmla="*/ 24 h 60"/>
                <a:gd name="T4" fmla="*/ 34 w 62"/>
                <a:gd name="T5" fmla="*/ 28 h 60"/>
                <a:gd name="T6" fmla="*/ 26 w 62"/>
                <a:gd name="T7" fmla="*/ 32 h 60"/>
                <a:gd name="T8" fmla="*/ 22 w 62"/>
                <a:gd name="T9" fmla="*/ 24 h 60"/>
                <a:gd name="T10" fmla="*/ 14 w 62"/>
                <a:gd name="T11" fmla="*/ 28 h 60"/>
                <a:gd name="T12" fmla="*/ 4 w 62"/>
                <a:gd name="T13" fmla="*/ 34 h 60"/>
                <a:gd name="T14" fmla="*/ 0 w 62"/>
                <a:gd name="T15" fmla="*/ 42 h 60"/>
                <a:gd name="T16" fmla="*/ 10 w 62"/>
                <a:gd name="T17" fmla="*/ 46 h 60"/>
                <a:gd name="T18" fmla="*/ 12 w 62"/>
                <a:gd name="T19" fmla="*/ 52 h 60"/>
                <a:gd name="T20" fmla="*/ 6 w 62"/>
                <a:gd name="T21" fmla="*/ 60 h 60"/>
                <a:gd name="T22" fmla="*/ 16 w 62"/>
                <a:gd name="T23" fmla="*/ 58 h 60"/>
                <a:gd name="T24" fmla="*/ 30 w 62"/>
                <a:gd name="T25" fmla="*/ 50 h 60"/>
                <a:gd name="T26" fmla="*/ 42 w 62"/>
                <a:gd name="T27" fmla="*/ 48 h 60"/>
                <a:gd name="T28" fmla="*/ 50 w 62"/>
                <a:gd name="T29" fmla="*/ 38 h 60"/>
                <a:gd name="T30" fmla="*/ 54 w 62"/>
                <a:gd name="T31" fmla="*/ 30 h 60"/>
                <a:gd name="T32" fmla="*/ 60 w 62"/>
                <a:gd name="T33" fmla="*/ 18 h 60"/>
                <a:gd name="T34" fmla="*/ 62 w 62"/>
                <a:gd name="T35" fmla="*/ 10 h 60"/>
                <a:gd name="T36" fmla="*/ 62 w 62"/>
                <a:gd name="T37" fmla="*/ 2 h 60"/>
                <a:gd name="T38" fmla="*/ 58 w 62"/>
                <a:gd name="T39" fmla="*/ 0 h 60"/>
                <a:gd name="T40" fmla="*/ 46 w 62"/>
                <a:gd name="T41" fmla="*/ 2 h 60"/>
                <a:gd name="T42" fmla="*/ 42 w 62"/>
                <a:gd name="T43" fmla="*/ 12 h 60"/>
                <a:gd name="T44" fmla="*/ 42 w 62"/>
                <a:gd name="T45" fmla="*/ 20 h 60"/>
                <a:gd name="T46" fmla="*/ 34 w 62"/>
                <a:gd name="T47" fmla="*/ 20 h 60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</a:gdLst>
              <a:ahLst/>
              <a:cxnLst>
                <a:cxn ang="T48">
                  <a:pos x="T0" y="T1"/>
                </a:cxn>
                <a:cxn ang="T49">
                  <a:pos x="T2" y="T3"/>
                </a:cxn>
                <a:cxn ang="T50">
                  <a:pos x="T4" y="T5"/>
                </a:cxn>
                <a:cxn ang="T51">
                  <a:pos x="T6" y="T7"/>
                </a:cxn>
                <a:cxn ang="T52">
                  <a:pos x="T8" y="T9"/>
                </a:cxn>
                <a:cxn ang="T53">
                  <a:pos x="T10" y="T11"/>
                </a:cxn>
                <a:cxn ang="T54">
                  <a:pos x="T12" y="T13"/>
                </a:cxn>
                <a:cxn ang="T55">
                  <a:pos x="T14" y="T15"/>
                </a:cxn>
                <a:cxn ang="T56">
                  <a:pos x="T16" y="T17"/>
                </a:cxn>
                <a:cxn ang="T57">
                  <a:pos x="T18" y="T19"/>
                </a:cxn>
                <a:cxn ang="T58">
                  <a:pos x="T20" y="T21"/>
                </a:cxn>
                <a:cxn ang="T59">
                  <a:pos x="T22" y="T23"/>
                </a:cxn>
                <a:cxn ang="T60">
                  <a:pos x="T24" y="T25"/>
                </a:cxn>
                <a:cxn ang="T61">
                  <a:pos x="T26" y="T27"/>
                </a:cxn>
                <a:cxn ang="T62">
                  <a:pos x="T28" y="T29"/>
                </a:cxn>
                <a:cxn ang="T63">
                  <a:pos x="T30" y="T31"/>
                </a:cxn>
                <a:cxn ang="T64">
                  <a:pos x="T32" y="T33"/>
                </a:cxn>
                <a:cxn ang="T65">
                  <a:pos x="T34" y="T35"/>
                </a:cxn>
                <a:cxn ang="T66">
                  <a:pos x="T36" y="T37"/>
                </a:cxn>
                <a:cxn ang="T67">
                  <a:pos x="T38" y="T39"/>
                </a:cxn>
                <a:cxn ang="T68">
                  <a:pos x="T40" y="T41"/>
                </a:cxn>
                <a:cxn ang="T69">
                  <a:pos x="T42" y="T43"/>
                </a:cxn>
                <a:cxn ang="T70">
                  <a:pos x="T44" y="T45"/>
                </a:cxn>
                <a:cxn ang="T71">
                  <a:pos x="T46" y="T47"/>
                </a:cxn>
              </a:cxnLst>
              <a:rect l="0" t="0" r="r" b="b"/>
              <a:pathLst>
                <a:path w="62" h="60">
                  <a:moveTo>
                    <a:pt x="34" y="20"/>
                  </a:moveTo>
                  <a:lnTo>
                    <a:pt x="34" y="24"/>
                  </a:lnTo>
                  <a:lnTo>
                    <a:pt x="34" y="28"/>
                  </a:lnTo>
                  <a:lnTo>
                    <a:pt x="26" y="32"/>
                  </a:lnTo>
                  <a:lnTo>
                    <a:pt x="22" y="24"/>
                  </a:lnTo>
                  <a:lnTo>
                    <a:pt x="14" y="28"/>
                  </a:lnTo>
                  <a:lnTo>
                    <a:pt x="4" y="34"/>
                  </a:lnTo>
                  <a:lnTo>
                    <a:pt x="0" y="42"/>
                  </a:lnTo>
                  <a:lnTo>
                    <a:pt x="10" y="46"/>
                  </a:lnTo>
                  <a:lnTo>
                    <a:pt x="12" y="52"/>
                  </a:lnTo>
                  <a:lnTo>
                    <a:pt x="6" y="60"/>
                  </a:lnTo>
                  <a:lnTo>
                    <a:pt x="16" y="58"/>
                  </a:lnTo>
                  <a:lnTo>
                    <a:pt x="30" y="50"/>
                  </a:lnTo>
                  <a:lnTo>
                    <a:pt x="42" y="48"/>
                  </a:lnTo>
                  <a:lnTo>
                    <a:pt x="50" y="38"/>
                  </a:lnTo>
                  <a:lnTo>
                    <a:pt x="54" y="30"/>
                  </a:lnTo>
                  <a:lnTo>
                    <a:pt x="60" y="18"/>
                  </a:lnTo>
                  <a:lnTo>
                    <a:pt x="62" y="10"/>
                  </a:lnTo>
                  <a:lnTo>
                    <a:pt x="62" y="2"/>
                  </a:lnTo>
                  <a:lnTo>
                    <a:pt x="58" y="0"/>
                  </a:lnTo>
                  <a:lnTo>
                    <a:pt x="46" y="2"/>
                  </a:lnTo>
                  <a:lnTo>
                    <a:pt x="42" y="12"/>
                  </a:lnTo>
                  <a:lnTo>
                    <a:pt x="42" y="20"/>
                  </a:lnTo>
                  <a:lnTo>
                    <a:pt x="34" y="20"/>
                  </a:lnTo>
                  <a:close/>
                </a:path>
              </a:pathLst>
            </a:custGeom>
            <a:solidFill>
              <a:srgbClr val="FFFF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28074" name="Freeform 108"/>
          <p:cNvSpPr>
            <a:spLocks/>
          </p:cNvSpPr>
          <p:nvPr/>
        </p:nvSpPr>
        <p:spPr bwMode="auto">
          <a:xfrm>
            <a:off x="4781550" y="2339975"/>
            <a:ext cx="33338" cy="34925"/>
          </a:xfrm>
          <a:custGeom>
            <a:avLst/>
            <a:gdLst>
              <a:gd name="T0" fmla="*/ 2147483647 w 26"/>
              <a:gd name="T1" fmla="*/ 0 h 28"/>
              <a:gd name="T2" fmla="*/ 2147483647 w 26"/>
              <a:gd name="T3" fmla="*/ 2147483647 h 28"/>
              <a:gd name="T4" fmla="*/ 2147483647 w 26"/>
              <a:gd name="T5" fmla="*/ 2147483647 h 28"/>
              <a:gd name="T6" fmla="*/ 2147483647 w 26"/>
              <a:gd name="T7" fmla="*/ 2147483647 h 28"/>
              <a:gd name="T8" fmla="*/ 2147483647 w 26"/>
              <a:gd name="T9" fmla="*/ 2147483647 h 28"/>
              <a:gd name="T10" fmla="*/ 2147483647 w 26"/>
              <a:gd name="T11" fmla="*/ 2147483647 h 28"/>
              <a:gd name="T12" fmla="*/ 2147483647 w 26"/>
              <a:gd name="T13" fmla="*/ 2147483647 h 28"/>
              <a:gd name="T14" fmla="*/ 0 w 26"/>
              <a:gd name="T15" fmla="*/ 2147483647 h 28"/>
              <a:gd name="T16" fmla="*/ 0 w 26"/>
              <a:gd name="T17" fmla="*/ 2147483647 h 28"/>
              <a:gd name="T18" fmla="*/ 2147483647 w 26"/>
              <a:gd name="T19" fmla="*/ 2147483647 h 28"/>
              <a:gd name="T20" fmla="*/ 2147483647 w 26"/>
              <a:gd name="T21" fmla="*/ 0 h 2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26" h="28">
                <a:moveTo>
                  <a:pt x="8" y="0"/>
                </a:moveTo>
                <a:lnTo>
                  <a:pt x="18" y="2"/>
                </a:lnTo>
                <a:lnTo>
                  <a:pt x="24" y="10"/>
                </a:lnTo>
                <a:lnTo>
                  <a:pt x="26" y="22"/>
                </a:lnTo>
                <a:lnTo>
                  <a:pt x="20" y="26"/>
                </a:lnTo>
                <a:lnTo>
                  <a:pt x="8" y="22"/>
                </a:lnTo>
                <a:lnTo>
                  <a:pt x="6" y="28"/>
                </a:lnTo>
                <a:lnTo>
                  <a:pt x="0" y="26"/>
                </a:lnTo>
                <a:lnTo>
                  <a:pt x="0" y="14"/>
                </a:lnTo>
                <a:lnTo>
                  <a:pt x="8" y="8"/>
                </a:lnTo>
                <a:lnTo>
                  <a:pt x="8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75" name="Freeform 109"/>
          <p:cNvSpPr>
            <a:spLocks/>
          </p:cNvSpPr>
          <p:nvPr/>
        </p:nvSpPr>
        <p:spPr bwMode="auto">
          <a:xfrm>
            <a:off x="5053013" y="2859088"/>
            <a:ext cx="31750" cy="42862"/>
          </a:xfrm>
          <a:custGeom>
            <a:avLst/>
            <a:gdLst>
              <a:gd name="T0" fmla="*/ 2147483647 w 24"/>
              <a:gd name="T1" fmla="*/ 0 h 32"/>
              <a:gd name="T2" fmla="*/ 2147483647 w 24"/>
              <a:gd name="T3" fmla="*/ 2147483647 h 32"/>
              <a:gd name="T4" fmla="*/ 2147483647 w 24"/>
              <a:gd name="T5" fmla="*/ 2147483647 h 32"/>
              <a:gd name="T6" fmla="*/ 2147483647 w 24"/>
              <a:gd name="T7" fmla="*/ 2147483647 h 32"/>
              <a:gd name="T8" fmla="*/ 0 w 24"/>
              <a:gd name="T9" fmla="*/ 2147483647 h 32"/>
              <a:gd name="T10" fmla="*/ 2147483647 w 24"/>
              <a:gd name="T11" fmla="*/ 2147483647 h 32"/>
              <a:gd name="T12" fmla="*/ 2147483647 w 24"/>
              <a:gd name="T13" fmla="*/ 2147483647 h 32"/>
              <a:gd name="T14" fmla="*/ 2147483647 w 24"/>
              <a:gd name="T15" fmla="*/ 0 h 32"/>
              <a:gd name="T16" fmla="*/ 2147483647 w 24"/>
              <a:gd name="T17" fmla="*/ 0 h 3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24" h="32">
                <a:moveTo>
                  <a:pt x="24" y="0"/>
                </a:moveTo>
                <a:lnTo>
                  <a:pt x="24" y="12"/>
                </a:lnTo>
                <a:lnTo>
                  <a:pt x="20" y="20"/>
                </a:lnTo>
                <a:lnTo>
                  <a:pt x="10" y="32"/>
                </a:lnTo>
                <a:lnTo>
                  <a:pt x="0" y="22"/>
                </a:lnTo>
                <a:lnTo>
                  <a:pt x="8" y="16"/>
                </a:lnTo>
                <a:lnTo>
                  <a:pt x="12" y="8"/>
                </a:lnTo>
                <a:lnTo>
                  <a:pt x="14" y="0"/>
                </a:lnTo>
                <a:lnTo>
                  <a:pt x="2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76" name="Freeform 110"/>
          <p:cNvSpPr>
            <a:spLocks/>
          </p:cNvSpPr>
          <p:nvPr/>
        </p:nvSpPr>
        <p:spPr bwMode="auto">
          <a:xfrm>
            <a:off x="5927725" y="2635250"/>
            <a:ext cx="82550" cy="174625"/>
          </a:xfrm>
          <a:custGeom>
            <a:avLst/>
            <a:gdLst>
              <a:gd name="T0" fmla="*/ 2147483647 w 64"/>
              <a:gd name="T1" fmla="*/ 2147483647 h 136"/>
              <a:gd name="T2" fmla="*/ 2147483647 w 64"/>
              <a:gd name="T3" fmla="*/ 2147483647 h 136"/>
              <a:gd name="T4" fmla="*/ 2147483647 w 64"/>
              <a:gd name="T5" fmla="*/ 2147483647 h 136"/>
              <a:gd name="T6" fmla="*/ 2147483647 w 64"/>
              <a:gd name="T7" fmla="*/ 2147483647 h 136"/>
              <a:gd name="T8" fmla="*/ 2147483647 w 64"/>
              <a:gd name="T9" fmla="*/ 2147483647 h 136"/>
              <a:gd name="T10" fmla="*/ 2147483647 w 64"/>
              <a:gd name="T11" fmla="*/ 2147483647 h 136"/>
              <a:gd name="T12" fmla="*/ 2147483647 w 64"/>
              <a:gd name="T13" fmla="*/ 2147483647 h 136"/>
              <a:gd name="T14" fmla="*/ 2147483647 w 64"/>
              <a:gd name="T15" fmla="*/ 2147483647 h 136"/>
              <a:gd name="T16" fmla="*/ 2147483647 w 64"/>
              <a:gd name="T17" fmla="*/ 2147483647 h 136"/>
              <a:gd name="T18" fmla="*/ 2147483647 w 64"/>
              <a:gd name="T19" fmla="*/ 2147483647 h 136"/>
              <a:gd name="T20" fmla="*/ 2147483647 w 64"/>
              <a:gd name="T21" fmla="*/ 2147483647 h 136"/>
              <a:gd name="T22" fmla="*/ 2147483647 w 64"/>
              <a:gd name="T23" fmla="*/ 2147483647 h 136"/>
              <a:gd name="T24" fmla="*/ 2147483647 w 64"/>
              <a:gd name="T25" fmla="*/ 2147483647 h 136"/>
              <a:gd name="T26" fmla="*/ 2147483647 w 64"/>
              <a:gd name="T27" fmla="*/ 2147483647 h 136"/>
              <a:gd name="T28" fmla="*/ 2147483647 w 64"/>
              <a:gd name="T29" fmla="*/ 2147483647 h 136"/>
              <a:gd name="T30" fmla="*/ 2147483647 w 64"/>
              <a:gd name="T31" fmla="*/ 2147483647 h 136"/>
              <a:gd name="T32" fmla="*/ 2147483647 w 64"/>
              <a:gd name="T33" fmla="*/ 2147483647 h 136"/>
              <a:gd name="T34" fmla="*/ 2147483647 w 64"/>
              <a:gd name="T35" fmla="*/ 2147483647 h 136"/>
              <a:gd name="T36" fmla="*/ 2147483647 w 64"/>
              <a:gd name="T37" fmla="*/ 2147483647 h 136"/>
              <a:gd name="T38" fmla="*/ 2147483647 w 64"/>
              <a:gd name="T39" fmla="*/ 2147483647 h 136"/>
              <a:gd name="T40" fmla="*/ 2147483647 w 64"/>
              <a:gd name="T41" fmla="*/ 2147483647 h 136"/>
              <a:gd name="T42" fmla="*/ 2147483647 w 64"/>
              <a:gd name="T43" fmla="*/ 2147483647 h 136"/>
              <a:gd name="T44" fmla="*/ 0 w 64"/>
              <a:gd name="T45" fmla="*/ 2147483647 h 136"/>
              <a:gd name="T46" fmla="*/ 0 w 64"/>
              <a:gd name="T47" fmla="*/ 2147483647 h 136"/>
              <a:gd name="T48" fmla="*/ 2147483647 w 64"/>
              <a:gd name="T49" fmla="*/ 2147483647 h 136"/>
              <a:gd name="T50" fmla="*/ 2147483647 w 64"/>
              <a:gd name="T51" fmla="*/ 2147483647 h 136"/>
              <a:gd name="T52" fmla="*/ 2147483647 w 64"/>
              <a:gd name="T53" fmla="*/ 2147483647 h 136"/>
              <a:gd name="T54" fmla="*/ 2147483647 w 64"/>
              <a:gd name="T55" fmla="*/ 2147483647 h 136"/>
              <a:gd name="T56" fmla="*/ 2147483647 w 64"/>
              <a:gd name="T57" fmla="*/ 2147483647 h 136"/>
              <a:gd name="T58" fmla="*/ 2147483647 w 64"/>
              <a:gd name="T59" fmla="*/ 0 h 136"/>
              <a:gd name="T60" fmla="*/ 2147483647 w 64"/>
              <a:gd name="T61" fmla="*/ 2147483647 h 1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0" t="0" r="r" b="b"/>
            <a:pathLst>
              <a:path w="64" h="136">
                <a:moveTo>
                  <a:pt x="64" y="8"/>
                </a:moveTo>
                <a:lnTo>
                  <a:pt x="56" y="22"/>
                </a:lnTo>
                <a:lnTo>
                  <a:pt x="44" y="30"/>
                </a:lnTo>
                <a:lnTo>
                  <a:pt x="44" y="54"/>
                </a:lnTo>
                <a:lnTo>
                  <a:pt x="46" y="64"/>
                </a:lnTo>
                <a:lnTo>
                  <a:pt x="54" y="68"/>
                </a:lnTo>
                <a:lnTo>
                  <a:pt x="52" y="76"/>
                </a:lnTo>
                <a:lnTo>
                  <a:pt x="44" y="82"/>
                </a:lnTo>
                <a:lnTo>
                  <a:pt x="42" y="94"/>
                </a:lnTo>
                <a:lnTo>
                  <a:pt x="32" y="100"/>
                </a:lnTo>
                <a:lnTo>
                  <a:pt x="26" y="114"/>
                </a:lnTo>
                <a:lnTo>
                  <a:pt x="24" y="126"/>
                </a:lnTo>
                <a:lnTo>
                  <a:pt x="24" y="130"/>
                </a:lnTo>
                <a:lnTo>
                  <a:pt x="22" y="134"/>
                </a:lnTo>
                <a:lnTo>
                  <a:pt x="18" y="136"/>
                </a:lnTo>
                <a:lnTo>
                  <a:pt x="16" y="136"/>
                </a:lnTo>
                <a:lnTo>
                  <a:pt x="14" y="134"/>
                </a:lnTo>
                <a:lnTo>
                  <a:pt x="14" y="126"/>
                </a:lnTo>
                <a:lnTo>
                  <a:pt x="12" y="118"/>
                </a:lnTo>
                <a:lnTo>
                  <a:pt x="4" y="102"/>
                </a:lnTo>
                <a:lnTo>
                  <a:pt x="4" y="90"/>
                </a:lnTo>
                <a:lnTo>
                  <a:pt x="6" y="80"/>
                </a:lnTo>
                <a:lnTo>
                  <a:pt x="0" y="68"/>
                </a:lnTo>
                <a:lnTo>
                  <a:pt x="0" y="52"/>
                </a:lnTo>
                <a:lnTo>
                  <a:pt x="12" y="38"/>
                </a:lnTo>
                <a:lnTo>
                  <a:pt x="20" y="16"/>
                </a:lnTo>
                <a:lnTo>
                  <a:pt x="36" y="2"/>
                </a:lnTo>
                <a:lnTo>
                  <a:pt x="42" y="10"/>
                </a:lnTo>
                <a:lnTo>
                  <a:pt x="52" y="2"/>
                </a:lnTo>
                <a:lnTo>
                  <a:pt x="62" y="0"/>
                </a:lnTo>
                <a:lnTo>
                  <a:pt x="64" y="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77" name="Freeform 111"/>
          <p:cNvSpPr>
            <a:spLocks/>
          </p:cNvSpPr>
          <p:nvPr/>
        </p:nvSpPr>
        <p:spPr bwMode="auto">
          <a:xfrm>
            <a:off x="5788025" y="2751138"/>
            <a:ext cx="55563" cy="193675"/>
          </a:xfrm>
          <a:custGeom>
            <a:avLst/>
            <a:gdLst>
              <a:gd name="T0" fmla="*/ 2147483647 w 44"/>
              <a:gd name="T1" fmla="*/ 2147483647 h 150"/>
              <a:gd name="T2" fmla="*/ 2147483647 w 44"/>
              <a:gd name="T3" fmla="*/ 2147483647 h 150"/>
              <a:gd name="T4" fmla="*/ 2147483647 w 44"/>
              <a:gd name="T5" fmla="*/ 2147483647 h 150"/>
              <a:gd name="T6" fmla="*/ 2147483647 w 44"/>
              <a:gd name="T7" fmla="*/ 2147483647 h 150"/>
              <a:gd name="T8" fmla="*/ 2147483647 w 44"/>
              <a:gd name="T9" fmla="*/ 2147483647 h 150"/>
              <a:gd name="T10" fmla="*/ 2147483647 w 44"/>
              <a:gd name="T11" fmla="*/ 2147483647 h 150"/>
              <a:gd name="T12" fmla="*/ 2147483647 w 44"/>
              <a:gd name="T13" fmla="*/ 2147483647 h 150"/>
              <a:gd name="T14" fmla="*/ 2147483647 w 44"/>
              <a:gd name="T15" fmla="*/ 2147483647 h 150"/>
              <a:gd name="T16" fmla="*/ 0 w 44"/>
              <a:gd name="T17" fmla="*/ 2147483647 h 150"/>
              <a:gd name="T18" fmla="*/ 0 w 44"/>
              <a:gd name="T19" fmla="*/ 2147483647 h 150"/>
              <a:gd name="T20" fmla="*/ 2147483647 w 44"/>
              <a:gd name="T21" fmla="*/ 2147483647 h 150"/>
              <a:gd name="T22" fmla="*/ 2147483647 w 44"/>
              <a:gd name="T23" fmla="*/ 2147483647 h 150"/>
              <a:gd name="T24" fmla="*/ 2147483647 w 44"/>
              <a:gd name="T25" fmla="*/ 2147483647 h 150"/>
              <a:gd name="T26" fmla="*/ 2147483647 w 44"/>
              <a:gd name="T27" fmla="*/ 2147483647 h 150"/>
              <a:gd name="T28" fmla="*/ 2147483647 w 44"/>
              <a:gd name="T29" fmla="*/ 0 h 150"/>
              <a:gd name="T30" fmla="*/ 2147483647 w 44"/>
              <a:gd name="T31" fmla="*/ 2147483647 h 15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44" h="150">
                <a:moveTo>
                  <a:pt x="44" y="4"/>
                </a:moveTo>
                <a:lnTo>
                  <a:pt x="40" y="24"/>
                </a:lnTo>
                <a:lnTo>
                  <a:pt x="36" y="40"/>
                </a:lnTo>
                <a:lnTo>
                  <a:pt x="28" y="64"/>
                </a:lnTo>
                <a:lnTo>
                  <a:pt x="22" y="86"/>
                </a:lnTo>
                <a:lnTo>
                  <a:pt x="16" y="120"/>
                </a:lnTo>
                <a:lnTo>
                  <a:pt x="12" y="138"/>
                </a:lnTo>
                <a:lnTo>
                  <a:pt x="4" y="150"/>
                </a:lnTo>
                <a:lnTo>
                  <a:pt x="0" y="128"/>
                </a:lnTo>
                <a:lnTo>
                  <a:pt x="0" y="104"/>
                </a:lnTo>
                <a:lnTo>
                  <a:pt x="12" y="76"/>
                </a:lnTo>
                <a:lnTo>
                  <a:pt x="20" y="54"/>
                </a:lnTo>
                <a:lnTo>
                  <a:pt x="32" y="34"/>
                </a:lnTo>
                <a:lnTo>
                  <a:pt x="32" y="12"/>
                </a:lnTo>
                <a:lnTo>
                  <a:pt x="36" y="0"/>
                </a:lnTo>
                <a:lnTo>
                  <a:pt x="44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78" name="Freeform 112"/>
          <p:cNvSpPr>
            <a:spLocks/>
          </p:cNvSpPr>
          <p:nvPr/>
        </p:nvSpPr>
        <p:spPr bwMode="auto">
          <a:xfrm>
            <a:off x="5994400" y="2222500"/>
            <a:ext cx="68263" cy="52388"/>
          </a:xfrm>
          <a:custGeom>
            <a:avLst/>
            <a:gdLst>
              <a:gd name="T0" fmla="*/ 2147483647 w 52"/>
              <a:gd name="T1" fmla="*/ 2147483647 h 40"/>
              <a:gd name="T2" fmla="*/ 2147483647 w 52"/>
              <a:gd name="T3" fmla="*/ 2147483647 h 40"/>
              <a:gd name="T4" fmla="*/ 2147483647 w 52"/>
              <a:gd name="T5" fmla="*/ 2147483647 h 40"/>
              <a:gd name="T6" fmla="*/ 2147483647 w 52"/>
              <a:gd name="T7" fmla="*/ 2147483647 h 40"/>
              <a:gd name="T8" fmla="*/ 2147483647 w 52"/>
              <a:gd name="T9" fmla="*/ 2147483647 h 40"/>
              <a:gd name="T10" fmla="*/ 2147483647 w 52"/>
              <a:gd name="T11" fmla="*/ 2147483647 h 40"/>
              <a:gd name="T12" fmla="*/ 2147483647 w 52"/>
              <a:gd name="T13" fmla="*/ 2147483647 h 40"/>
              <a:gd name="T14" fmla="*/ 2147483647 w 52"/>
              <a:gd name="T15" fmla="*/ 2147483647 h 40"/>
              <a:gd name="T16" fmla="*/ 2147483647 w 52"/>
              <a:gd name="T17" fmla="*/ 2147483647 h 40"/>
              <a:gd name="T18" fmla="*/ 2147483647 w 52"/>
              <a:gd name="T19" fmla="*/ 2147483647 h 40"/>
              <a:gd name="T20" fmla="*/ 2147483647 w 52"/>
              <a:gd name="T21" fmla="*/ 2147483647 h 40"/>
              <a:gd name="T22" fmla="*/ 2147483647 w 52"/>
              <a:gd name="T23" fmla="*/ 2147483647 h 40"/>
              <a:gd name="T24" fmla="*/ 0 w 52"/>
              <a:gd name="T25" fmla="*/ 2147483647 h 40"/>
              <a:gd name="T26" fmla="*/ 2147483647 w 52"/>
              <a:gd name="T27" fmla="*/ 2147483647 h 40"/>
              <a:gd name="T28" fmla="*/ 2147483647 w 52"/>
              <a:gd name="T29" fmla="*/ 2147483647 h 40"/>
              <a:gd name="T30" fmla="*/ 2147483647 w 52"/>
              <a:gd name="T31" fmla="*/ 2147483647 h 40"/>
              <a:gd name="T32" fmla="*/ 2147483647 w 52"/>
              <a:gd name="T33" fmla="*/ 0 h 40"/>
              <a:gd name="T34" fmla="*/ 2147483647 w 52"/>
              <a:gd name="T35" fmla="*/ 2147483647 h 40"/>
              <a:gd name="T36" fmla="*/ 2147483647 w 52"/>
              <a:gd name="T37" fmla="*/ 2147483647 h 40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0" t="0" r="r" b="b"/>
            <a:pathLst>
              <a:path w="52" h="40">
                <a:moveTo>
                  <a:pt x="32" y="12"/>
                </a:moveTo>
                <a:lnTo>
                  <a:pt x="32" y="22"/>
                </a:lnTo>
                <a:lnTo>
                  <a:pt x="44" y="18"/>
                </a:lnTo>
                <a:lnTo>
                  <a:pt x="52" y="18"/>
                </a:lnTo>
                <a:lnTo>
                  <a:pt x="52" y="32"/>
                </a:lnTo>
                <a:lnTo>
                  <a:pt x="40" y="32"/>
                </a:lnTo>
                <a:lnTo>
                  <a:pt x="36" y="40"/>
                </a:lnTo>
                <a:lnTo>
                  <a:pt x="28" y="34"/>
                </a:lnTo>
                <a:lnTo>
                  <a:pt x="20" y="34"/>
                </a:lnTo>
                <a:lnTo>
                  <a:pt x="12" y="32"/>
                </a:lnTo>
                <a:lnTo>
                  <a:pt x="10" y="24"/>
                </a:lnTo>
                <a:lnTo>
                  <a:pt x="4" y="24"/>
                </a:lnTo>
                <a:lnTo>
                  <a:pt x="0" y="14"/>
                </a:lnTo>
                <a:lnTo>
                  <a:pt x="8" y="8"/>
                </a:lnTo>
                <a:lnTo>
                  <a:pt x="16" y="14"/>
                </a:lnTo>
                <a:lnTo>
                  <a:pt x="24" y="12"/>
                </a:lnTo>
                <a:lnTo>
                  <a:pt x="22" y="0"/>
                </a:lnTo>
                <a:lnTo>
                  <a:pt x="28" y="2"/>
                </a:lnTo>
                <a:lnTo>
                  <a:pt x="32" y="1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79" name="Freeform 113"/>
          <p:cNvSpPr>
            <a:spLocks/>
          </p:cNvSpPr>
          <p:nvPr/>
        </p:nvSpPr>
        <p:spPr bwMode="auto">
          <a:xfrm>
            <a:off x="4794250" y="4494213"/>
            <a:ext cx="1514475" cy="1525587"/>
          </a:xfrm>
          <a:custGeom>
            <a:avLst/>
            <a:gdLst>
              <a:gd name="T0" fmla="*/ 2147483647 w 1169"/>
              <a:gd name="T1" fmla="*/ 2147483647 h 1178"/>
              <a:gd name="T2" fmla="*/ 2147483647 w 1169"/>
              <a:gd name="T3" fmla="*/ 2147483647 h 1178"/>
              <a:gd name="T4" fmla="*/ 2147483647 w 1169"/>
              <a:gd name="T5" fmla="*/ 2147483647 h 1178"/>
              <a:gd name="T6" fmla="*/ 2147483647 w 1169"/>
              <a:gd name="T7" fmla="*/ 2147483647 h 1178"/>
              <a:gd name="T8" fmla="*/ 2147483647 w 1169"/>
              <a:gd name="T9" fmla="*/ 2147483647 h 1178"/>
              <a:gd name="T10" fmla="*/ 2147483647 w 1169"/>
              <a:gd name="T11" fmla="*/ 2147483647 h 1178"/>
              <a:gd name="T12" fmla="*/ 2147483647 w 1169"/>
              <a:gd name="T13" fmla="*/ 2147483647 h 1178"/>
              <a:gd name="T14" fmla="*/ 2147483647 w 1169"/>
              <a:gd name="T15" fmla="*/ 2147483647 h 1178"/>
              <a:gd name="T16" fmla="*/ 2147483647 w 1169"/>
              <a:gd name="T17" fmla="*/ 2147483647 h 1178"/>
              <a:gd name="T18" fmla="*/ 2147483647 w 1169"/>
              <a:gd name="T19" fmla="*/ 2147483647 h 1178"/>
              <a:gd name="T20" fmla="*/ 2147483647 w 1169"/>
              <a:gd name="T21" fmla="*/ 2147483647 h 1178"/>
              <a:gd name="T22" fmla="*/ 2147483647 w 1169"/>
              <a:gd name="T23" fmla="*/ 2147483647 h 1178"/>
              <a:gd name="T24" fmla="*/ 2147483647 w 1169"/>
              <a:gd name="T25" fmla="*/ 2147483647 h 1178"/>
              <a:gd name="T26" fmla="*/ 2147483647 w 1169"/>
              <a:gd name="T27" fmla="*/ 2147483647 h 1178"/>
              <a:gd name="T28" fmla="*/ 2147483647 w 1169"/>
              <a:gd name="T29" fmla="*/ 2147483647 h 1178"/>
              <a:gd name="T30" fmla="*/ 2147483647 w 1169"/>
              <a:gd name="T31" fmla="*/ 2147483647 h 1178"/>
              <a:gd name="T32" fmla="*/ 2147483647 w 1169"/>
              <a:gd name="T33" fmla="*/ 2147483647 h 1178"/>
              <a:gd name="T34" fmla="*/ 2147483647 w 1169"/>
              <a:gd name="T35" fmla="*/ 2147483647 h 1178"/>
              <a:gd name="T36" fmla="*/ 2147483647 w 1169"/>
              <a:gd name="T37" fmla="*/ 2147483647 h 1178"/>
              <a:gd name="T38" fmla="*/ 2147483647 w 1169"/>
              <a:gd name="T39" fmla="*/ 2147483647 h 1178"/>
              <a:gd name="T40" fmla="*/ 2147483647 w 1169"/>
              <a:gd name="T41" fmla="*/ 2147483647 h 1178"/>
              <a:gd name="T42" fmla="*/ 2147483647 w 1169"/>
              <a:gd name="T43" fmla="*/ 2147483647 h 1178"/>
              <a:gd name="T44" fmla="*/ 2147483647 w 1169"/>
              <a:gd name="T45" fmla="*/ 2147483647 h 1178"/>
              <a:gd name="T46" fmla="*/ 2147483647 w 1169"/>
              <a:gd name="T47" fmla="*/ 2147483647 h 1178"/>
              <a:gd name="T48" fmla="*/ 2147483647 w 1169"/>
              <a:gd name="T49" fmla="*/ 2147483647 h 1178"/>
              <a:gd name="T50" fmla="*/ 2147483647 w 1169"/>
              <a:gd name="T51" fmla="*/ 2147483647 h 1178"/>
              <a:gd name="T52" fmla="*/ 2147483647 w 1169"/>
              <a:gd name="T53" fmla="*/ 2147483647 h 1178"/>
              <a:gd name="T54" fmla="*/ 2147483647 w 1169"/>
              <a:gd name="T55" fmla="*/ 2147483647 h 1178"/>
              <a:gd name="T56" fmla="*/ 2147483647 w 1169"/>
              <a:gd name="T57" fmla="*/ 2147483647 h 1178"/>
              <a:gd name="T58" fmla="*/ 2147483647 w 1169"/>
              <a:gd name="T59" fmla="*/ 2147483647 h 1178"/>
              <a:gd name="T60" fmla="*/ 2147483647 w 1169"/>
              <a:gd name="T61" fmla="*/ 2147483647 h 1178"/>
              <a:gd name="T62" fmla="*/ 2147483647 w 1169"/>
              <a:gd name="T63" fmla="*/ 2147483647 h 1178"/>
              <a:gd name="T64" fmla="*/ 2147483647 w 1169"/>
              <a:gd name="T65" fmla="*/ 2147483647 h 1178"/>
              <a:gd name="T66" fmla="*/ 2147483647 w 1169"/>
              <a:gd name="T67" fmla="*/ 2147483647 h 1178"/>
              <a:gd name="T68" fmla="*/ 2147483647 w 1169"/>
              <a:gd name="T69" fmla="*/ 2147483647 h 1178"/>
              <a:gd name="T70" fmla="*/ 2147483647 w 1169"/>
              <a:gd name="T71" fmla="*/ 2147483647 h 1178"/>
              <a:gd name="T72" fmla="*/ 2147483647 w 1169"/>
              <a:gd name="T73" fmla="*/ 2147483647 h 1178"/>
              <a:gd name="T74" fmla="*/ 2147483647 w 1169"/>
              <a:gd name="T75" fmla="*/ 2147483647 h 1178"/>
              <a:gd name="T76" fmla="*/ 2147483647 w 1169"/>
              <a:gd name="T77" fmla="*/ 2147483647 h 1178"/>
              <a:gd name="T78" fmla="*/ 2147483647 w 1169"/>
              <a:gd name="T79" fmla="*/ 2147483647 h 1178"/>
              <a:gd name="T80" fmla="*/ 2147483647 w 1169"/>
              <a:gd name="T81" fmla="*/ 2147483647 h 1178"/>
              <a:gd name="T82" fmla="*/ 2147483647 w 1169"/>
              <a:gd name="T83" fmla="*/ 2147483647 h 1178"/>
              <a:gd name="T84" fmla="*/ 2147483647 w 1169"/>
              <a:gd name="T85" fmla="*/ 2147483647 h 1178"/>
              <a:gd name="T86" fmla="*/ 2147483647 w 1169"/>
              <a:gd name="T87" fmla="*/ 2147483647 h 1178"/>
              <a:gd name="T88" fmla="*/ 2147483647 w 1169"/>
              <a:gd name="T89" fmla="*/ 2147483647 h 1178"/>
              <a:gd name="T90" fmla="*/ 2147483647 w 1169"/>
              <a:gd name="T91" fmla="*/ 2147483647 h 1178"/>
              <a:gd name="T92" fmla="*/ 2147483647 w 1169"/>
              <a:gd name="T93" fmla="*/ 2147483647 h 1178"/>
              <a:gd name="T94" fmla="*/ 2147483647 w 1169"/>
              <a:gd name="T95" fmla="*/ 2147483647 h 1178"/>
              <a:gd name="T96" fmla="*/ 2147483647 w 1169"/>
              <a:gd name="T97" fmla="*/ 2147483647 h 1178"/>
              <a:gd name="T98" fmla="*/ 2147483647 w 1169"/>
              <a:gd name="T99" fmla="*/ 2147483647 h 1178"/>
              <a:gd name="T100" fmla="*/ 2147483647 w 1169"/>
              <a:gd name="T101" fmla="*/ 2147483647 h 1178"/>
              <a:gd name="T102" fmla="*/ 2147483647 w 1169"/>
              <a:gd name="T103" fmla="*/ 2147483647 h 1178"/>
              <a:gd name="T104" fmla="*/ 2147483647 w 1169"/>
              <a:gd name="T105" fmla="*/ 2147483647 h 1178"/>
              <a:gd name="T106" fmla="*/ 2147483647 w 1169"/>
              <a:gd name="T107" fmla="*/ 2147483647 h 1178"/>
              <a:gd name="T108" fmla="*/ 2147483647 w 1169"/>
              <a:gd name="T109" fmla="*/ 2147483647 h 1178"/>
              <a:gd name="T110" fmla="*/ 2147483647 w 1169"/>
              <a:gd name="T111" fmla="*/ 2147483647 h 1178"/>
              <a:gd name="T112" fmla="*/ 2147483647 w 1169"/>
              <a:gd name="T113" fmla="*/ 2147483647 h 1178"/>
              <a:gd name="T114" fmla="*/ 2147483647 w 1169"/>
              <a:gd name="T115" fmla="*/ 2147483647 h 1178"/>
              <a:gd name="T116" fmla="*/ 2147483647 w 1169"/>
              <a:gd name="T117" fmla="*/ 2147483647 h 117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169" h="1178">
                <a:moveTo>
                  <a:pt x="637" y="158"/>
                </a:moveTo>
                <a:lnTo>
                  <a:pt x="635" y="166"/>
                </a:lnTo>
                <a:lnTo>
                  <a:pt x="623" y="182"/>
                </a:lnTo>
                <a:lnTo>
                  <a:pt x="613" y="176"/>
                </a:lnTo>
                <a:lnTo>
                  <a:pt x="611" y="162"/>
                </a:lnTo>
                <a:lnTo>
                  <a:pt x="593" y="170"/>
                </a:lnTo>
                <a:lnTo>
                  <a:pt x="595" y="184"/>
                </a:lnTo>
                <a:lnTo>
                  <a:pt x="573" y="192"/>
                </a:lnTo>
                <a:lnTo>
                  <a:pt x="563" y="206"/>
                </a:lnTo>
                <a:lnTo>
                  <a:pt x="547" y="212"/>
                </a:lnTo>
                <a:lnTo>
                  <a:pt x="535" y="206"/>
                </a:lnTo>
                <a:lnTo>
                  <a:pt x="517" y="210"/>
                </a:lnTo>
                <a:lnTo>
                  <a:pt x="519" y="226"/>
                </a:lnTo>
                <a:lnTo>
                  <a:pt x="509" y="236"/>
                </a:lnTo>
                <a:lnTo>
                  <a:pt x="525" y="254"/>
                </a:lnTo>
                <a:lnTo>
                  <a:pt x="527" y="266"/>
                </a:lnTo>
                <a:lnTo>
                  <a:pt x="543" y="276"/>
                </a:lnTo>
                <a:lnTo>
                  <a:pt x="535" y="296"/>
                </a:lnTo>
                <a:lnTo>
                  <a:pt x="521" y="298"/>
                </a:lnTo>
                <a:lnTo>
                  <a:pt x="517" y="310"/>
                </a:lnTo>
                <a:lnTo>
                  <a:pt x="529" y="330"/>
                </a:lnTo>
                <a:lnTo>
                  <a:pt x="519" y="338"/>
                </a:lnTo>
                <a:lnTo>
                  <a:pt x="529" y="362"/>
                </a:lnTo>
                <a:lnTo>
                  <a:pt x="541" y="382"/>
                </a:lnTo>
                <a:lnTo>
                  <a:pt x="553" y="394"/>
                </a:lnTo>
                <a:lnTo>
                  <a:pt x="565" y="404"/>
                </a:lnTo>
                <a:lnTo>
                  <a:pt x="577" y="406"/>
                </a:lnTo>
                <a:lnTo>
                  <a:pt x="593" y="418"/>
                </a:lnTo>
                <a:lnTo>
                  <a:pt x="611" y="436"/>
                </a:lnTo>
                <a:lnTo>
                  <a:pt x="627" y="444"/>
                </a:lnTo>
                <a:lnTo>
                  <a:pt x="647" y="448"/>
                </a:lnTo>
                <a:lnTo>
                  <a:pt x="655" y="458"/>
                </a:lnTo>
                <a:lnTo>
                  <a:pt x="665" y="484"/>
                </a:lnTo>
                <a:lnTo>
                  <a:pt x="679" y="518"/>
                </a:lnTo>
                <a:lnTo>
                  <a:pt x="691" y="554"/>
                </a:lnTo>
                <a:lnTo>
                  <a:pt x="715" y="592"/>
                </a:lnTo>
                <a:lnTo>
                  <a:pt x="743" y="612"/>
                </a:lnTo>
                <a:lnTo>
                  <a:pt x="759" y="630"/>
                </a:lnTo>
                <a:lnTo>
                  <a:pt x="773" y="628"/>
                </a:lnTo>
                <a:lnTo>
                  <a:pt x="777" y="640"/>
                </a:lnTo>
                <a:lnTo>
                  <a:pt x="799" y="648"/>
                </a:lnTo>
                <a:lnTo>
                  <a:pt x="815" y="660"/>
                </a:lnTo>
                <a:lnTo>
                  <a:pt x="851" y="658"/>
                </a:lnTo>
                <a:lnTo>
                  <a:pt x="883" y="654"/>
                </a:lnTo>
                <a:lnTo>
                  <a:pt x="903" y="648"/>
                </a:lnTo>
                <a:lnTo>
                  <a:pt x="913" y="654"/>
                </a:lnTo>
                <a:lnTo>
                  <a:pt x="917" y="670"/>
                </a:lnTo>
                <a:lnTo>
                  <a:pt x="903" y="682"/>
                </a:lnTo>
                <a:lnTo>
                  <a:pt x="891" y="690"/>
                </a:lnTo>
                <a:lnTo>
                  <a:pt x="893" y="702"/>
                </a:lnTo>
                <a:lnTo>
                  <a:pt x="907" y="718"/>
                </a:lnTo>
                <a:lnTo>
                  <a:pt x="949" y="734"/>
                </a:lnTo>
                <a:lnTo>
                  <a:pt x="975" y="746"/>
                </a:lnTo>
                <a:lnTo>
                  <a:pt x="1009" y="752"/>
                </a:lnTo>
                <a:lnTo>
                  <a:pt x="1031" y="764"/>
                </a:lnTo>
                <a:lnTo>
                  <a:pt x="1049" y="778"/>
                </a:lnTo>
                <a:lnTo>
                  <a:pt x="1077" y="788"/>
                </a:lnTo>
                <a:lnTo>
                  <a:pt x="1097" y="796"/>
                </a:lnTo>
                <a:lnTo>
                  <a:pt x="1111" y="800"/>
                </a:lnTo>
                <a:lnTo>
                  <a:pt x="1115" y="812"/>
                </a:lnTo>
                <a:lnTo>
                  <a:pt x="1133" y="822"/>
                </a:lnTo>
                <a:lnTo>
                  <a:pt x="1147" y="832"/>
                </a:lnTo>
                <a:lnTo>
                  <a:pt x="1163" y="848"/>
                </a:lnTo>
                <a:lnTo>
                  <a:pt x="1169" y="864"/>
                </a:lnTo>
                <a:lnTo>
                  <a:pt x="1167" y="872"/>
                </a:lnTo>
                <a:lnTo>
                  <a:pt x="1159" y="880"/>
                </a:lnTo>
                <a:lnTo>
                  <a:pt x="1159" y="894"/>
                </a:lnTo>
                <a:lnTo>
                  <a:pt x="1159" y="904"/>
                </a:lnTo>
                <a:lnTo>
                  <a:pt x="1145" y="902"/>
                </a:lnTo>
                <a:lnTo>
                  <a:pt x="1133" y="900"/>
                </a:lnTo>
                <a:lnTo>
                  <a:pt x="1119" y="888"/>
                </a:lnTo>
                <a:lnTo>
                  <a:pt x="1119" y="868"/>
                </a:lnTo>
                <a:lnTo>
                  <a:pt x="1105" y="852"/>
                </a:lnTo>
                <a:lnTo>
                  <a:pt x="1093" y="848"/>
                </a:lnTo>
                <a:lnTo>
                  <a:pt x="1065" y="848"/>
                </a:lnTo>
                <a:lnTo>
                  <a:pt x="1049" y="844"/>
                </a:lnTo>
                <a:lnTo>
                  <a:pt x="1037" y="838"/>
                </a:lnTo>
                <a:lnTo>
                  <a:pt x="1037" y="828"/>
                </a:lnTo>
                <a:lnTo>
                  <a:pt x="1017" y="824"/>
                </a:lnTo>
                <a:lnTo>
                  <a:pt x="1005" y="834"/>
                </a:lnTo>
                <a:lnTo>
                  <a:pt x="995" y="856"/>
                </a:lnTo>
                <a:lnTo>
                  <a:pt x="989" y="872"/>
                </a:lnTo>
                <a:lnTo>
                  <a:pt x="977" y="884"/>
                </a:lnTo>
                <a:lnTo>
                  <a:pt x="977" y="896"/>
                </a:lnTo>
                <a:lnTo>
                  <a:pt x="981" y="904"/>
                </a:lnTo>
                <a:lnTo>
                  <a:pt x="973" y="914"/>
                </a:lnTo>
                <a:lnTo>
                  <a:pt x="971" y="924"/>
                </a:lnTo>
                <a:lnTo>
                  <a:pt x="973" y="942"/>
                </a:lnTo>
                <a:lnTo>
                  <a:pt x="987" y="948"/>
                </a:lnTo>
                <a:lnTo>
                  <a:pt x="1003" y="948"/>
                </a:lnTo>
                <a:lnTo>
                  <a:pt x="1017" y="960"/>
                </a:lnTo>
                <a:lnTo>
                  <a:pt x="1029" y="964"/>
                </a:lnTo>
                <a:lnTo>
                  <a:pt x="1039" y="972"/>
                </a:lnTo>
                <a:lnTo>
                  <a:pt x="1041" y="992"/>
                </a:lnTo>
                <a:lnTo>
                  <a:pt x="1043" y="1008"/>
                </a:lnTo>
                <a:lnTo>
                  <a:pt x="1049" y="1020"/>
                </a:lnTo>
                <a:lnTo>
                  <a:pt x="1043" y="1036"/>
                </a:lnTo>
                <a:lnTo>
                  <a:pt x="1021" y="1034"/>
                </a:lnTo>
                <a:lnTo>
                  <a:pt x="1003" y="1046"/>
                </a:lnTo>
                <a:lnTo>
                  <a:pt x="989" y="1060"/>
                </a:lnTo>
                <a:lnTo>
                  <a:pt x="989" y="1074"/>
                </a:lnTo>
                <a:lnTo>
                  <a:pt x="993" y="1088"/>
                </a:lnTo>
                <a:lnTo>
                  <a:pt x="995" y="1108"/>
                </a:lnTo>
                <a:lnTo>
                  <a:pt x="977" y="1118"/>
                </a:lnTo>
                <a:lnTo>
                  <a:pt x="963" y="1138"/>
                </a:lnTo>
                <a:lnTo>
                  <a:pt x="953" y="1148"/>
                </a:lnTo>
                <a:lnTo>
                  <a:pt x="955" y="1162"/>
                </a:lnTo>
                <a:lnTo>
                  <a:pt x="945" y="1176"/>
                </a:lnTo>
                <a:lnTo>
                  <a:pt x="927" y="1178"/>
                </a:lnTo>
                <a:lnTo>
                  <a:pt x="911" y="1178"/>
                </a:lnTo>
                <a:lnTo>
                  <a:pt x="901" y="1164"/>
                </a:lnTo>
                <a:lnTo>
                  <a:pt x="903" y="1146"/>
                </a:lnTo>
                <a:lnTo>
                  <a:pt x="903" y="1136"/>
                </a:lnTo>
                <a:lnTo>
                  <a:pt x="917" y="1126"/>
                </a:lnTo>
                <a:lnTo>
                  <a:pt x="921" y="1110"/>
                </a:lnTo>
                <a:lnTo>
                  <a:pt x="927" y="1094"/>
                </a:lnTo>
                <a:lnTo>
                  <a:pt x="917" y="1086"/>
                </a:lnTo>
                <a:lnTo>
                  <a:pt x="919" y="1074"/>
                </a:lnTo>
                <a:lnTo>
                  <a:pt x="939" y="1070"/>
                </a:lnTo>
                <a:lnTo>
                  <a:pt x="951" y="1062"/>
                </a:lnTo>
                <a:lnTo>
                  <a:pt x="951" y="1042"/>
                </a:lnTo>
                <a:lnTo>
                  <a:pt x="933" y="1018"/>
                </a:lnTo>
                <a:lnTo>
                  <a:pt x="933" y="996"/>
                </a:lnTo>
                <a:lnTo>
                  <a:pt x="921" y="972"/>
                </a:lnTo>
                <a:lnTo>
                  <a:pt x="907" y="960"/>
                </a:lnTo>
                <a:lnTo>
                  <a:pt x="899" y="932"/>
                </a:lnTo>
                <a:lnTo>
                  <a:pt x="895" y="916"/>
                </a:lnTo>
                <a:lnTo>
                  <a:pt x="885" y="900"/>
                </a:lnTo>
                <a:lnTo>
                  <a:pt x="869" y="896"/>
                </a:lnTo>
                <a:lnTo>
                  <a:pt x="859" y="908"/>
                </a:lnTo>
                <a:lnTo>
                  <a:pt x="849" y="906"/>
                </a:lnTo>
                <a:lnTo>
                  <a:pt x="835" y="892"/>
                </a:lnTo>
                <a:lnTo>
                  <a:pt x="815" y="886"/>
                </a:lnTo>
                <a:lnTo>
                  <a:pt x="805" y="870"/>
                </a:lnTo>
                <a:lnTo>
                  <a:pt x="807" y="850"/>
                </a:lnTo>
                <a:lnTo>
                  <a:pt x="797" y="834"/>
                </a:lnTo>
                <a:lnTo>
                  <a:pt x="787" y="826"/>
                </a:lnTo>
                <a:lnTo>
                  <a:pt x="769" y="832"/>
                </a:lnTo>
                <a:lnTo>
                  <a:pt x="757" y="834"/>
                </a:lnTo>
                <a:lnTo>
                  <a:pt x="745" y="836"/>
                </a:lnTo>
                <a:lnTo>
                  <a:pt x="751" y="824"/>
                </a:lnTo>
                <a:lnTo>
                  <a:pt x="753" y="818"/>
                </a:lnTo>
                <a:lnTo>
                  <a:pt x="745" y="810"/>
                </a:lnTo>
                <a:lnTo>
                  <a:pt x="735" y="802"/>
                </a:lnTo>
                <a:lnTo>
                  <a:pt x="727" y="806"/>
                </a:lnTo>
                <a:lnTo>
                  <a:pt x="725" y="814"/>
                </a:lnTo>
                <a:lnTo>
                  <a:pt x="717" y="814"/>
                </a:lnTo>
                <a:lnTo>
                  <a:pt x="709" y="814"/>
                </a:lnTo>
                <a:lnTo>
                  <a:pt x="705" y="814"/>
                </a:lnTo>
                <a:lnTo>
                  <a:pt x="699" y="808"/>
                </a:lnTo>
                <a:lnTo>
                  <a:pt x="707" y="796"/>
                </a:lnTo>
                <a:lnTo>
                  <a:pt x="697" y="776"/>
                </a:lnTo>
                <a:lnTo>
                  <a:pt x="687" y="764"/>
                </a:lnTo>
                <a:lnTo>
                  <a:pt x="677" y="756"/>
                </a:lnTo>
                <a:lnTo>
                  <a:pt x="667" y="756"/>
                </a:lnTo>
                <a:lnTo>
                  <a:pt x="661" y="762"/>
                </a:lnTo>
                <a:lnTo>
                  <a:pt x="649" y="756"/>
                </a:lnTo>
                <a:lnTo>
                  <a:pt x="635" y="752"/>
                </a:lnTo>
                <a:lnTo>
                  <a:pt x="623" y="756"/>
                </a:lnTo>
                <a:lnTo>
                  <a:pt x="619" y="764"/>
                </a:lnTo>
                <a:lnTo>
                  <a:pt x="607" y="754"/>
                </a:lnTo>
                <a:lnTo>
                  <a:pt x="599" y="738"/>
                </a:lnTo>
                <a:lnTo>
                  <a:pt x="589" y="738"/>
                </a:lnTo>
                <a:lnTo>
                  <a:pt x="571" y="732"/>
                </a:lnTo>
                <a:lnTo>
                  <a:pt x="555" y="712"/>
                </a:lnTo>
                <a:lnTo>
                  <a:pt x="541" y="704"/>
                </a:lnTo>
                <a:lnTo>
                  <a:pt x="529" y="698"/>
                </a:lnTo>
                <a:lnTo>
                  <a:pt x="519" y="674"/>
                </a:lnTo>
                <a:lnTo>
                  <a:pt x="503" y="664"/>
                </a:lnTo>
                <a:lnTo>
                  <a:pt x="485" y="658"/>
                </a:lnTo>
                <a:lnTo>
                  <a:pt x="479" y="646"/>
                </a:lnTo>
                <a:lnTo>
                  <a:pt x="467" y="626"/>
                </a:lnTo>
                <a:lnTo>
                  <a:pt x="451" y="618"/>
                </a:lnTo>
                <a:lnTo>
                  <a:pt x="439" y="614"/>
                </a:lnTo>
                <a:lnTo>
                  <a:pt x="421" y="620"/>
                </a:lnTo>
                <a:lnTo>
                  <a:pt x="417" y="612"/>
                </a:lnTo>
                <a:lnTo>
                  <a:pt x="425" y="606"/>
                </a:lnTo>
                <a:lnTo>
                  <a:pt x="427" y="596"/>
                </a:lnTo>
                <a:lnTo>
                  <a:pt x="411" y="582"/>
                </a:lnTo>
                <a:lnTo>
                  <a:pt x="401" y="572"/>
                </a:lnTo>
                <a:lnTo>
                  <a:pt x="383" y="562"/>
                </a:lnTo>
                <a:lnTo>
                  <a:pt x="385" y="550"/>
                </a:lnTo>
                <a:lnTo>
                  <a:pt x="375" y="544"/>
                </a:lnTo>
                <a:lnTo>
                  <a:pt x="361" y="540"/>
                </a:lnTo>
                <a:lnTo>
                  <a:pt x="361" y="512"/>
                </a:lnTo>
                <a:lnTo>
                  <a:pt x="353" y="488"/>
                </a:lnTo>
                <a:lnTo>
                  <a:pt x="337" y="470"/>
                </a:lnTo>
                <a:lnTo>
                  <a:pt x="335" y="450"/>
                </a:lnTo>
                <a:lnTo>
                  <a:pt x="335" y="428"/>
                </a:lnTo>
                <a:lnTo>
                  <a:pt x="325" y="410"/>
                </a:lnTo>
                <a:lnTo>
                  <a:pt x="307" y="398"/>
                </a:lnTo>
                <a:lnTo>
                  <a:pt x="285" y="398"/>
                </a:lnTo>
                <a:lnTo>
                  <a:pt x="261" y="378"/>
                </a:lnTo>
                <a:lnTo>
                  <a:pt x="242" y="366"/>
                </a:lnTo>
                <a:lnTo>
                  <a:pt x="230" y="364"/>
                </a:lnTo>
                <a:lnTo>
                  <a:pt x="220" y="354"/>
                </a:lnTo>
                <a:lnTo>
                  <a:pt x="196" y="352"/>
                </a:lnTo>
                <a:lnTo>
                  <a:pt x="182" y="358"/>
                </a:lnTo>
                <a:lnTo>
                  <a:pt x="168" y="366"/>
                </a:lnTo>
                <a:lnTo>
                  <a:pt x="160" y="382"/>
                </a:lnTo>
                <a:lnTo>
                  <a:pt x="148" y="390"/>
                </a:lnTo>
                <a:lnTo>
                  <a:pt x="144" y="398"/>
                </a:lnTo>
                <a:lnTo>
                  <a:pt x="136" y="414"/>
                </a:lnTo>
                <a:lnTo>
                  <a:pt x="116" y="426"/>
                </a:lnTo>
                <a:lnTo>
                  <a:pt x="100" y="428"/>
                </a:lnTo>
                <a:lnTo>
                  <a:pt x="90" y="434"/>
                </a:lnTo>
                <a:lnTo>
                  <a:pt x="80" y="432"/>
                </a:lnTo>
                <a:lnTo>
                  <a:pt x="74" y="416"/>
                </a:lnTo>
                <a:lnTo>
                  <a:pt x="86" y="400"/>
                </a:lnTo>
                <a:lnTo>
                  <a:pt x="94" y="394"/>
                </a:lnTo>
                <a:lnTo>
                  <a:pt x="88" y="382"/>
                </a:lnTo>
                <a:lnTo>
                  <a:pt x="64" y="382"/>
                </a:lnTo>
                <a:lnTo>
                  <a:pt x="44" y="374"/>
                </a:lnTo>
                <a:lnTo>
                  <a:pt x="24" y="366"/>
                </a:lnTo>
                <a:lnTo>
                  <a:pt x="18" y="350"/>
                </a:lnTo>
                <a:lnTo>
                  <a:pt x="22" y="340"/>
                </a:lnTo>
                <a:lnTo>
                  <a:pt x="16" y="326"/>
                </a:lnTo>
                <a:lnTo>
                  <a:pt x="28" y="314"/>
                </a:lnTo>
                <a:lnTo>
                  <a:pt x="38" y="304"/>
                </a:lnTo>
                <a:lnTo>
                  <a:pt x="32" y="290"/>
                </a:lnTo>
                <a:lnTo>
                  <a:pt x="14" y="286"/>
                </a:lnTo>
                <a:lnTo>
                  <a:pt x="10" y="278"/>
                </a:lnTo>
                <a:lnTo>
                  <a:pt x="10" y="270"/>
                </a:lnTo>
                <a:lnTo>
                  <a:pt x="0" y="256"/>
                </a:lnTo>
                <a:lnTo>
                  <a:pt x="12" y="250"/>
                </a:lnTo>
                <a:lnTo>
                  <a:pt x="24" y="252"/>
                </a:lnTo>
                <a:lnTo>
                  <a:pt x="32" y="242"/>
                </a:lnTo>
                <a:lnTo>
                  <a:pt x="44" y="240"/>
                </a:lnTo>
                <a:lnTo>
                  <a:pt x="44" y="228"/>
                </a:lnTo>
                <a:lnTo>
                  <a:pt x="52" y="220"/>
                </a:lnTo>
                <a:lnTo>
                  <a:pt x="36" y="206"/>
                </a:lnTo>
                <a:lnTo>
                  <a:pt x="32" y="188"/>
                </a:lnTo>
                <a:lnTo>
                  <a:pt x="22" y="180"/>
                </a:lnTo>
                <a:lnTo>
                  <a:pt x="16" y="170"/>
                </a:lnTo>
                <a:lnTo>
                  <a:pt x="24" y="158"/>
                </a:lnTo>
                <a:lnTo>
                  <a:pt x="38" y="160"/>
                </a:lnTo>
                <a:lnTo>
                  <a:pt x="40" y="152"/>
                </a:lnTo>
                <a:lnTo>
                  <a:pt x="48" y="158"/>
                </a:lnTo>
                <a:lnTo>
                  <a:pt x="76" y="152"/>
                </a:lnTo>
                <a:lnTo>
                  <a:pt x="96" y="146"/>
                </a:lnTo>
                <a:lnTo>
                  <a:pt x="114" y="154"/>
                </a:lnTo>
                <a:lnTo>
                  <a:pt x="130" y="144"/>
                </a:lnTo>
                <a:lnTo>
                  <a:pt x="142" y="122"/>
                </a:lnTo>
                <a:lnTo>
                  <a:pt x="140" y="112"/>
                </a:lnTo>
                <a:lnTo>
                  <a:pt x="138" y="108"/>
                </a:lnTo>
                <a:lnTo>
                  <a:pt x="148" y="106"/>
                </a:lnTo>
                <a:lnTo>
                  <a:pt x="160" y="88"/>
                </a:lnTo>
                <a:lnTo>
                  <a:pt x="172" y="86"/>
                </a:lnTo>
                <a:lnTo>
                  <a:pt x="172" y="116"/>
                </a:lnTo>
                <a:lnTo>
                  <a:pt x="190" y="132"/>
                </a:lnTo>
                <a:lnTo>
                  <a:pt x="206" y="134"/>
                </a:lnTo>
                <a:lnTo>
                  <a:pt x="202" y="146"/>
                </a:lnTo>
                <a:lnTo>
                  <a:pt x="210" y="154"/>
                </a:lnTo>
                <a:lnTo>
                  <a:pt x="214" y="168"/>
                </a:lnTo>
                <a:lnTo>
                  <a:pt x="226" y="166"/>
                </a:lnTo>
                <a:lnTo>
                  <a:pt x="220" y="152"/>
                </a:lnTo>
                <a:lnTo>
                  <a:pt x="220" y="138"/>
                </a:lnTo>
                <a:lnTo>
                  <a:pt x="244" y="116"/>
                </a:lnTo>
                <a:lnTo>
                  <a:pt x="244" y="84"/>
                </a:lnTo>
                <a:lnTo>
                  <a:pt x="261" y="84"/>
                </a:lnTo>
                <a:lnTo>
                  <a:pt x="263" y="100"/>
                </a:lnTo>
                <a:lnTo>
                  <a:pt x="279" y="108"/>
                </a:lnTo>
                <a:lnTo>
                  <a:pt x="303" y="96"/>
                </a:lnTo>
                <a:lnTo>
                  <a:pt x="317" y="116"/>
                </a:lnTo>
                <a:lnTo>
                  <a:pt x="327" y="112"/>
                </a:lnTo>
                <a:lnTo>
                  <a:pt x="323" y="104"/>
                </a:lnTo>
                <a:lnTo>
                  <a:pt x="325" y="94"/>
                </a:lnTo>
                <a:lnTo>
                  <a:pt x="313" y="80"/>
                </a:lnTo>
                <a:lnTo>
                  <a:pt x="327" y="66"/>
                </a:lnTo>
                <a:lnTo>
                  <a:pt x="337" y="76"/>
                </a:lnTo>
                <a:lnTo>
                  <a:pt x="353" y="76"/>
                </a:lnTo>
                <a:lnTo>
                  <a:pt x="353" y="66"/>
                </a:lnTo>
                <a:lnTo>
                  <a:pt x="347" y="60"/>
                </a:lnTo>
                <a:lnTo>
                  <a:pt x="347" y="52"/>
                </a:lnTo>
                <a:lnTo>
                  <a:pt x="353" y="36"/>
                </a:lnTo>
                <a:lnTo>
                  <a:pt x="369" y="32"/>
                </a:lnTo>
                <a:lnTo>
                  <a:pt x="383" y="46"/>
                </a:lnTo>
                <a:lnTo>
                  <a:pt x="407" y="44"/>
                </a:lnTo>
                <a:lnTo>
                  <a:pt x="407" y="26"/>
                </a:lnTo>
                <a:lnTo>
                  <a:pt x="419" y="18"/>
                </a:lnTo>
                <a:lnTo>
                  <a:pt x="471" y="14"/>
                </a:lnTo>
                <a:lnTo>
                  <a:pt x="505" y="0"/>
                </a:lnTo>
                <a:lnTo>
                  <a:pt x="509" y="8"/>
                </a:lnTo>
                <a:lnTo>
                  <a:pt x="497" y="12"/>
                </a:lnTo>
                <a:lnTo>
                  <a:pt x="499" y="24"/>
                </a:lnTo>
                <a:lnTo>
                  <a:pt x="515" y="28"/>
                </a:lnTo>
                <a:lnTo>
                  <a:pt x="515" y="40"/>
                </a:lnTo>
                <a:lnTo>
                  <a:pt x="533" y="56"/>
                </a:lnTo>
                <a:lnTo>
                  <a:pt x="555" y="62"/>
                </a:lnTo>
                <a:lnTo>
                  <a:pt x="577" y="64"/>
                </a:lnTo>
                <a:lnTo>
                  <a:pt x="645" y="70"/>
                </a:lnTo>
                <a:lnTo>
                  <a:pt x="619" y="92"/>
                </a:lnTo>
                <a:lnTo>
                  <a:pt x="617" y="108"/>
                </a:lnTo>
                <a:lnTo>
                  <a:pt x="639" y="116"/>
                </a:lnTo>
                <a:lnTo>
                  <a:pt x="625" y="132"/>
                </a:lnTo>
                <a:lnTo>
                  <a:pt x="627" y="142"/>
                </a:lnTo>
                <a:lnTo>
                  <a:pt x="643" y="144"/>
                </a:lnTo>
                <a:lnTo>
                  <a:pt x="637" y="15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28080" name="Freeform 114"/>
          <p:cNvSpPr>
            <a:spLocks/>
          </p:cNvSpPr>
          <p:nvPr/>
        </p:nvSpPr>
        <p:spPr bwMode="auto">
          <a:xfrm>
            <a:off x="5772150" y="6369050"/>
            <a:ext cx="69850" cy="84138"/>
          </a:xfrm>
          <a:custGeom>
            <a:avLst/>
            <a:gdLst>
              <a:gd name="T0" fmla="*/ 2147483647 w 30"/>
              <a:gd name="T1" fmla="*/ 0 h 22"/>
              <a:gd name="T2" fmla="*/ 2147483647 w 30"/>
              <a:gd name="T3" fmla="*/ 2147483647 h 22"/>
              <a:gd name="T4" fmla="*/ 2147483647 w 30"/>
              <a:gd name="T5" fmla="*/ 2147483647 h 22"/>
              <a:gd name="T6" fmla="*/ 2147483647 w 30"/>
              <a:gd name="T7" fmla="*/ 2147483647 h 22"/>
              <a:gd name="T8" fmla="*/ 2147483647 w 30"/>
              <a:gd name="T9" fmla="*/ 2147483647 h 22"/>
              <a:gd name="T10" fmla="*/ 2147483647 w 30"/>
              <a:gd name="T11" fmla="*/ 2147483647 h 22"/>
              <a:gd name="T12" fmla="*/ 2147483647 w 30"/>
              <a:gd name="T13" fmla="*/ 2147483647 h 22"/>
              <a:gd name="T14" fmla="*/ 0 w 30"/>
              <a:gd name="T15" fmla="*/ 2147483647 h 22"/>
              <a:gd name="T16" fmla="*/ 0 w 30"/>
              <a:gd name="T17" fmla="*/ 2147483647 h 22"/>
              <a:gd name="T18" fmla="*/ 2147483647 w 30"/>
              <a:gd name="T19" fmla="*/ 0 h 22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30" h="22">
                <a:moveTo>
                  <a:pt x="8" y="0"/>
                </a:moveTo>
                <a:lnTo>
                  <a:pt x="18" y="2"/>
                </a:lnTo>
                <a:lnTo>
                  <a:pt x="26" y="6"/>
                </a:lnTo>
                <a:lnTo>
                  <a:pt x="30" y="14"/>
                </a:lnTo>
                <a:lnTo>
                  <a:pt x="24" y="22"/>
                </a:lnTo>
                <a:lnTo>
                  <a:pt x="16" y="22"/>
                </a:lnTo>
                <a:lnTo>
                  <a:pt x="2" y="18"/>
                </a:lnTo>
                <a:lnTo>
                  <a:pt x="0" y="10"/>
                </a:lnTo>
                <a:lnTo>
                  <a:pt x="0" y="2"/>
                </a:lnTo>
                <a:lnTo>
                  <a:pt x="8" y="0"/>
                </a:lnTo>
                <a:close/>
              </a:path>
            </a:pathLst>
          </a:custGeom>
          <a:solidFill>
            <a:srgbClr val="80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pic>
        <p:nvPicPr>
          <p:cNvPr id="128081" name="Picture 115" descr="logoiotf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115300" y="6218238"/>
            <a:ext cx="1028700" cy="5826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09460" name="Rectangle 116"/>
          <p:cNvSpPr>
            <a:spLocks noChangeArrowheads="1"/>
          </p:cNvSpPr>
          <p:nvPr/>
        </p:nvSpPr>
        <p:spPr bwMode="auto">
          <a:xfrm>
            <a:off x="0" y="6597650"/>
            <a:ext cx="9144000" cy="260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eaLnBrk="0" hangingPunct="0">
              <a:defRPr/>
            </a:pPr>
            <a:r>
              <a:rPr lang="en-GB" sz="1000">
                <a:solidFill>
                  <a:schemeClr val="tx1"/>
                </a:solidFill>
                <a:latin typeface="Arial" charset="0"/>
                <a:cs typeface="Arial" charset="0"/>
              </a:rPr>
              <a:t>© International Obesity TaskForce 2005</a:t>
            </a:r>
            <a:r>
              <a:rPr lang="en-US" sz="1100">
                <a:solidFill>
                  <a:schemeClr val="tx1"/>
                </a:solidFill>
                <a:latin typeface="Times" charset="0"/>
                <a:cs typeface="+mn-cs"/>
              </a:rPr>
              <a:t> </a:t>
            </a:r>
            <a:endParaRPr lang="en-US" sz="2400">
              <a:solidFill>
                <a:schemeClr val="tx1"/>
              </a:solidFill>
              <a:latin typeface="Times" charset="0"/>
              <a:cs typeface="+mn-cs"/>
            </a:endParaRPr>
          </a:p>
        </p:txBody>
      </p:sp>
      <p:graphicFrame>
        <p:nvGraphicFramePr>
          <p:cNvPr id="1209461" name="Group 117"/>
          <p:cNvGraphicFramePr>
            <a:graphicFrameLocks noGrp="1"/>
          </p:cNvGraphicFramePr>
          <p:nvPr/>
        </p:nvGraphicFramePr>
        <p:xfrm>
          <a:off x="7812088" y="476250"/>
          <a:ext cx="1081087" cy="3413297"/>
        </p:xfrm>
        <a:graphic>
          <a:graphicData uri="http://schemas.openxmlformats.org/drawingml/2006/table">
            <a:tbl>
              <a:tblPr/>
              <a:tblGrid>
                <a:gridCol w="254000"/>
                <a:gridCol w="827087"/>
              </a:tblGrid>
              <a:tr h="304721">
                <a:tc gridSpan="2"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% Obesity</a:t>
                      </a:r>
                      <a:endParaRPr kumimoji="0" lang="en-GB" sz="14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&lt; 5 % 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CC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5-9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99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10-14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66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15-19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00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20-24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06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8000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≥ 25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687" marB="4568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1209486" name="Text Box 142"/>
          <p:cNvSpPr txBox="1">
            <a:spLocks noChangeArrowheads="1"/>
          </p:cNvSpPr>
          <p:nvPr/>
        </p:nvSpPr>
        <p:spPr bwMode="auto">
          <a:xfrm>
            <a:off x="3276600" y="52578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p</a:t>
            </a:r>
          </a:p>
        </p:txBody>
      </p:sp>
      <p:sp>
        <p:nvSpPr>
          <p:cNvPr id="1209487" name="Text Box 143"/>
          <p:cNvSpPr txBox="1">
            <a:spLocks noChangeArrowheads="1"/>
          </p:cNvSpPr>
          <p:nvPr/>
        </p:nvSpPr>
        <p:spPr bwMode="auto">
          <a:xfrm>
            <a:off x="4191000" y="4419600"/>
            <a:ext cx="4572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f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88" name="Text Box 144"/>
          <p:cNvSpPr txBox="1">
            <a:spLocks noChangeArrowheads="1"/>
          </p:cNvSpPr>
          <p:nvPr/>
        </p:nvSpPr>
        <p:spPr bwMode="auto">
          <a:xfrm>
            <a:off x="2590800" y="5410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po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89" name="Text Box 145"/>
          <p:cNvSpPr txBox="1">
            <a:spLocks noChangeArrowheads="1"/>
          </p:cNvSpPr>
          <p:nvPr/>
        </p:nvSpPr>
        <p:spPr bwMode="auto">
          <a:xfrm>
            <a:off x="5867400" y="34290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pol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90" name="Text Box 146"/>
          <p:cNvSpPr txBox="1">
            <a:spLocks noChangeArrowheads="1"/>
          </p:cNvSpPr>
          <p:nvPr/>
        </p:nvSpPr>
        <p:spPr bwMode="auto">
          <a:xfrm>
            <a:off x="5105400" y="4648200"/>
            <a:ext cx="4572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it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91" name="Text Box 147"/>
          <p:cNvSpPr txBox="1">
            <a:spLocks noChangeArrowheads="1"/>
          </p:cNvSpPr>
          <p:nvPr/>
        </p:nvSpPr>
        <p:spPr bwMode="auto">
          <a:xfrm>
            <a:off x="3810000" y="32766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uk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92" name="Text Box 148"/>
          <p:cNvSpPr txBox="1">
            <a:spLocks noChangeArrowheads="1"/>
          </p:cNvSpPr>
          <p:nvPr/>
        </p:nvSpPr>
        <p:spPr bwMode="auto">
          <a:xfrm>
            <a:off x="4953000" y="36576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ge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93" name="Text Box 149"/>
          <p:cNvSpPr txBox="1">
            <a:spLocks noChangeArrowheads="1"/>
          </p:cNvSpPr>
          <p:nvPr/>
        </p:nvSpPr>
        <p:spPr bwMode="auto">
          <a:xfrm>
            <a:off x="5410200" y="22098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we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94" name="Text Box 150"/>
          <p:cNvSpPr txBox="1">
            <a:spLocks noChangeArrowheads="1"/>
          </p:cNvSpPr>
          <p:nvPr/>
        </p:nvSpPr>
        <p:spPr bwMode="auto">
          <a:xfrm>
            <a:off x="4876800" y="1981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no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95" name="Text Box 151"/>
          <p:cNvSpPr txBox="1">
            <a:spLocks noChangeArrowheads="1"/>
          </p:cNvSpPr>
          <p:nvPr/>
        </p:nvSpPr>
        <p:spPr bwMode="auto">
          <a:xfrm>
            <a:off x="4800600" y="43434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w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96" name="Text Box 152"/>
          <p:cNvSpPr txBox="1">
            <a:spLocks noChangeArrowheads="1"/>
          </p:cNvSpPr>
          <p:nvPr/>
        </p:nvSpPr>
        <p:spPr bwMode="auto">
          <a:xfrm>
            <a:off x="5486400" y="4267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aus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97" name="Text Box 153"/>
          <p:cNvSpPr txBox="1">
            <a:spLocks noChangeArrowheads="1"/>
          </p:cNvSpPr>
          <p:nvPr/>
        </p:nvSpPr>
        <p:spPr bwMode="auto">
          <a:xfrm>
            <a:off x="4419600" y="37338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bel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98" name="Text Box 154"/>
          <p:cNvSpPr txBox="1">
            <a:spLocks noChangeArrowheads="1"/>
          </p:cNvSpPr>
          <p:nvPr/>
        </p:nvSpPr>
        <p:spPr bwMode="auto">
          <a:xfrm>
            <a:off x="4495800" y="34290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net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499" name="Text Box 155"/>
          <p:cNvSpPr txBox="1">
            <a:spLocks noChangeArrowheads="1"/>
          </p:cNvSpPr>
          <p:nvPr/>
        </p:nvSpPr>
        <p:spPr bwMode="auto">
          <a:xfrm>
            <a:off x="6172200" y="1600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fin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500" name="Text Box 156"/>
          <p:cNvSpPr txBox="1">
            <a:spLocks noChangeArrowheads="1"/>
          </p:cNvSpPr>
          <p:nvPr/>
        </p:nvSpPr>
        <p:spPr bwMode="auto">
          <a:xfrm>
            <a:off x="3200400" y="3124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ire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09501" name="Text Box 157"/>
          <p:cNvSpPr txBox="1">
            <a:spLocks noChangeArrowheads="1"/>
          </p:cNvSpPr>
          <p:nvPr/>
        </p:nvSpPr>
        <p:spPr bwMode="auto">
          <a:xfrm>
            <a:off x="4953000" y="28194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den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8423060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17538" name="Rectangle 2"/>
          <p:cNvSpPr>
            <a:spLocks noChangeArrowheads="1"/>
          </p:cNvSpPr>
          <p:nvPr/>
        </p:nvSpPr>
        <p:spPr bwMode="auto">
          <a:xfrm>
            <a:off x="395288" y="1268413"/>
            <a:ext cx="2232025" cy="331311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anchor="ctr"/>
          <a:lstStyle/>
          <a:p>
            <a:pPr>
              <a:defRPr/>
            </a:pPr>
            <a:r>
              <a:rPr lang="en-GB" sz="2800" b="1">
                <a:solidFill>
                  <a:srgbClr val="0000FF"/>
                </a:solidFill>
                <a:cs typeface="+mn-cs"/>
              </a:rPr>
              <a:t>Females </a:t>
            </a:r>
            <a:br>
              <a:rPr lang="en-GB" sz="2800" b="1">
                <a:solidFill>
                  <a:srgbClr val="0000FF"/>
                </a:solidFill>
                <a:cs typeface="+mn-cs"/>
              </a:rPr>
            </a:br>
            <a:r>
              <a:rPr lang="en-GB" sz="2800" b="1">
                <a:solidFill>
                  <a:srgbClr val="0000FF"/>
                </a:solidFill>
                <a:cs typeface="+mn-cs"/>
              </a:rPr>
              <a:t>2000-2005</a:t>
            </a:r>
          </a:p>
        </p:txBody>
      </p:sp>
      <p:sp>
        <p:nvSpPr>
          <p:cNvPr id="130050" name="Freeform 3"/>
          <p:cNvSpPr>
            <a:spLocks/>
          </p:cNvSpPr>
          <p:nvPr/>
        </p:nvSpPr>
        <p:spPr bwMode="auto">
          <a:xfrm>
            <a:off x="5611813" y="3160713"/>
            <a:ext cx="1076325" cy="917575"/>
          </a:xfrm>
          <a:custGeom>
            <a:avLst/>
            <a:gdLst>
              <a:gd name="T0" fmla="*/ 2147483647 w 832"/>
              <a:gd name="T1" fmla="*/ 2147483647 h 709"/>
              <a:gd name="T2" fmla="*/ 2147483647 w 832"/>
              <a:gd name="T3" fmla="*/ 2147483647 h 709"/>
              <a:gd name="T4" fmla="*/ 2147483647 w 832"/>
              <a:gd name="T5" fmla="*/ 2147483647 h 709"/>
              <a:gd name="T6" fmla="*/ 2147483647 w 832"/>
              <a:gd name="T7" fmla="*/ 2147483647 h 709"/>
              <a:gd name="T8" fmla="*/ 2147483647 w 832"/>
              <a:gd name="T9" fmla="*/ 2147483647 h 709"/>
              <a:gd name="T10" fmla="*/ 2147483647 w 832"/>
              <a:gd name="T11" fmla="*/ 2147483647 h 709"/>
              <a:gd name="T12" fmla="*/ 2147483647 w 832"/>
              <a:gd name="T13" fmla="*/ 2147483647 h 709"/>
              <a:gd name="T14" fmla="*/ 2147483647 w 832"/>
              <a:gd name="T15" fmla="*/ 2147483647 h 709"/>
              <a:gd name="T16" fmla="*/ 2147483647 w 832"/>
              <a:gd name="T17" fmla="*/ 2147483647 h 709"/>
              <a:gd name="T18" fmla="*/ 2147483647 w 832"/>
              <a:gd name="T19" fmla="*/ 2147483647 h 709"/>
              <a:gd name="T20" fmla="*/ 2147483647 w 832"/>
              <a:gd name="T21" fmla="*/ 2147483647 h 709"/>
              <a:gd name="T22" fmla="*/ 2147483647 w 832"/>
              <a:gd name="T23" fmla="*/ 2147483647 h 709"/>
              <a:gd name="T24" fmla="*/ 2147483647 w 832"/>
              <a:gd name="T25" fmla="*/ 2147483647 h 709"/>
              <a:gd name="T26" fmla="*/ 2147483647 w 832"/>
              <a:gd name="T27" fmla="*/ 2147483647 h 709"/>
              <a:gd name="T28" fmla="*/ 2147483647 w 832"/>
              <a:gd name="T29" fmla="*/ 2147483647 h 709"/>
              <a:gd name="T30" fmla="*/ 2147483647 w 832"/>
              <a:gd name="T31" fmla="*/ 2147483647 h 709"/>
              <a:gd name="T32" fmla="*/ 2147483647 w 832"/>
              <a:gd name="T33" fmla="*/ 2147483647 h 709"/>
              <a:gd name="T34" fmla="*/ 2147483647 w 832"/>
              <a:gd name="T35" fmla="*/ 2147483647 h 709"/>
              <a:gd name="T36" fmla="*/ 2147483647 w 832"/>
              <a:gd name="T37" fmla="*/ 2147483647 h 709"/>
              <a:gd name="T38" fmla="*/ 2147483647 w 832"/>
              <a:gd name="T39" fmla="*/ 2147483647 h 709"/>
              <a:gd name="T40" fmla="*/ 2147483647 w 832"/>
              <a:gd name="T41" fmla="*/ 2147483647 h 709"/>
              <a:gd name="T42" fmla="*/ 2147483647 w 832"/>
              <a:gd name="T43" fmla="*/ 2147483647 h 709"/>
              <a:gd name="T44" fmla="*/ 2147483647 w 832"/>
              <a:gd name="T45" fmla="*/ 2147483647 h 709"/>
              <a:gd name="T46" fmla="*/ 2147483647 w 832"/>
              <a:gd name="T47" fmla="*/ 2147483647 h 709"/>
              <a:gd name="T48" fmla="*/ 2147483647 w 832"/>
              <a:gd name="T49" fmla="*/ 2147483647 h 709"/>
              <a:gd name="T50" fmla="*/ 2147483647 w 832"/>
              <a:gd name="T51" fmla="*/ 2147483647 h 709"/>
              <a:gd name="T52" fmla="*/ 2147483647 w 832"/>
              <a:gd name="T53" fmla="*/ 2147483647 h 709"/>
              <a:gd name="T54" fmla="*/ 2147483647 w 832"/>
              <a:gd name="T55" fmla="*/ 2147483647 h 709"/>
              <a:gd name="T56" fmla="*/ 2147483647 w 832"/>
              <a:gd name="T57" fmla="*/ 2147483647 h 709"/>
              <a:gd name="T58" fmla="*/ 2147483647 w 832"/>
              <a:gd name="T59" fmla="*/ 2147483647 h 709"/>
              <a:gd name="T60" fmla="*/ 2147483647 w 832"/>
              <a:gd name="T61" fmla="*/ 2147483647 h 709"/>
              <a:gd name="T62" fmla="*/ 2147483647 w 832"/>
              <a:gd name="T63" fmla="*/ 2147483647 h 709"/>
              <a:gd name="T64" fmla="*/ 2147483647 w 832"/>
              <a:gd name="T65" fmla="*/ 2147483647 h 709"/>
              <a:gd name="T66" fmla="*/ 2147483647 w 832"/>
              <a:gd name="T67" fmla="*/ 2147483647 h 709"/>
              <a:gd name="T68" fmla="*/ 2147483647 w 832"/>
              <a:gd name="T69" fmla="*/ 2147483647 h 709"/>
              <a:gd name="T70" fmla="*/ 2147483647 w 832"/>
              <a:gd name="T71" fmla="*/ 2147483647 h 709"/>
              <a:gd name="T72" fmla="*/ 2147483647 w 832"/>
              <a:gd name="T73" fmla="*/ 2147483647 h 709"/>
              <a:gd name="T74" fmla="*/ 2147483647 w 832"/>
              <a:gd name="T75" fmla="*/ 2147483647 h 709"/>
              <a:gd name="T76" fmla="*/ 2147483647 w 832"/>
              <a:gd name="T77" fmla="*/ 2147483647 h 709"/>
              <a:gd name="T78" fmla="*/ 2147483647 w 832"/>
              <a:gd name="T79" fmla="*/ 2147483647 h 709"/>
              <a:gd name="T80" fmla="*/ 2147483647 w 832"/>
              <a:gd name="T81" fmla="*/ 2147483647 h 709"/>
              <a:gd name="T82" fmla="*/ 2147483647 w 832"/>
              <a:gd name="T83" fmla="*/ 2147483647 h 709"/>
              <a:gd name="T84" fmla="*/ 2147483647 w 832"/>
              <a:gd name="T85" fmla="*/ 2147483647 h 709"/>
              <a:gd name="T86" fmla="*/ 2147483647 w 832"/>
              <a:gd name="T87" fmla="*/ 2147483647 h 709"/>
              <a:gd name="T88" fmla="*/ 2147483647 w 832"/>
              <a:gd name="T89" fmla="*/ 2147483647 h 709"/>
              <a:gd name="T90" fmla="*/ 2147483647 w 832"/>
              <a:gd name="T91" fmla="*/ 2147483647 h 709"/>
              <a:gd name="T92" fmla="*/ 2147483647 w 832"/>
              <a:gd name="T93" fmla="*/ 2147483647 h 709"/>
              <a:gd name="T94" fmla="*/ 2147483647 w 832"/>
              <a:gd name="T95" fmla="*/ 2147483647 h 709"/>
              <a:gd name="T96" fmla="*/ 2147483647 w 832"/>
              <a:gd name="T97" fmla="*/ 2147483647 h 709"/>
              <a:gd name="T98" fmla="*/ 2147483647 w 832"/>
              <a:gd name="T99" fmla="*/ 2147483647 h 709"/>
              <a:gd name="T100" fmla="*/ 0 w 832"/>
              <a:gd name="T101" fmla="*/ 2147483647 h 709"/>
              <a:gd name="T102" fmla="*/ 2147483647 w 832"/>
              <a:gd name="T103" fmla="*/ 2147483647 h 709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832" h="709">
                <a:moveTo>
                  <a:pt x="0" y="152"/>
                </a:moveTo>
                <a:lnTo>
                  <a:pt x="10" y="158"/>
                </a:lnTo>
                <a:lnTo>
                  <a:pt x="26" y="160"/>
                </a:lnTo>
                <a:lnTo>
                  <a:pt x="14" y="142"/>
                </a:lnTo>
                <a:lnTo>
                  <a:pt x="46" y="124"/>
                </a:lnTo>
                <a:lnTo>
                  <a:pt x="96" y="104"/>
                </a:lnTo>
                <a:lnTo>
                  <a:pt x="144" y="86"/>
                </a:lnTo>
                <a:lnTo>
                  <a:pt x="166" y="52"/>
                </a:lnTo>
                <a:lnTo>
                  <a:pt x="194" y="44"/>
                </a:lnTo>
                <a:lnTo>
                  <a:pt x="222" y="20"/>
                </a:lnTo>
                <a:lnTo>
                  <a:pt x="244" y="14"/>
                </a:lnTo>
                <a:lnTo>
                  <a:pt x="270" y="4"/>
                </a:lnTo>
                <a:lnTo>
                  <a:pt x="298" y="0"/>
                </a:lnTo>
                <a:lnTo>
                  <a:pt x="306" y="6"/>
                </a:lnTo>
                <a:lnTo>
                  <a:pt x="308" y="14"/>
                </a:lnTo>
                <a:lnTo>
                  <a:pt x="318" y="28"/>
                </a:lnTo>
                <a:lnTo>
                  <a:pt x="322" y="44"/>
                </a:lnTo>
                <a:lnTo>
                  <a:pt x="332" y="56"/>
                </a:lnTo>
                <a:lnTo>
                  <a:pt x="352" y="60"/>
                </a:lnTo>
                <a:lnTo>
                  <a:pt x="376" y="56"/>
                </a:lnTo>
                <a:lnTo>
                  <a:pt x="392" y="46"/>
                </a:lnTo>
                <a:lnTo>
                  <a:pt x="398" y="36"/>
                </a:lnTo>
                <a:lnTo>
                  <a:pt x="400" y="38"/>
                </a:lnTo>
                <a:lnTo>
                  <a:pt x="392" y="48"/>
                </a:lnTo>
                <a:lnTo>
                  <a:pt x="384" y="54"/>
                </a:lnTo>
                <a:lnTo>
                  <a:pt x="380" y="60"/>
                </a:lnTo>
                <a:lnTo>
                  <a:pt x="388" y="64"/>
                </a:lnTo>
                <a:lnTo>
                  <a:pt x="398" y="54"/>
                </a:lnTo>
                <a:lnTo>
                  <a:pt x="406" y="44"/>
                </a:lnTo>
                <a:lnTo>
                  <a:pt x="414" y="38"/>
                </a:lnTo>
                <a:lnTo>
                  <a:pt x="436" y="36"/>
                </a:lnTo>
                <a:lnTo>
                  <a:pt x="484" y="36"/>
                </a:lnTo>
                <a:lnTo>
                  <a:pt x="538" y="36"/>
                </a:lnTo>
                <a:lnTo>
                  <a:pt x="570" y="30"/>
                </a:lnTo>
                <a:lnTo>
                  <a:pt x="598" y="24"/>
                </a:lnTo>
                <a:lnTo>
                  <a:pt x="624" y="18"/>
                </a:lnTo>
                <a:lnTo>
                  <a:pt x="640" y="6"/>
                </a:lnTo>
                <a:lnTo>
                  <a:pt x="650" y="4"/>
                </a:lnTo>
                <a:lnTo>
                  <a:pt x="670" y="16"/>
                </a:lnTo>
                <a:lnTo>
                  <a:pt x="682" y="18"/>
                </a:lnTo>
                <a:lnTo>
                  <a:pt x="696" y="34"/>
                </a:lnTo>
                <a:lnTo>
                  <a:pt x="702" y="58"/>
                </a:lnTo>
                <a:lnTo>
                  <a:pt x="716" y="86"/>
                </a:lnTo>
                <a:lnTo>
                  <a:pt x="732" y="120"/>
                </a:lnTo>
                <a:lnTo>
                  <a:pt x="750" y="150"/>
                </a:lnTo>
                <a:lnTo>
                  <a:pt x="766" y="205"/>
                </a:lnTo>
                <a:lnTo>
                  <a:pt x="740" y="227"/>
                </a:lnTo>
                <a:lnTo>
                  <a:pt x="726" y="237"/>
                </a:lnTo>
                <a:lnTo>
                  <a:pt x="720" y="261"/>
                </a:lnTo>
                <a:lnTo>
                  <a:pt x="720" y="277"/>
                </a:lnTo>
                <a:lnTo>
                  <a:pt x="738" y="277"/>
                </a:lnTo>
                <a:lnTo>
                  <a:pt x="754" y="287"/>
                </a:lnTo>
                <a:lnTo>
                  <a:pt x="762" y="299"/>
                </a:lnTo>
                <a:lnTo>
                  <a:pt x="764" y="331"/>
                </a:lnTo>
                <a:lnTo>
                  <a:pt x="758" y="335"/>
                </a:lnTo>
                <a:lnTo>
                  <a:pt x="758" y="345"/>
                </a:lnTo>
                <a:lnTo>
                  <a:pt x="762" y="359"/>
                </a:lnTo>
                <a:lnTo>
                  <a:pt x="770" y="359"/>
                </a:lnTo>
                <a:lnTo>
                  <a:pt x="778" y="375"/>
                </a:lnTo>
                <a:lnTo>
                  <a:pt x="778" y="389"/>
                </a:lnTo>
                <a:lnTo>
                  <a:pt x="798" y="405"/>
                </a:lnTo>
                <a:lnTo>
                  <a:pt x="798" y="413"/>
                </a:lnTo>
                <a:lnTo>
                  <a:pt x="826" y="437"/>
                </a:lnTo>
                <a:lnTo>
                  <a:pt x="826" y="443"/>
                </a:lnTo>
                <a:lnTo>
                  <a:pt x="816" y="445"/>
                </a:lnTo>
                <a:lnTo>
                  <a:pt x="816" y="453"/>
                </a:lnTo>
                <a:lnTo>
                  <a:pt x="830" y="465"/>
                </a:lnTo>
                <a:lnTo>
                  <a:pt x="832" y="485"/>
                </a:lnTo>
                <a:lnTo>
                  <a:pt x="822" y="501"/>
                </a:lnTo>
                <a:lnTo>
                  <a:pt x="806" y="505"/>
                </a:lnTo>
                <a:lnTo>
                  <a:pt x="794" y="525"/>
                </a:lnTo>
                <a:lnTo>
                  <a:pt x="774" y="555"/>
                </a:lnTo>
                <a:lnTo>
                  <a:pt x="756" y="589"/>
                </a:lnTo>
                <a:lnTo>
                  <a:pt x="740" y="621"/>
                </a:lnTo>
                <a:lnTo>
                  <a:pt x="742" y="635"/>
                </a:lnTo>
                <a:lnTo>
                  <a:pt x="750" y="653"/>
                </a:lnTo>
                <a:lnTo>
                  <a:pt x="754" y="673"/>
                </a:lnTo>
                <a:lnTo>
                  <a:pt x="766" y="681"/>
                </a:lnTo>
                <a:lnTo>
                  <a:pt x="764" y="689"/>
                </a:lnTo>
                <a:lnTo>
                  <a:pt x="748" y="689"/>
                </a:lnTo>
                <a:lnTo>
                  <a:pt x="738" y="689"/>
                </a:lnTo>
                <a:lnTo>
                  <a:pt x="724" y="681"/>
                </a:lnTo>
                <a:lnTo>
                  <a:pt x="702" y="681"/>
                </a:lnTo>
                <a:lnTo>
                  <a:pt x="682" y="661"/>
                </a:lnTo>
                <a:lnTo>
                  <a:pt x="656" y="653"/>
                </a:lnTo>
                <a:lnTo>
                  <a:pt x="642" y="661"/>
                </a:lnTo>
                <a:lnTo>
                  <a:pt x="610" y="661"/>
                </a:lnTo>
                <a:lnTo>
                  <a:pt x="610" y="675"/>
                </a:lnTo>
                <a:lnTo>
                  <a:pt x="592" y="681"/>
                </a:lnTo>
                <a:lnTo>
                  <a:pt x="578" y="669"/>
                </a:lnTo>
                <a:lnTo>
                  <a:pt x="552" y="675"/>
                </a:lnTo>
                <a:lnTo>
                  <a:pt x="532" y="689"/>
                </a:lnTo>
                <a:lnTo>
                  <a:pt x="532" y="703"/>
                </a:lnTo>
                <a:lnTo>
                  <a:pt x="506" y="709"/>
                </a:lnTo>
                <a:lnTo>
                  <a:pt x="506" y="685"/>
                </a:lnTo>
                <a:lnTo>
                  <a:pt x="484" y="677"/>
                </a:lnTo>
                <a:lnTo>
                  <a:pt x="472" y="659"/>
                </a:lnTo>
                <a:lnTo>
                  <a:pt x="454" y="673"/>
                </a:lnTo>
                <a:lnTo>
                  <a:pt x="448" y="689"/>
                </a:lnTo>
                <a:lnTo>
                  <a:pt x="436" y="689"/>
                </a:lnTo>
                <a:lnTo>
                  <a:pt x="434" y="677"/>
                </a:lnTo>
                <a:lnTo>
                  <a:pt x="420" y="677"/>
                </a:lnTo>
                <a:lnTo>
                  <a:pt x="418" y="659"/>
                </a:lnTo>
                <a:lnTo>
                  <a:pt x="406" y="657"/>
                </a:lnTo>
                <a:lnTo>
                  <a:pt x="396" y="643"/>
                </a:lnTo>
                <a:lnTo>
                  <a:pt x="396" y="635"/>
                </a:lnTo>
                <a:lnTo>
                  <a:pt x="384" y="627"/>
                </a:lnTo>
                <a:lnTo>
                  <a:pt x="366" y="623"/>
                </a:lnTo>
                <a:lnTo>
                  <a:pt x="346" y="617"/>
                </a:lnTo>
                <a:lnTo>
                  <a:pt x="328" y="627"/>
                </a:lnTo>
                <a:lnTo>
                  <a:pt x="320" y="613"/>
                </a:lnTo>
                <a:lnTo>
                  <a:pt x="312" y="611"/>
                </a:lnTo>
                <a:lnTo>
                  <a:pt x="312" y="605"/>
                </a:lnTo>
                <a:lnTo>
                  <a:pt x="320" y="601"/>
                </a:lnTo>
                <a:lnTo>
                  <a:pt x="320" y="585"/>
                </a:lnTo>
                <a:lnTo>
                  <a:pt x="310" y="593"/>
                </a:lnTo>
                <a:lnTo>
                  <a:pt x="290" y="593"/>
                </a:lnTo>
                <a:lnTo>
                  <a:pt x="280" y="587"/>
                </a:lnTo>
                <a:lnTo>
                  <a:pt x="260" y="575"/>
                </a:lnTo>
                <a:lnTo>
                  <a:pt x="250" y="577"/>
                </a:lnTo>
                <a:lnTo>
                  <a:pt x="250" y="587"/>
                </a:lnTo>
                <a:lnTo>
                  <a:pt x="260" y="597"/>
                </a:lnTo>
                <a:lnTo>
                  <a:pt x="230" y="621"/>
                </a:lnTo>
                <a:lnTo>
                  <a:pt x="220" y="611"/>
                </a:lnTo>
                <a:lnTo>
                  <a:pt x="218" y="603"/>
                </a:lnTo>
                <a:lnTo>
                  <a:pt x="206" y="593"/>
                </a:lnTo>
                <a:lnTo>
                  <a:pt x="190" y="583"/>
                </a:lnTo>
                <a:lnTo>
                  <a:pt x="208" y="561"/>
                </a:lnTo>
                <a:lnTo>
                  <a:pt x="200" y="551"/>
                </a:lnTo>
                <a:lnTo>
                  <a:pt x="188" y="553"/>
                </a:lnTo>
                <a:lnTo>
                  <a:pt x="174" y="557"/>
                </a:lnTo>
                <a:lnTo>
                  <a:pt x="170" y="553"/>
                </a:lnTo>
                <a:lnTo>
                  <a:pt x="156" y="547"/>
                </a:lnTo>
                <a:lnTo>
                  <a:pt x="124" y="541"/>
                </a:lnTo>
                <a:lnTo>
                  <a:pt x="110" y="531"/>
                </a:lnTo>
                <a:lnTo>
                  <a:pt x="110" y="521"/>
                </a:lnTo>
                <a:lnTo>
                  <a:pt x="102" y="515"/>
                </a:lnTo>
                <a:lnTo>
                  <a:pt x="80" y="515"/>
                </a:lnTo>
                <a:lnTo>
                  <a:pt x="88" y="483"/>
                </a:lnTo>
                <a:lnTo>
                  <a:pt x="76" y="461"/>
                </a:lnTo>
                <a:lnTo>
                  <a:pt x="62" y="455"/>
                </a:lnTo>
                <a:lnTo>
                  <a:pt x="60" y="433"/>
                </a:lnTo>
                <a:lnTo>
                  <a:pt x="48" y="417"/>
                </a:lnTo>
                <a:lnTo>
                  <a:pt x="58" y="403"/>
                </a:lnTo>
                <a:lnTo>
                  <a:pt x="54" y="373"/>
                </a:lnTo>
                <a:lnTo>
                  <a:pt x="52" y="361"/>
                </a:lnTo>
                <a:lnTo>
                  <a:pt x="42" y="355"/>
                </a:lnTo>
                <a:lnTo>
                  <a:pt x="40" y="341"/>
                </a:lnTo>
                <a:lnTo>
                  <a:pt x="46" y="333"/>
                </a:lnTo>
                <a:lnTo>
                  <a:pt x="46" y="321"/>
                </a:lnTo>
                <a:lnTo>
                  <a:pt x="24" y="305"/>
                </a:lnTo>
                <a:lnTo>
                  <a:pt x="6" y="287"/>
                </a:lnTo>
                <a:lnTo>
                  <a:pt x="0" y="273"/>
                </a:lnTo>
                <a:lnTo>
                  <a:pt x="18" y="259"/>
                </a:lnTo>
                <a:lnTo>
                  <a:pt x="18" y="247"/>
                </a:lnTo>
                <a:lnTo>
                  <a:pt x="22" y="225"/>
                </a:lnTo>
                <a:lnTo>
                  <a:pt x="4" y="169"/>
                </a:lnTo>
                <a:lnTo>
                  <a:pt x="0" y="152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51" name="Freeform 4"/>
          <p:cNvSpPr>
            <a:spLocks/>
          </p:cNvSpPr>
          <p:nvPr/>
        </p:nvSpPr>
        <p:spPr bwMode="auto">
          <a:xfrm>
            <a:off x="4760913" y="3190875"/>
            <a:ext cx="963612" cy="1277938"/>
          </a:xfrm>
          <a:custGeom>
            <a:avLst/>
            <a:gdLst>
              <a:gd name="T0" fmla="*/ 2147483647 w 745"/>
              <a:gd name="T1" fmla="*/ 2147483647 h 987"/>
              <a:gd name="T2" fmla="*/ 2147483647 w 745"/>
              <a:gd name="T3" fmla="*/ 2147483647 h 987"/>
              <a:gd name="T4" fmla="*/ 2147483647 w 745"/>
              <a:gd name="T5" fmla="*/ 2147483647 h 987"/>
              <a:gd name="T6" fmla="*/ 2147483647 w 745"/>
              <a:gd name="T7" fmla="*/ 2147483647 h 987"/>
              <a:gd name="T8" fmla="*/ 2147483647 w 745"/>
              <a:gd name="T9" fmla="*/ 2147483647 h 987"/>
              <a:gd name="T10" fmla="*/ 2147483647 w 745"/>
              <a:gd name="T11" fmla="*/ 2147483647 h 987"/>
              <a:gd name="T12" fmla="*/ 2147483647 w 745"/>
              <a:gd name="T13" fmla="*/ 2147483647 h 987"/>
              <a:gd name="T14" fmla="*/ 2147483647 w 745"/>
              <a:gd name="T15" fmla="*/ 2147483647 h 987"/>
              <a:gd name="T16" fmla="*/ 2147483647 w 745"/>
              <a:gd name="T17" fmla="*/ 2147483647 h 987"/>
              <a:gd name="T18" fmla="*/ 2147483647 w 745"/>
              <a:gd name="T19" fmla="*/ 2147483647 h 987"/>
              <a:gd name="T20" fmla="*/ 2147483647 w 745"/>
              <a:gd name="T21" fmla="*/ 2147483647 h 987"/>
              <a:gd name="T22" fmla="*/ 2147483647 w 745"/>
              <a:gd name="T23" fmla="*/ 2147483647 h 987"/>
              <a:gd name="T24" fmla="*/ 2147483647 w 745"/>
              <a:gd name="T25" fmla="*/ 2147483647 h 987"/>
              <a:gd name="T26" fmla="*/ 2147483647 w 745"/>
              <a:gd name="T27" fmla="*/ 2147483647 h 987"/>
              <a:gd name="T28" fmla="*/ 2147483647 w 745"/>
              <a:gd name="T29" fmla="*/ 2147483647 h 987"/>
              <a:gd name="T30" fmla="*/ 2147483647 w 745"/>
              <a:gd name="T31" fmla="*/ 2147483647 h 987"/>
              <a:gd name="T32" fmla="*/ 2147483647 w 745"/>
              <a:gd name="T33" fmla="*/ 2147483647 h 987"/>
              <a:gd name="T34" fmla="*/ 2147483647 w 745"/>
              <a:gd name="T35" fmla="*/ 2147483647 h 987"/>
              <a:gd name="T36" fmla="*/ 2147483647 w 745"/>
              <a:gd name="T37" fmla="*/ 2147483647 h 987"/>
              <a:gd name="T38" fmla="*/ 2147483647 w 745"/>
              <a:gd name="T39" fmla="*/ 2147483647 h 987"/>
              <a:gd name="T40" fmla="*/ 2147483647 w 745"/>
              <a:gd name="T41" fmla="*/ 2147483647 h 987"/>
              <a:gd name="T42" fmla="*/ 2147483647 w 745"/>
              <a:gd name="T43" fmla="*/ 2147483647 h 987"/>
              <a:gd name="T44" fmla="*/ 2147483647 w 745"/>
              <a:gd name="T45" fmla="*/ 2147483647 h 987"/>
              <a:gd name="T46" fmla="*/ 2147483647 w 745"/>
              <a:gd name="T47" fmla="*/ 2147483647 h 987"/>
              <a:gd name="T48" fmla="*/ 2147483647 w 745"/>
              <a:gd name="T49" fmla="*/ 2147483647 h 987"/>
              <a:gd name="T50" fmla="*/ 2147483647 w 745"/>
              <a:gd name="T51" fmla="*/ 2147483647 h 987"/>
              <a:gd name="T52" fmla="*/ 2147483647 w 745"/>
              <a:gd name="T53" fmla="*/ 2147483647 h 987"/>
              <a:gd name="T54" fmla="*/ 2147483647 w 745"/>
              <a:gd name="T55" fmla="*/ 2147483647 h 987"/>
              <a:gd name="T56" fmla="*/ 2147483647 w 745"/>
              <a:gd name="T57" fmla="*/ 2147483647 h 987"/>
              <a:gd name="T58" fmla="*/ 2147483647 w 745"/>
              <a:gd name="T59" fmla="*/ 2147483647 h 987"/>
              <a:gd name="T60" fmla="*/ 2147483647 w 745"/>
              <a:gd name="T61" fmla="*/ 2147483647 h 987"/>
              <a:gd name="T62" fmla="*/ 2147483647 w 745"/>
              <a:gd name="T63" fmla="*/ 2147483647 h 987"/>
              <a:gd name="T64" fmla="*/ 2147483647 w 745"/>
              <a:gd name="T65" fmla="*/ 2147483647 h 987"/>
              <a:gd name="T66" fmla="*/ 2147483647 w 745"/>
              <a:gd name="T67" fmla="*/ 2147483647 h 987"/>
              <a:gd name="T68" fmla="*/ 2147483647 w 745"/>
              <a:gd name="T69" fmla="*/ 2147483647 h 987"/>
              <a:gd name="T70" fmla="*/ 2147483647 w 745"/>
              <a:gd name="T71" fmla="*/ 2147483647 h 987"/>
              <a:gd name="T72" fmla="*/ 2147483647 w 745"/>
              <a:gd name="T73" fmla="*/ 2147483647 h 987"/>
              <a:gd name="T74" fmla="*/ 2147483647 w 745"/>
              <a:gd name="T75" fmla="*/ 2147483647 h 987"/>
              <a:gd name="T76" fmla="*/ 2147483647 w 745"/>
              <a:gd name="T77" fmla="*/ 2147483647 h 987"/>
              <a:gd name="T78" fmla="*/ 2147483647 w 745"/>
              <a:gd name="T79" fmla="*/ 2147483647 h 987"/>
              <a:gd name="T80" fmla="*/ 2147483647 w 745"/>
              <a:gd name="T81" fmla="*/ 2147483647 h 987"/>
              <a:gd name="T82" fmla="*/ 2147483647 w 745"/>
              <a:gd name="T83" fmla="*/ 2147483647 h 987"/>
              <a:gd name="T84" fmla="*/ 2147483647 w 745"/>
              <a:gd name="T85" fmla="*/ 2147483647 h 987"/>
              <a:gd name="T86" fmla="*/ 2147483647 w 745"/>
              <a:gd name="T87" fmla="*/ 2147483647 h 987"/>
              <a:gd name="T88" fmla="*/ 2147483647 w 745"/>
              <a:gd name="T89" fmla="*/ 2147483647 h 987"/>
              <a:gd name="T90" fmla="*/ 2147483647 w 745"/>
              <a:gd name="T91" fmla="*/ 2147483647 h 987"/>
              <a:gd name="T92" fmla="*/ 2147483647 w 745"/>
              <a:gd name="T93" fmla="*/ 2147483647 h 987"/>
              <a:gd name="T94" fmla="*/ 2147483647 w 745"/>
              <a:gd name="T95" fmla="*/ 2147483647 h 987"/>
              <a:gd name="T96" fmla="*/ 2147483647 w 745"/>
              <a:gd name="T97" fmla="*/ 2147483647 h 987"/>
              <a:gd name="T98" fmla="*/ 2147483647 w 745"/>
              <a:gd name="T99" fmla="*/ 2147483647 h 987"/>
              <a:gd name="T100" fmla="*/ 2147483647 w 745"/>
              <a:gd name="T101" fmla="*/ 2147483647 h 987"/>
              <a:gd name="T102" fmla="*/ 2147483647 w 745"/>
              <a:gd name="T103" fmla="*/ 2147483647 h 987"/>
              <a:gd name="T104" fmla="*/ 2147483647 w 745"/>
              <a:gd name="T105" fmla="*/ 2147483647 h 987"/>
              <a:gd name="T106" fmla="*/ 2147483647 w 745"/>
              <a:gd name="T107" fmla="*/ 2147483647 h 987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0" t="0" r="r" b="b"/>
            <a:pathLst>
              <a:path w="745" h="987">
                <a:moveTo>
                  <a:pt x="122" y="939"/>
                </a:moveTo>
                <a:lnTo>
                  <a:pt x="120" y="911"/>
                </a:lnTo>
                <a:lnTo>
                  <a:pt x="130" y="893"/>
                </a:lnTo>
                <a:lnTo>
                  <a:pt x="124" y="879"/>
                </a:lnTo>
                <a:lnTo>
                  <a:pt x="140" y="847"/>
                </a:lnTo>
                <a:lnTo>
                  <a:pt x="146" y="813"/>
                </a:lnTo>
                <a:lnTo>
                  <a:pt x="184" y="769"/>
                </a:lnTo>
                <a:lnTo>
                  <a:pt x="160" y="757"/>
                </a:lnTo>
                <a:lnTo>
                  <a:pt x="132" y="757"/>
                </a:lnTo>
                <a:lnTo>
                  <a:pt x="120" y="745"/>
                </a:lnTo>
                <a:lnTo>
                  <a:pt x="100" y="749"/>
                </a:lnTo>
                <a:lnTo>
                  <a:pt x="82" y="745"/>
                </a:lnTo>
                <a:lnTo>
                  <a:pt x="82" y="737"/>
                </a:lnTo>
                <a:lnTo>
                  <a:pt x="68" y="733"/>
                </a:lnTo>
                <a:lnTo>
                  <a:pt x="64" y="739"/>
                </a:lnTo>
                <a:lnTo>
                  <a:pt x="46" y="719"/>
                </a:lnTo>
                <a:lnTo>
                  <a:pt x="44" y="703"/>
                </a:lnTo>
                <a:lnTo>
                  <a:pt x="28" y="695"/>
                </a:lnTo>
                <a:lnTo>
                  <a:pt x="28" y="683"/>
                </a:lnTo>
                <a:lnTo>
                  <a:pt x="34" y="675"/>
                </a:lnTo>
                <a:lnTo>
                  <a:pt x="44" y="665"/>
                </a:lnTo>
                <a:lnTo>
                  <a:pt x="42" y="657"/>
                </a:lnTo>
                <a:lnTo>
                  <a:pt x="32" y="653"/>
                </a:lnTo>
                <a:lnTo>
                  <a:pt x="22" y="645"/>
                </a:lnTo>
                <a:lnTo>
                  <a:pt x="12" y="633"/>
                </a:lnTo>
                <a:lnTo>
                  <a:pt x="14" y="609"/>
                </a:lnTo>
                <a:lnTo>
                  <a:pt x="34" y="591"/>
                </a:lnTo>
                <a:lnTo>
                  <a:pt x="36" y="569"/>
                </a:lnTo>
                <a:lnTo>
                  <a:pt x="20" y="563"/>
                </a:lnTo>
                <a:lnTo>
                  <a:pt x="24" y="549"/>
                </a:lnTo>
                <a:lnTo>
                  <a:pt x="8" y="529"/>
                </a:lnTo>
                <a:lnTo>
                  <a:pt x="12" y="513"/>
                </a:lnTo>
                <a:lnTo>
                  <a:pt x="4" y="503"/>
                </a:lnTo>
                <a:lnTo>
                  <a:pt x="0" y="495"/>
                </a:lnTo>
                <a:lnTo>
                  <a:pt x="20" y="483"/>
                </a:lnTo>
                <a:lnTo>
                  <a:pt x="16" y="471"/>
                </a:lnTo>
                <a:lnTo>
                  <a:pt x="28" y="457"/>
                </a:lnTo>
                <a:lnTo>
                  <a:pt x="28" y="431"/>
                </a:lnTo>
                <a:lnTo>
                  <a:pt x="18" y="419"/>
                </a:lnTo>
                <a:lnTo>
                  <a:pt x="14" y="391"/>
                </a:lnTo>
                <a:lnTo>
                  <a:pt x="26" y="387"/>
                </a:lnTo>
                <a:lnTo>
                  <a:pt x="58" y="389"/>
                </a:lnTo>
                <a:lnTo>
                  <a:pt x="76" y="387"/>
                </a:lnTo>
                <a:lnTo>
                  <a:pt x="82" y="379"/>
                </a:lnTo>
                <a:lnTo>
                  <a:pt x="72" y="365"/>
                </a:lnTo>
                <a:lnTo>
                  <a:pt x="84" y="361"/>
                </a:lnTo>
                <a:lnTo>
                  <a:pt x="96" y="343"/>
                </a:lnTo>
                <a:lnTo>
                  <a:pt x="100" y="323"/>
                </a:lnTo>
                <a:lnTo>
                  <a:pt x="74" y="313"/>
                </a:lnTo>
                <a:lnTo>
                  <a:pt x="80" y="291"/>
                </a:lnTo>
                <a:lnTo>
                  <a:pt x="102" y="291"/>
                </a:lnTo>
                <a:lnTo>
                  <a:pt x="104" y="269"/>
                </a:lnTo>
                <a:lnTo>
                  <a:pt x="116" y="253"/>
                </a:lnTo>
                <a:lnTo>
                  <a:pt x="116" y="217"/>
                </a:lnTo>
                <a:lnTo>
                  <a:pt x="124" y="211"/>
                </a:lnTo>
                <a:lnTo>
                  <a:pt x="120" y="205"/>
                </a:lnTo>
                <a:lnTo>
                  <a:pt x="114" y="205"/>
                </a:lnTo>
                <a:lnTo>
                  <a:pt x="106" y="201"/>
                </a:lnTo>
                <a:lnTo>
                  <a:pt x="106" y="189"/>
                </a:lnTo>
                <a:lnTo>
                  <a:pt x="110" y="177"/>
                </a:lnTo>
                <a:lnTo>
                  <a:pt x="116" y="167"/>
                </a:lnTo>
                <a:lnTo>
                  <a:pt x="124" y="159"/>
                </a:lnTo>
                <a:lnTo>
                  <a:pt x="132" y="159"/>
                </a:lnTo>
                <a:lnTo>
                  <a:pt x="150" y="159"/>
                </a:lnTo>
                <a:lnTo>
                  <a:pt x="162" y="157"/>
                </a:lnTo>
                <a:lnTo>
                  <a:pt x="182" y="159"/>
                </a:lnTo>
                <a:lnTo>
                  <a:pt x="186" y="167"/>
                </a:lnTo>
                <a:lnTo>
                  <a:pt x="190" y="179"/>
                </a:lnTo>
                <a:lnTo>
                  <a:pt x="184" y="191"/>
                </a:lnTo>
                <a:lnTo>
                  <a:pt x="194" y="197"/>
                </a:lnTo>
                <a:lnTo>
                  <a:pt x="202" y="193"/>
                </a:lnTo>
                <a:lnTo>
                  <a:pt x="202" y="183"/>
                </a:lnTo>
                <a:lnTo>
                  <a:pt x="198" y="177"/>
                </a:lnTo>
                <a:lnTo>
                  <a:pt x="202" y="171"/>
                </a:lnTo>
                <a:lnTo>
                  <a:pt x="208" y="173"/>
                </a:lnTo>
                <a:lnTo>
                  <a:pt x="214" y="181"/>
                </a:lnTo>
                <a:lnTo>
                  <a:pt x="224" y="183"/>
                </a:lnTo>
                <a:lnTo>
                  <a:pt x="220" y="163"/>
                </a:lnTo>
                <a:lnTo>
                  <a:pt x="220" y="153"/>
                </a:lnTo>
                <a:lnTo>
                  <a:pt x="226" y="138"/>
                </a:lnTo>
                <a:lnTo>
                  <a:pt x="232" y="134"/>
                </a:lnTo>
                <a:lnTo>
                  <a:pt x="240" y="140"/>
                </a:lnTo>
                <a:lnTo>
                  <a:pt x="246" y="145"/>
                </a:lnTo>
                <a:lnTo>
                  <a:pt x="256" y="147"/>
                </a:lnTo>
                <a:lnTo>
                  <a:pt x="260" y="142"/>
                </a:lnTo>
                <a:lnTo>
                  <a:pt x="262" y="140"/>
                </a:lnTo>
                <a:lnTo>
                  <a:pt x="262" y="138"/>
                </a:lnTo>
                <a:lnTo>
                  <a:pt x="258" y="134"/>
                </a:lnTo>
                <a:lnTo>
                  <a:pt x="254" y="130"/>
                </a:lnTo>
                <a:lnTo>
                  <a:pt x="248" y="124"/>
                </a:lnTo>
                <a:lnTo>
                  <a:pt x="248" y="118"/>
                </a:lnTo>
                <a:lnTo>
                  <a:pt x="254" y="116"/>
                </a:lnTo>
                <a:lnTo>
                  <a:pt x="258" y="114"/>
                </a:lnTo>
                <a:lnTo>
                  <a:pt x="258" y="104"/>
                </a:lnTo>
                <a:lnTo>
                  <a:pt x="246" y="100"/>
                </a:lnTo>
                <a:lnTo>
                  <a:pt x="246" y="86"/>
                </a:lnTo>
                <a:lnTo>
                  <a:pt x="228" y="82"/>
                </a:lnTo>
                <a:lnTo>
                  <a:pt x="230" y="72"/>
                </a:lnTo>
                <a:lnTo>
                  <a:pt x="236" y="66"/>
                </a:lnTo>
                <a:lnTo>
                  <a:pt x="252" y="68"/>
                </a:lnTo>
                <a:lnTo>
                  <a:pt x="256" y="54"/>
                </a:lnTo>
                <a:lnTo>
                  <a:pt x="250" y="40"/>
                </a:lnTo>
                <a:lnTo>
                  <a:pt x="240" y="28"/>
                </a:lnTo>
                <a:lnTo>
                  <a:pt x="232" y="18"/>
                </a:lnTo>
                <a:lnTo>
                  <a:pt x="230" y="8"/>
                </a:lnTo>
                <a:lnTo>
                  <a:pt x="232" y="0"/>
                </a:lnTo>
                <a:lnTo>
                  <a:pt x="254" y="2"/>
                </a:lnTo>
                <a:lnTo>
                  <a:pt x="268" y="8"/>
                </a:lnTo>
                <a:lnTo>
                  <a:pt x="278" y="16"/>
                </a:lnTo>
                <a:lnTo>
                  <a:pt x="293" y="16"/>
                </a:lnTo>
                <a:lnTo>
                  <a:pt x="301" y="2"/>
                </a:lnTo>
                <a:lnTo>
                  <a:pt x="313" y="14"/>
                </a:lnTo>
                <a:lnTo>
                  <a:pt x="327" y="16"/>
                </a:lnTo>
                <a:lnTo>
                  <a:pt x="333" y="20"/>
                </a:lnTo>
                <a:lnTo>
                  <a:pt x="335" y="32"/>
                </a:lnTo>
                <a:lnTo>
                  <a:pt x="337" y="52"/>
                </a:lnTo>
                <a:lnTo>
                  <a:pt x="335" y="58"/>
                </a:lnTo>
                <a:lnTo>
                  <a:pt x="347" y="60"/>
                </a:lnTo>
                <a:lnTo>
                  <a:pt x="353" y="68"/>
                </a:lnTo>
                <a:lnTo>
                  <a:pt x="367" y="66"/>
                </a:lnTo>
                <a:lnTo>
                  <a:pt x="385" y="80"/>
                </a:lnTo>
                <a:lnTo>
                  <a:pt x="403" y="74"/>
                </a:lnTo>
                <a:lnTo>
                  <a:pt x="417" y="66"/>
                </a:lnTo>
                <a:lnTo>
                  <a:pt x="413" y="62"/>
                </a:lnTo>
                <a:lnTo>
                  <a:pt x="413" y="56"/>
                </a:lnTo>
                <a:lnTo>
                  <a:pt x="419" y="52"/>
                </a:lnTo>
                <a:lnTo>
                  <a:pt x="425" y="54"/>
                </a:lnTo>
                <a:lnTo>
                  <a:pt x="431" y="58"/>
                </a:lnTo>
                <a:lnTo>
                  <a:pt x="431" y="66"/>
                </a:lnTo>
                <a:lnTo>
                  <a:pt x="429" y="70"/>
                </a:lnTo>
                <a:lnTo>
                  <a:pt x="419" y="68"/>
                </a:lnTo>
                <a:lnTo>
                  <a:pt x="415" y="94"/>
                </a:lnTo>
                <a:lnTo>
                  <a:pt x="405" y="106"/>
                </a:lnTo>
                <a:lnTo>
                  <a:pt x="393" y="110"/>
                </a:lnTo>
                <a:lnTo>
                  <a:pt x="397" y="120"/>
                </a:lnTo>
                <a:lnTo>
                  <a:pt x="405" y="126"/>
                </a:lnTo>
                <a:lnTo>
                  <a:pt x="423" y="122"/>
                </a:lnTo>
                <a:lnTo>
                  <a:pt x="433" y="128"/>
                </a:lnTo>
                <a:lnTo>
                  <a:pt x="447" y="128"/>
                </a:lnTo>
                <a:lnTo>
                  <a:pt x="455" y="108"/>
                </a:lnTo>
                <a:lnTo>
                  <a:pt x="465" y="98"/>
                </a:lnTo>
                <a:lnTo>
                  <a:pt x="491" y="96"/>
                </a:lnTo>
                <a:lnTo>
                  <a:pt x="511" y="82"/>
                </a:lnTo>
                <a:lnTo>
                  <a:pt x="519" y="68"/>
                </a:lnTo>
                <a:lnTo>
                  <a:pt x="525" y="58"/>
                </a:lnTo>
                <a:lnTo>
                  <a:pt x="543" y="60"/>
                </a:lnTo>
                <a:lnTo>
                  <a:pt x="559" y="66"/>
                </a:lnTo>
                <a:lnTo>
                  <a:pt x="569" y="70"/>
                </a:lnTo>
                <a:lnTo>
                  <a:pt x="573" y="80"/>
                </a:lnTo>
                <a:lnTo>
                  <a:pt x="587" y="86"/>
                </a:lnTo>
                <a:lnTo>
                  <a:pt x="589" y="94"/>
                </a:lnTo>
                <a:lnTo>
                  <a:pt x="599" y="102"/>
                </a:lnTo>
                <a:lnTo>
                  <a:pt x="619" y="90"/>
                </a:lnTo>
                <a:lnTo>
                  <a:pt x="625" y="96"/>
                </a:lnTo>
                <a:lnTo>
                  <a:pt x="629" y="110"/>
                </a:lnTo>
                <a:lnTo>
                  <a:pt x="629" y="118"/>
                </a:lnTo>
                <a:lnTo>
                  <a:pt x="643" y="118"/>
                </a:lnTo>
                <a:lnTo>
                  <a:pt x="651" y="116"/>
                </a:lnTo>
                <a:lnTo>
                  <a:pt x="657" y="128"/>
                </a:lnTo>
                <a:lnTo>
                  <a:pt x="661" y="145"/>
                </a:lnTo>
                <a:lnTo>
                  <a:pt x="667" y="163"/>
                </a:lnTo>
                <a:lnTo>
                  <a:pt x="679" y="201"/>
                </a:lnTo>
                <a:lnTo>
                  <a:pt x="675" y="225"/>
                </a:lnTo>
                <a:lnTo>
                  <a:pt x="675" y="235"/>
                </a:lnTo>
                <a:lnTo>
                  <a:pt x="657" y="249"/>
                </a:lnTo>
                <a:lnTo>
                  <a:pt x="663" y="263"/>
                </a:lnTo>
                <a:lnTo>
                  <a:pt x="681" y="281"/>
                </a:lnTo>
                <a:lnTo>
                  <a:pt x="703" y="297"/>
                </a:lnTo>
                <a:lnTo>
                  <a:pt x="703" y="309"/>
                </a:lnTo>
                <a:lnTo>
                  <a:pt x="697" y="317"/>
                </a:lnTo>
                <a:lnTo>
                  <a:pt x="699" y="331"/>
                </a:lnTo>
                <a:lnTo>
                  <a:pt x="709" y="337"/>
                </a:lnTo>
                <a:lnTo>
                  <a:pt x="711" y="359"/>
                </a:lnTo>
                <a:lnTo>
                  <a:pt x="715" y="379"/>
                </a:lnTo>
                <a:lnTo>
                  <a:pt x="705" y="393"/>
                </a:lnTo>
                <a:lnTo>
                  <a:pt x="717" y="409"/>
                </a:lnTo>
                <a:lnTo>
                  <a:pt x="719" y="431"/>
                </a:lnTo>
                <a:lnTo>
                  <a:pt x="733" y="437"/>
                </a:lnTo>
                <a:lnTo>
                  <a:pt x="745" y="459"/>
                </a:lnTo>
                <a:lnTo>
                  <a:pt x="741" y="475"/>
                </a:lnTo>
                <a:lnTo>
                  <a:pt x="737" y="489"/>
                </a:lnTo>
                <a:lnTo>
                  <a:pt x="735" y="503"/>
                </a:lnTo>
                <a:lnTo>
                  <a:pt x="727" y="517"/>
                </a:lnTo>
                <a:lnTo>
                  <a:pt x="719" y="519"/>
                </a:lnTo>
                <a:lnTo>
                  <a:pt x="713" y="511"/>
                </a:lnTo>
                <a:lnTo>
                  <a:pt x="707" y="497"/>
                </a:lnTo>
                <a:lnTo>
                  <a:pt x="701" y="491"/>
                </a:lnTo>
                <a:lnTo>
                  <a:pt x="683" y="495"/>
                </a:lnTo>
                <a:lnTo>
                  <a:pt x="693" y="507"/>
                </a:lnTo>
                <a:lnTo>
                  <a:pt x="687" y="513"/>
                </a:lnTo>
                <a:lnTo>
                  <a:pt x="673" y="523"/>
                </a:lnTo>
                <a:lnTo>
                  <a:pt x="657" y="525"/>
                </a:lnTo>
                <a:lnTo>
                  <a:pt x="651" y="535"/>
                </a:lnTo>
                <a:lnTo>
                  <a:pt x="633" y="535"/>
                </a:lnTo>
                <a:lnTo>
                  <a:pt x="621" y="551"/>
                </a:lnTo>
                <a:lnTo>
                  <a:pt x="605" y="551"/>
                </a:lnTo>
                <a:lnTo>
                  <a:pt x="593" y="565"/>
                </a:lnTo>
                <a:lnTo>
                  <a:pt x="581" y="577"/>
                </a:lnTo>
                <a:lnTo>
                  <a:pt x="563" y="575"/>
                </a:lnTo>
                <a:lnTo>
                  <a:pt x="547" y="581"/>
                </a:lnTo>
                <a:lnTo>
                  <a:pt x="537" y="591"/>
                </a:lnTo>
                <a:lnTo>
                  <a:pt x="529" y="609"/>
                </a:lnTo>
                <a:lnTo>
                  <a:pt x="521" y="595"/>
                </a:lnTo>
                <a:lnTo>
                  <a:pt x="511" y="595"/>
                </a:lnTo>
                <a:lnTo>
                  <a:pt x="515" y="605"/>
                </a:lnTo>
                <a:lnTo>
                  <a:pt x="517" y="619"/>
                </a:lnTo>
                <a:lnTo>
                  <a:pt x="521" y="625"/>
                </a:lnTo>
                <a:lnTo>
                  <a:pt x="529" y="633"/>
                </a:lnTo>
                <a:lnTo>
                  <a:pt x="543" y="639"/>
                </a:lnTo>
                <a:lnTo>
                  <a:pt x="545" y="655"/>
                </a:lnTo>
                <a:lnTo>
                  <a:pt x="539" y="667"/>
                </a:lnTo>
                <a:lnTo>
                  <a:pt x="549" y="677"/>
                </a:lnTo>
                <a:lnTo>
                  <a:pt x="553" y="693"/>
                </a:lnTo>
                <a:lnTo>
                  <a:pt x="573" y="719"/>
                </a:lnTo>
                <a:lnTo>
                  <a:pt x="587" y="719"/>
                </a:lnTo>
                <a:lnTo>
                  <a:pt x="603" y="735"/>
                </a:lnTo>
                <a:lnTo>
                  <a:pt x="609" y="745"/>
                </a:lnTo>
                <a:lnTo>
                  <a:pt x="615" y="747"/>
                </a:lnTo>
                <a:lnTo>
                  <a:pt x="625" y="753"/>
                </a:lnTo>
                <a:lnTo>
                  <a:pt x="625" y="757"/>
                </a:lnTo>
                <a:lnTo>
                  <a:pt x="625" y="761"/>
                </a:lnTo>
                <a:lnTo>
                  <a:pt x="643" y="763"/>
                </a:lnTo>
                <a:lnTo>
                  <a:pt x="657" y="773"/>
                </a:lnTo>
                <a:lnTo>
                  <a:pt x="663" y="785"/>
                </a:lnTo>
                <a:lnTo>
                  <a:pt x="661" y="811"/>
                </a:lnTo>
                <a:lnTo>
                  <a:pt x="631" y="811"/>
                </a:lnTo>
                <a:lnTo>
                  <a:pt x="633" y="835"/>
                </a:lnTo>
                <a:lnTo>
                  <a:pt x="625" y="847"/>
                </a:lnTo>
                <a:lnTo>
                  <a:pt x="605" y="849"/>
                </a:lnTo>
                <a:lnTo>
                  <a:pt x="575" y="873"/>
                </a:lnTo>
                <a:lnTo>
                  <a:pt x="599" y="907"/>
                </a:lnTo>
                <a:lnTo>
                  <a:pt x="595" y="919"/>
                </a:lnTo>
                <a:lnTo>
                  <a:pt x="595" y="925"/>
                </a:lnTo>
                <a:lnTo>
                  <a:pt x="603" y="925"/>
                </a:lnTo>
                <a:lnTo>
                  <a:pt x="609" y="933"/>
                </a:lnTo>
                <a:lnTo>
                  <a:pt x="607" y="943"/>
                </a:lnTo>
                <a:lnTo>
                  <a:pt x="597" y="957"/>
                </a:lnTo>
                <a:lnTo>
                  <a:pt x="583" y="947"/>
                </a:lnTo>
                <a:lnTo>
                  <a:pt x="583" y="937"/>
                </a:lnTo>
                <a:lnTo>
                  <a:pt x="573" y="929"/>
                </a:lnTo>
                <a:lnTo>
                  <a:pt x="555" y="939"/>
                </a:lnTo>
                <a:lnTo>
                  <a:pt x="551" y="929"/>
                </a:lnTo>
                <a:lnTo>
                  <a:pt x="529" y="929"/>
                </a:lnTo>
                <a:lnTo>
                  <a:pt x="527" y="943"/>
                </a:lnTo>
                <a:lnTo>
                  <a:pt x="481" y="945"/>
                </a:lnTo>
                <a:lnTo>
                  <a:pt x="461" y="959"/>
                </a:lnTo>
                <a:lnTo>
                  <a:pt x="433" y="973"/>
                </a:lnTo>
                <a:lnTo>
                  <a:pt x="413" y="953"/>
                </a:lnTo>
                <a:lnTo>
                  <a:pt x="377" y="951"/>
                </a:lnTo>
                <a:lnTo>
                  <a:pt x="375" y="973"/>
                </a:lnTo>
                <a:lnTo>
                  <a:pt x="357" y="987"/>
                </a:lnTo>
                <a:lnTo>
                  <a:pt x="353" y="979"/>
                </a:lnTo>
                <a:lnTo>
                  <a:pt x="345" y="975"/>
                </a:lnTo>
                <a:lnTo>
                  <a:pt x="343" y="963"/>
                </a:lnTo>
                <a:lnTo>
                  <a:pt x="319" y="949"/>
                </a:lnTo>
                <a:lnTo>
                  <a:pt x="309" y="963"/>
                </a:lnTo>
                <a:lnTo>
                  <a:pt x="289" y="957"/>
                </a:lnTo>
                <a:lnTo>
                  <a:pt x="274" y="943"/>
                </a:lnTo>
                <a:lnTo>
                  <a:pt x="258" y="933"/>
                </a:lnTo>
                <a:lnTo>
                  <a:pt x="240" y="939"/>
                </a:lnTo>
                <a:lnTo>
                  <a:pt x="228" y="927"/>
                </a:lnTo>
                <a:lnTo>
                  <a:pt x="212" y="919"/>
                </a:lnTo>
                <a:lnTo>
                  <a:pt x="198" y="929"/>
                </a:lnTo>
                <a:lnTo>
                  <a:pt x="212" y="943"/>
                </a:lnTo>
                <a:lnTo>
                  <a:pt x="198" y="949"/>
                </a:lnTo>
                <a:lnTo>
                  <a:pt x="182" y="939"/>
                </a:lnTo>
                <a:lnTo>
                  <a:pt x="164" y="953"/>
                </a:lnTo>
                <a:lnTo>
                  <a:pt x="146" y="939"/>
                </a:lnTo>
                <a:lnTo>
                  <a:pt x="136" y="951"/>
                </a:lnTo>
                <a:lnTo>
                  <a:pt x="122" y="939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52" name="Freeform 5"/>
          <p:cNvSpPr>
            <a:spLocks/>
          </p:cNvSpPr>
          <p:nvPr/>
        </p:nvSpPr>
        <p:spPr bwMode="auto">
          <a:xfrm>
            <a:off x="5613400" y="4559300"/>
            <a:ext cx="687388" cy="627063"/>
          </a:xfrm>
          <a:custGeom>
            <a:avLst/>
            <a:gdLst>
              <a:gd name="T0" fmla="*/ 2147483647 w 530"/>
              <a:gd name="T1" fmla="*/ 2147483647 h 484"/>
              <a:gd name="T2" fmla="*/ 2147483647 w 530"/>
              <a:gd name="T3" fmla="*/ 2147483647 h 484"/>
              <a:gd name="T4" fmla="*/ 2147483647 w 530"/>
              <a:gd name="T5" fmla="*/ 2147483647 h 484"/>
              <a:gd name="T6" fmla="*/ 2147483647 w 530"/>
              <a:gd name="T7" fmla="*/ 2147483647 h 484"/>
              <a:gd name="T8" fmla="*/ 2147483647 w 530"/>
              <a:gd name="T9" fmla="*/ 2147483647 h 484"/>
              <a:gd name="T10" fmla="*/ 2147483647 w 530"/>
              <a:gd name="T11" fmla="*/ 0 h 484"/>
              <a:gd name="T12" fmla="*/ 2147483647 w 530"/>
              <a:gd name="T13" fmla="*/ 2147483647 h 484"/>
              <a:gd name="T14" fmla="*/ 2147483647 w 530"/>
              <a:gd name="T15" fmla="*/ 2147483647 h 484"/>
              <a:gd name="T16" fmla="*/ 2147483647 w 530"/>
              <a:gd name="T17" fmla="*/ 2147483647 h 484"/>
              <a:gd name="T18" fmla="*/ 2147483647 w 530"/>
              <a:gd name="T19" fmla="*/ 2147483647 h 484"/>
              <a:gd name="T20" fmla="*/ 2147483647 w 530"/>
              <a:gd name="T21" fmla="*/ 2147483647 h 484"/>
              <a:gd name="T22" fmla="*/ 2147483647 w 530"/>
              <a:gd name="T23" fmla="*/ 2147483647 h 484"/>
              <a:gd name="T24" fmla="*/ 2147483647 w 530"/>
              <a:gd name="T25" fmla="*/ 2147483647 h 484"/>
              <a:gd name="T26" fmla="*/ 2147483647 w 530"/>
              <a:gd name="T27" fmla="*/ 2147483647 h 484"/>
              <a:gd name="T28" fmla="*/ 2147483647 w 530"/>
              <a:gd name="T29" fmla="*/ 2147483647 h 484"/>
              <a:gd name="T30" fmla="*/ 2147483647 w 530"/>
              <a:gd name="T31" fmla="*/ 2147483647 h 484"/>
              <a:gd name="T32" fmla="*/ 2147483647 w 530"/>
              <a:gd name="T33" fmla="*/ 2147483647 h 484"/>
              <a:gd name="T34" fmla="*/ 2147483647 w 530"/>
              <a:gd name="T35" fmla="*/ 2147483647 h 484"/>
              <a:gd name="T36" fmla="*/ 2147483647 w 530"/>
              <a:gd name="T37" fmla="*/ 2147483647 h 484"/>
              <a:gd name="T38" fmla="*/ 2147483647 w 530"/>
              <a:gd name="T39" fmla="*/ 2147483647 h 484"/>
              <a:gd name="T40" fmla="*/ 2147483647 w 530"/>
              <a:gd name="T41" fmla="*/ 2147483647 h 484"/>
              <a:gd name="T42" fmla="*/ 2147483647 w 530"/>
              <a:gd name="T43" fmla="*/ 2147483647 h 484"/>
              <a:gd name="T44" fmla="*/ 2147483647 w 530"/>
              <a:gd name="T45" fmla="*/ 2147483647 h 484"/>
              <a:gd name="T46" fmla="*/ 2147483647 w 530"/>
              <a:gd name="T47" fmla="*/ 2147483647 h 484"/>
              <a:gd name="T48" fmla="*/ 2147483647 w 530"/>
              <a:gd name="T49" fmla="*/ 2147483647 h 484"/>
              <a:gd name="T50" fmla="*/ 2147483647 w 530"/>
              <a:gd name="T51" fmla="*/ 2147483647 h 484"/>
              <a:gd name="T52" fmla="*/ 2147483647 w 530"/>
              <a:gd name="T53" fmla="*/ 2147483647 h 484"/>
              <a:gd name="T54" fmla="*/ 2147483647 w 530"/>
              <a:gd name="T55" fmla="*/ 2147483647 h 484"/>
              <a:gd name="T56" fmla="*/ 2147483647 w 530"/>
              <a:gd name="T57" fmla="*/ 2147483647 h 484"/>
              <a:gd name="T58" fmla="*/ 2147483647 w 530"/>
              <a:gd name="T59" fmla="*/ 2147483647 h 484"/>
              <a:gd name="T60" fmla="*/ 2147483647 w 530"/>
              <a:gd name="T61" fmla="*/ 2147483647 h 484"/>
              <a:gd name="T62" fmla="*/ 2147483647 w 530"/>
              <a:gd name="T63" fmla="*/ 2147483647 h 484"/>
              <a:gd name="T64" fmla="*/ 2147483647 w 530"/>
              <a:gd name="T65" fmla="*/ 2147483647 h 484"/>
              <a:gd name="T66" fmla="*/ 2147483647 w 530"/>
              <a:gd name="T67" fmla="*/ 2147483647 h 484"/>
              <a:gd name="T68" fmla="*/ 2147483647 w 530"/>
              <a:gd name="T69" fmla="*/ 2147483647 h 484"/>
              <a:gd name="T70" fmla="*/ 2147483647 w 530"/>
              <a:gd name="T71" fmla="*/ 2147483647 h 484"/>
              <a:gd name="T72" fmla="*/ 2147483647 w 530"/>
              <a:gd name="T73" fmla="*/ 2147483647 h 484"/>
              <a:gd name="T74" fmla="*/ 2147483647 w 530"/>
              <a:gd name="T75" fmla="*/ 2147483647 h 484"/>
              <a:gd name="T76" fmla="*/ 2147483647 w 530"/>
              <a:gd name="T77" fmla="*/ 2147483647 h 484"/>
              <a:gd name="T78" fmla="*/ 2147483647 w 530"/>
              <a:gd name="T79" fmla="*/ 2147483647 h 484"/>
              <a:gd name="T80" fmla="*/ 2147483647 w 530"/>
              <a:gd name="T81" fmla="*/ 2147483647 h 484"/>
              <a:gd name="T82" fmla="*/ 2147483647 w 530"/>
              <a:gd name="T83" fmla="*/ 2147483647 h 484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530" h="484">
                <a:moveTo>
                  <a:pt x="2" y="156"/>
                </a:moveTo>
                <a:lnTo>
                  <a:pt x="30" y="158"/>
                </a:lnTo>
                <a:lnTo>
                  <a:pt x="64" y="152"/>
                </a:lnTo>
                <a:lnTo>
                  <a:pt x="90" y="124"/>
                </a:lnTo>
                <a:lnTo>
                  <a:pt x="114" y="148"/>
                </a:lnTo>
                <a:lnTo>
                  <a:pt x="160" y="152"/>
                </a:lnTo>
                <a:lnTo>
                  <a:pt x="154" y="118"/>
                </a:lnTo>
                <a:lnTo>
                  <a:pt x="178" y="94"/>
                </a:lnTo>
                <a:lnTo>
                  <a:pt x="192" y="68"/>
                </a:lnTo>
                <a:lnTo>
                  <a:pt x="210" y="36"/>
                </a:lnTo>
                <a:lnTo>
                  <a:pt x="238" y="22"/>
                </a:lnTo>
                <a:lnTo>
                  <a:pt x="238" y="0"/>
                </a:lnTo>
                <a:lnTo>
                  <a:pt x="258" y="6"/>
                </a:lnTo>
                <a:lnTo>
                  <a:pt x="282" y="22"/>
                </a:lnTo>
                <a:lnTo>
                  <a:pt x="314" y="40"/>
                </a:lnTo>
                <a:lnTo>
                  <a:pt x="338" y="64"/>
                </a:lnTo>
                <a:lnTo>
                  <a:pt x="370" y="72"/>
                </a:lnTo>
                <a:lnTo>
                  <a:pt x="400" y="84"/>
                </a:lnTo>
                <a:lnTo>
                  <a:pt x="442" y="78"/>
                </a:lnTo>
                <a:lnTo>
                  <a:pt x="470" y="54"/>
                </a:lnTo>
                <a:lnTo>
                  <a:pt x="478" y="74"/>
                </a:lnTo>
                <a:lnTo>
                  <a:pt x="488" y="96"/>
                </a:lnTo>
                <a:lnTo>
                  <a:pt x="498" y="132"/>
                </a:lnTo>
                <a:lnTo>
                  <a:pt x="530" y="148"/>
                </a:lnTo>
                <a:lnTo>
                  <a:pt x="514" y="158"/>
                </a:lnTo>
                <a:lnTo>
                  <a:pt x="514" y="180"/>
                </a:lnTo>
                <a:lnTo>
                  <a:pt x="496" y="196"/>
                </a:lnTo>
                <a:lnTo>
                  <a:pt x="472" y="166"/>
                </a:lnTo>
                <a:lnTo>
                  <a:pt x="438" y="166"/>
                </a:lnTo>
                <a:lnTo>
                  <a:pt x="422" y="172"/>
                </a:lnTo>
                <a:lnTo>
                  <a:pt x="408" y="166"/>
                </a:lnTo>
                <a:lnTo>
                  <a:pt x="392" y="176"/>
                </a:lnTo>
                <a:lnTo>
                  <a:pt x="346" y="168"/>
                </a:lnTo>
                <a:lnTo>
                  <a:pt x="326" y="172"/>
                </a:lnTo>
                <a:lnTo>
                  <a:pt x="306" y="160"/>
                </a:lnTo>
                <a:lnTo>
                  <a:pt x="296" y="180"/>
                </a:lnTo>
                <a:lnTo>
                  <a:pt x="272" y="174"/>
                </a:lnTo>
                <a:lnTo>
                  <a:pt x="258" y="198"/>
                </a:lnTo>
                <a:lnTo>
                  <a:pt x="230" y="176"/>
                </a:lnTo>
                <a:lnTo>
                  <a:pt x="210" y="176"/>
                </a:lnTo>
                <a:lnTo>
                  <a:pt x="208" y="232"/>
                </a:lnTo>
                <a:lnTo>
                  <a:pt x="240" y="252"/>
                </a:lnTo>
                <a:lnTo>
                  <a:pt x="270" y="304"/>
                </a:lnTo>
                <a:lnTo>
                  <a:pt x="288" y="322"/>
                </a:lnTo>
                <a:lnTo>
                  <a:pt x="314" y="344"/>
                </a:lnTo>
                <a:lnTo>
                  <a:pt x="338" y="364"/>
                </a:lnTo>
                <a:lnTo>
                  <a:pt x="362" y="388"/>
                </a:lnTo>
                <a:lnTo>
                  <a:pt x="376" y="416"/>
                </a:lnTo>
                <a:lnTo>
                  <a:pt x="400" y="440"/>
                </a:lnTo>
                <a:lnTo>
                  <a:pt x="416" y="454"/>
                </a:lnTo>
                <a:lnTo>
                  <a:pt x="432" y="470"/>
                </a:lnTo>
                <a:lnTo>
                  <a:pt x="458" y="484"/>
                </a:lnTo>
                <a:lnTo>
                  <a:pt x="424" y="478"/>
                </a:lnTo>
                <a:lnTo>
                  <a:pt x="400" y="454"/>
                </a:lnTo>
                <a:lnTo>
                  <a:pt x="370" y="436"/>
                </a:lnTo>
                <a:lnTo>
                  <a:pt x="344" y="420"/>
                </a:lnTo>
                <a:lnTo>
                  <a:pt x="322" y="406"/>
                </a:lnTo>
                <a:lnTo>
                  <a:pt x="302" y="398"/>
                </a:lnTo>
                <a:lnTo>
                  <a:pt x="280" y="392"/>
                </a:lnTo>
                <a:lnTo>
                  <a:pt x="258" y="400"/>
                </a:lnTo>
                <a:lnTo>
                  <a:pt x="240" y="392"/>
                </a:lnTo>
                <a:lnTo>
                  <a:pt x="238" y="376"/>
                </a:lnTo>
                <a:lnTo>
                  <a:pt x="222" y="368"/>
                </a:lnTo>
                <a:lnTo>
                  <a:pt x="202" y="358"/>
                </a:lnTo>
                <a:lnTo>
                  <a:pt x="184" y="350"/>
                </a:lnTo>
                <a:lnTo>
                  <a:pt x="162" y="328"/>
                </a:lnTo>
                <a:lnTo>
                  <a:pt x="160" y="302"/>
                </a:lnTo>
                <a:lnTo>
                  <a:pt x="182" y="296"/>
                </a:lnTo>
                <a:lnTo>
                  <a:pt x="162" y="280"/>
                </a:lnTo>
                <a:lnTo>
                  <a:pt x="142" y="264"/>
                </a:lnTo>
                <a:lnTo>
                  <a:pt x="128" y="240"/>
                </a:lnTo>
                <a:lnTo>
                  <a:pt x="126" y="204"/>
                </a:lnTo>
                <a:lnTo>
                  <a:pt x="104" y="190"/>
                </a:lnTo>
                <a:lnTo>
                  <a:pt x="86" y="174"/>
                </a:lnTo>
                <a:lnTo>
                  <a:pt x="66" y="174"/>
                </a:lnTo>
                <a:lnTo>
                  <a:pt x="64" y="192"/>
                </a:lnTo>
                <a:lnTo>
                  <a:pt x="62" y="208"/>
                </a:lnTo>
                <a:lnTo>
                  <a:pt x="50" y="214"/>
                </a:lnTo>
                <a:lnTo>
                  <a:pt x="48" y="232"/>
                </a:lnTo>
                <a:lnTo>
                  <a:pt x="38" y="240"/>
                </a:lnTo>
                <a:lnTo>
                  <a:pt x="22" y="216"/>
                </a:lnTo>
                <a:lnTo>
                  <a:pt x="8" y="198"/>
                </a:lnTo>
                <a:lnTo>
                  <a:pt x="0" y="174"/>
                </a:lnTo>
                <a:lnTo>
                  <a:pt x="2" y="156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53" name="Freeform 6"/>
          <p:cNvSpPr>
            <a:spLocks/>
          </p:cNvSpPr>
          <p:nvPr/>
        </p:nvSpPr>
        <p:spPr bwMode="auto">
          <a:xfrm>
            <a:off x="5883275" y="4767263"/>
            <a:ext cx="476250" cy="436562"/>
          </a:xfrm>
          <a:custGeom>
            <a:avLst/>
            <a:gdLst>
              <a:gd name="T0" fmla="*/ 2147483647 w 368"/>
              <a:gd name="T1" fmla="*/ 2147483647 h 338"/>
              <a:gd name="T2" fmla="*/ 2147483647 w 368"/>
              <a:gd name="T3" fmla="*/ 2147483647 h 338"/>
              <a:gd name="T4" fmla="*/ 2147483647 w 368"/>
              <a:gd name="T5" fmla="*/ 2147483647 h 338"/>
              <a:gd name="T6" fmla="*/ 2147483647 w 368"/>
              <a:gd name="T7" fmla="*/ 2147483647 h 338"/>
              <a:gd name="T8" fmla="*/ 2147483647 w 368"/>
              <a:gd name="T9" fmla="*/ 2147483647 h 338"/>
              <a:gd name="T10" fmla="*/ 2147483647 w 368"/>
              <a:gd name="T11" fmla="*/ 2147483647 h 338"/>
              <a:gd name="T12" fmla="*/ 2147483647 w 368"/>
              <a:gd name="T13" fmla="*/ 2147483647 h 338"/>
              <a:gd name="T14" fmla="*/ 2147483647 w 368"/>
              <a:gd name="T15" fmla="*/ 2147483647 h 338"/>
              <a:gd name="T16" fmla="*/ 2147483647 w 368"/>
              <a:gd name="T17" fmla="*/ 2147483647 h 338"/>
              <a:gd name="T18" fmla="*/ 2147483647 w 368"/>
              <a:gd name="T19" fmla="*/ 2147483647 h 338"/>
              <a:gd name="T20" fmla="*/ 2147483647 w 368"/>
              <a:gd name="T21" fmla="*/ 2147483647 h 338"/>
              <a:gd name="T22" fmla="*/ 2147483647 w 368"/>
              <a:gd name="T23" fmla="*/ 2147483647 h 338"/>
              <a:gd name="T24" fmla="*/ 2147483647 w 368"/>
              <a:gd name="T25" fmla="*/ 2147483647 h 338"/>
              <a:gd name="T26" fmla="*/ 2147483647 w 368"/>
              <a:gd name="T27" fmla="*/ 2147483647 h 338"/>
              <a:gd name="T28" fmla="*/ 2147483647 w 368"/>
              <a:gd name="T29" fmla="*/ 2147483647 h 338"/>
              <a:gd name="T30" fmla="*/ 2147483647 w 368"/>
              <a:gd name="T31" fmla="*/ 2147483647 h 338"/>
              <a:gd name="T32" fmla="*/ 2147483647 w 368"/>
              <a:gd name="T33" fmla="*/ 2147483647 h 338"/>
              <a:gd name="T34" fmla="*/ 2147483647 w 368"/>
              <a:gd name="T35" fmla="*/ 2147483647 h 338"/>
              <a:gd name="T36" fmla="*/ 2147483647 w 368"/>
              <a:gd name="T37" fmla="*/ 2147483647 h 338"/>
              <a:gd name="T38" fmla="*/ 2147483647 w 368"/>
              <a:gd name="T39" fmla="*/ 2147483647 h 338"/>
              <a:gd name="T40" fmla="*/ 2147483647 w 368"/>
              <a:gd name="T41" fmla="*/ 2147483647 h 338"/>
              <a:gd name="T42" fmla="*/ 2147483647 w 368"/>
              <a:gd name="T43" fmla="*/ 2147483647 h 338"/>
              <a:gd name="T44" fmla="*/ 2147483647 w 368"/>
              <a:gd name="T45" fmla="*/ 2147483647 h 338"/>
              <a:gd name="T46" fmla="*/ 2147483647 w 368"/>
              <a:gd name="T47" fmla="*/ 2147483647 h 338"/>
              <a:gd name="T48" fmla="*/ 2147483647 w 368"/>
              <a:gd name="T49" fmla="*/ 2147483647 h 338"/>
              <a:gd name="T50" fmla="*/ 2147483647 w 368"/>
              <a:gd name="T51" fmla="*/ 2147483647 h 338"/>
              <a:gd name="T52" fmla="*/ 2147483647 w 368"/>
              <a:gd name="T53" fmla="*/ 2147483647 h 338"/>
              <a:gd name="T54" fmla="*/ 2147483647 w 368"/>
              <a:gd name="T55" fmla="*/ 2147483647 h 338"/>
              <a:gd name="T56" fmla="*/ 2147483647 w 368"/>
              <a:gd name="T57" fmla="*/ 2147483647 h 338"/>
              <a:gd name="T58" fmla="*/ 2147483647 w 368"/>
              <a:gd name="T59" fmla="*/ 2147483647 h 338"/>
              <a:gd name="T60" fmla="*/ 2147483647 w 368"/>
              <a:gd name="T61" fmla="*/ 2147483647 h 338"/>
              <a:gd name="T62" fmla="*/ 2147483647 w 368"/>
              <a:gd name="T63" fmla="*/ 2147483647 h 338"/>
              <a:gd name="T64" fmla="*/ 2147483647 w 368"/>
              <a:gd name="T65" fmla="*/ 2147483647 h 338"/>
              <a:gd name="T66" fmla="*/ 2147483647 w 368"/>
              <a:gd name="T67" fmla="*/ 2147483647 h 338"/>
              <a:gd name="T68" fmla="*/ 2147483647 w 368"/>
              <a:gd name="T69" fmla="*/ 2147483647 h 338"/>
              <a:gd name="T70" fmla="*/ 2147483647 w 368"/>
              <a:gd name="T71" fmla="*/ 2147483647 h 338"/>
              <a:gd name="T72" fmla="*/ 2147483647 w 368"/>
              <a:gd name="T73" fmla="*/ 2147483647 h 338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0" t="0" r="r" b="b"/>
            <a:pathLst>
              <a:path w="368" h="338">
                <a:moveTo>
                  <a:pt x="306" y="20"/>
                </a:moveTo>
                <a:lnTo>
                  <a:pt x="334" y="24"/>
                </a:lnTo>
                <a:lnTo>
                  <a:pt x="330" y="44"/>
                </a:lnTo>
                <a:lnTo>
                  <a:pt x="318" y="66"/>
                </a:lnTo>
                <a:lnTo>
                  <a:pt x="314" y="74"/>
                </a:lnTo>
                <a:lnTo>
                  <a:pt x="322" y="104"/>
                </a:lnTo>
                <a:lnTo>
                  <a:pt x="338" y="108"/>
                </a:lnTo>
                <a:lnTo>
                  <a:pt x="352" y="120"/>
                </a:lnTo>
                <a:lnTo>
                  <a:pt x="366" y="132"/>
                </a:lnTo>
                <a:lnTo>
                  <a:pt x="362" y="142"/>
                </a:lnTo>
                <a:lnTo>
                  <a:pt x="338" y="142"/>
                </a:lnTo>
                <a:lnTo>
                  <a:pt x="348" y="156"/>
                </a:lnTo>
                <a:lnTo>
                  <a:pt x="358" y="168"/>
                </a:lnTo>
                <a:lnTo>
                  <a:pt x="368" y="180"/>
                </a:lnTo>
                <a:lnTo>
                  <a:pt x="362" y="192"/>
                </a:lnTo>
                <a:lnTo>
                  <a:pt x="350" y="188"/>
                </a:lnTo>
                <a:lnTo>
                  <a:pt x="340" y="196"/>
                </a:lnTo>
                <a:lnTo>
                  <a:pt x="324" y="198"/>
                </a:lnTo>
                <a:lnTo>
                  <a:pt x="314" y="208"/>
                </a:lnTo>
                <a:lnTo>
                  <a:pt x="324" y="220"/>
                </a:lnTo>
                <a:lnTo>
                  <a:pt x="326" y="234"/>
                </a:lnTo>
                <a:lnTo>
                  <a:pt x="318" y="226"/>
                </a:lnTo>
                <a:lnTo>
                  <a:pt x="306" y="230"/>
                </a:lnTo>
                <a:lnTo>
                  <a:pt x="298" y="240"/>
                </a:lnTo>
                <a:lnTo>
                  <a:pt x="294" y="254"/>
                </a:lnTo>
                <a:lnTo>
                  <a:pt x="294" y="272"/>
                </a:lnTo>
                <a:lnTo>
                  <a:pt x="282" y="274"/>
                </a:lnTo>
                <a:lnTo>
                  <a:pt x="278" y="290"/>
                </a:lnTo>
                <a:lnTo>
                  <a:pt x="280" y="294"/>
                </a:lnTo>
                <a:lnTo>
                  <a:pt x="284" y="300"/>
                </a:lnTo>
                <a:lnTo>
                  <a:pt x="294" y="318"/>
                </a:lnTo>
                <a:lnTo>
                  <a:pt x="288" y="338"/>
                </a:lnTo>
                <a:lnTo>
                  <a:pt x="274" y="334"/>
                </a:lnTo>
                <a:lnTo>
                  <a:pt x="256" y="332"/>
                </a:lnTo>
                <a:lnTo>
                  <a:pt x="250" y="324"/>
                </a:lnTo>
                <a:lnTo>
                  <a:pt x="242" y="318"/>
                </a:lnTo>
                <a:lnTo>
                  <a:pt x="224" y="310"/>
                </a:lnTo>
                <a:lnTo>
                  <a:pt x="208" y="294"/>
                </a:lnTo>
                <a:lnTo>
                  <a:pt x="202" y="288"/>
                </a:lnTo>
                <a:lnTo>
                  <a:pt x="192" y="280"/>
                </a:lnTo>
                <a:lnTo>
                  <a:pt x="182" y="270"/>
                </a:lnTo>
                <a:lnTo>
                  <a:pt x="172" y="260"/>
                </a:lnTo>
                <a:lnTo>
                  <a:pt x="168" y="256"/>
                </a:lnTo>
                <a:lnTo>
                  <a:pt x="160" y="240"/>
                </a:lnTo>
                <a:lnTo>
                  <a:pt x="154" y="228"/>
                </a:lnTo>
                <a:lnTo>
                  <a:pt x="132" y="204"/>
                </a:lnTo>
                <a:lnTo>
                  <a:pt x="126" y="198"/>
                </a:lnTo>
                <a:lnTo>
                  <a:pt x="110" y="186"/>
                </a:lnTo>
                <a:lnTo>
                  <a:pt x="92" y="172"/>
                </a:lnTo>
                <a:lnTo>
                  <a:pt x="76" y="158"/>
                </a:lnTo>
                <a:lnTo>
                  <a:pt x="62" y="144"/>
                </a:lnTo>
                <a:lnTo>
                  <a:pt x="46" y="118"/>
                </a:lnTo>
                <a:lnTo>
                  <a:pt x="32" y="92"/>
                </a:lnTo>
                <a:lnTo>
                  <a:pt x="14" y="82"/>
                </a:lnTo>
                <a:lnTo>
                  <a:pt x="0" y="72"/>
                </a:lnTo>
                <a:lnTo>
                  <a:pt x="2" y="54"/>
                </a:lnTo>
                <a:lnTo>
                  <a:pt x="2" y="32"/>
                </a:lnTo>
                <a:lnTo>
                  <a:pt x="2" y="16"/>
                </a:lnTo>
                <a:lnTo>
                  <a:pt x="22" y="16"/>
                </a:lnTo>
                <a:lnTo>
                  <a:pt x="50" y="38"/>
                </a:lnTo>
                <a:lnTo>
                  <a:pt x="64" y="14"/>
                </a:lnTo>
                <a:lnTo>
                  <a:pt x="88" y="20"/>
                </a:lnTo>
                <a:lnTo>
                  <a:pt x="98" y="0"/>
                </a:lnTo>
                <a:lnTo>
                  <a:pt x="118" y="12"/>
                </a:lnTo>
                <a:lnTo>
                  <a:pt x="138" y="8"/>
                </a:lnTo>
                <a:lnTo>
                  <a:pt x="160" y="12"/>
                </a:lnTo>
                <a:lnTo>
                  <a:pt x="184" y="16"/>
                </a:lnTo>
                <a:lnTo>
                  <a:pt x="200" y="6"/>
                </a:lnTo>
                <a:lnTo>
                  <a:pt x="214" y="12"/>
                </a:lnTo>
                <a:lnTo>
                  <a:pt x="228" y="6"/>
                </a:lnTo>
                <a:lnTo>
                  <a:pt x="264" y="6"/>
                </a:lnTo>
                <a:lnTo>
                  <a:pt x="282" y="26"/>
                </a:lnTo>
                <a:lnTo>
                  <a:pt x="288" y="36"/>
                </a:lnTo>
                <a:lnTo>
                  <a:pt x="298" y="26"/>
                </a:lnTo>
                <a:lnTo>
                  <a:pt x="306" y="2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54" name="Freeform 7"/>
          <p:cNvSpPr>
            <a:spLocks/>
          </p:cNvSpPr>
          <p:nvPr/>
        </p:nvSpPr>
        <p:spPr bwMode="auto">
          <a:xfrm>
            <a:off x="6223000" y="4575175"/>
            <a:ext cx="569913" cy="727075"/>
          </a:xfrm>
          <a:custGeom>
            <a:avLst/>
            <a:gdLst>
              <a:gd name="T0" fmla="*/ 2147483647 w 440"/>
              <a:gd name="T1" fmla="*/ 2147483647 h 562"/>
              <a:gd name="T2" fmla="*/ 2147483647 w 440"/>
              <a:gd name="T3" fmla="*/ 2147483647 h 562"/>
              <a:gd name="T4" fmla="*/ 2147483647 w 440"/>
              <a:gd name="T5" fmla="*/ 2147483647 h 562"/>
              <a:gd name="T6" fmla="*/ 2147483647 w 440"/>
              <a:gd name="T7" fmla="*/ 2147483647 h 562"/>
              <a:gd name="T8" fmla="*/ 2147483647 w 440"/>
              <a:gd name="T9" fmla="*/ 2147483647 h 562"/>
              <a:gd name="T10" fmla="*/ 2147483647 w 440"/>
              <a:gd name="T11" fmla="*/ 2147483647 h 562"/>
              <a:gd name="T12" fmla="*/ 2147483647 w 440"/>
              <a:gd name="T13" fmla="*/ 2147483647 h 562"/>
              <a:gd name="T14" fmla="*/ 2147483647 w 440"/>
              <a:gd name="T15" fmla="*/ 2147483647 h 562"/>
              <a:gd name="T16" fmla="*/ 2147483647 w 440"/>
              <a:gd name="T17" fmla="*/ 2147483647 h 562"/>
              <a:gd name="T18" fmla="*/ 2147483647 w 440"/>
              <a:gd name="T19" fmla="*/ 2147483647 h 562"/>
              <a:gd name="T20" fmla="*/ 2147483647 w 440"/>
              <a:gd name="T21" fmla="*/ 2147483647 h 562"/>
              <a:gd name="T22" fmla="*/ 2147483647 w 440"/>
              <a:gd name="T23" fmla="*/ 2147483647 h 562"/>
              <a:gd name="T24" fmla="*/ 2147483647 w 440"/>
              <a:gd name="T25" fmla="*/ 2147483647 h 562"/>
              <a:gd name="T26" fmla="*/ 2147483647 w 440"/>
              <a:gd name="T27" fmla="*/ 2147483647 h 562"/>
              <a:gd name="T28" fmla="*/ 2147483647 w 440"/>
              <a:gd name="T29" fmla="*/ 2147483647 h 562"/>
              <a:gd name="T30" fmla="*/ 2147483647 w 440"/>
              <a:gd name="T31" fmla="*/ 2147483647 h 562"/>
              <a:gd name="T32" fmla="*/ 2147483647 w 440"/>
              <a:gd name="T33" fmla="*/ 2147483647 h 562"/>
              <a:gd name="T34" fmla="*/ 2147483647 w 440"/>
              <a:gd name="T35" fmla="*/ 2147483647 h 562"/>
              <a:gd name="T36" fmla="*/ 2147483647 w 440"/>
              <a:gd name="T37" fmla="*/ 2147483647 h 562"/>
              <a:gd name="T38" fmla="*/ 2147483647 w 440"/>
              <a:gd name="T39" fmla="*/ 2147483647 h 562"/>
              <a:gd name="T40" fmla="*/ 2147483647 w 440"/>
              <a:gd name="T41" fmla="*/ 2147483647 h 562"/>
              <a:gd name="T42" fmla="*/ 2147483647 w 440"/>
              <a:gd name="T43" fmla="*/ 2147483647 h 562"/>
              <a:gd name="T44" fmla="*/ 2147483647 w 440"/>
              <a:gd name="T45" fmla="*/ 2147483647 h 562"/>
              <a:gd name="T46" fmla="*/ 2147483647 w 440"/>
              <a:gd name="T47" fmla="*/ 2147483647 h 562"/>
              <a:gd name="T48" fmla="*/ 2147483647 w 440"/>
              <a:gd name="T49" fmla="*/ 2147483647 h 562"/>
              <a:gd name="T50" fmla="*/ 2147483647 w 440"/>
              <a:gd name="T51" fmla="*/ 2147483647 h 562"/>
              <a:gd name="T52" fmla="*/ 2147483647 w 440"/>
              <a:gd name="T53" fmla="*/ 2147483647 h 562"/>
              <a:gd name="T54" fmla="*/ 2147483647 w 440"/>
              <a:gd name="T55" fmla="*/ 2147483647 h 562"/>
              <a:gd name="T56" fmla="*/ 2147483647 w 440"/>
              <a:gd name="T57" fmla="*/ 2147483647 h 562"/>
              <a:gd name="T58" fmla="*/ 2147483647 w 440"/>
              <a:gd name="T59" fmla="*/ 2147483647 h 562"/>
              <a:gd name="T60" fmla="*/ 2147483647 w 440"/>
              <a:gd name="T61" fmla="*/ 2147483647 h 562"/>
              <a:gd name="T62" fmla="*/ 2147483647 w 440"/>
              <a:gd name="T63" fmla="*/ 2147483647 h 562"/>
              <a:gd name="T64" fmla="*/ 2147483647 w 440"/>
              <a:gd name="T65" fmla="*/ 2147483647 h 562"/>
              <a:gd name="T66" fmla="*/ 2147483647 w 440"/>
              <a:gd name="T67" fmla="*/ 2147483647 h 562"/>
              <a:gd name="T68" fmla="*/ 2147483647 w 440"/>
              <a:gd name="T69" fmla="*/ 2147483647 h 562"/>
              <a:gd name="T70" fmla="*/ 2147483647 w 440"/>
              <a:gd name="T71" fmla="*/ 2147483647 h 562"/>
              <a:gd name="T72" fmla="*/ 2147483647 w 440"/>
              <a:gd name="T73" fmla="*/ 2147483647 h 562"/>
              <a:gd name="T74" fmla="*/ 2147483647 w 440"/>
              <a:gd name="T75" fmla="*/ 2147483647 h 562"/>
              <a:gd name="T76" fmla="*/ 2147483647 w 440"/>
              <a:gd name="T77" fmla="*/ 2147483647 h 562"/>
              <a:gd name="T78" fmla="*/ 2147483647 w 440"/>
              <a:gd name="T79" fmla="*/ 2147483647 h 562"/>
              <a:gd name="T80" fmla="*/ 2147483647 w 440"/>
              <a:gd name="T81" fmla="*/ 2147483647 h 562"/>
              <a:gd name="T82" fmla="*/ 2147483647 w 440"/>
              <a:gd name="T83" fmla="*/ 2147483647 h 562"/>
              <a:gd name="T84" fmla="*/ 2147483647 w 440"/>
              <a:gd name="T85" fmla="*/ 2147483647 h 562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440" h="562">
                <a:moveTo>
                  <a:pt x="0" y="42"/>
                </a:moveTo>
                <a:lnTo>
                  <a:pt x="16" y="40"/>
                </a:lnTo>
                <a:lnTo>
                  <a:pt x="28" y="30"/>
                </a:lnTo>
                <a:lnTo>
                  <a:pt x="46" y="30"/>
                </a:lnTo>
                <a:lnTo>
                  <a:pt x="68" y="2"/>
                </a:lnTo>
                <a:lnTo>
                  <a:pt x="88" y="2"/>
                </a:lnTo>
                <a:lnTo>
                  <a:pt x="128" y="0"/>
                </a:lnTo>
                <a:lnTo>
                  <a:pt x="142" y="14"/>
                </a:lnTo>
                <a:lnTo>
                  <a:pt x="158" y="26"/>
                </a:lnTo>
                <a:lnTo>
                  <a:pt x="172" y="42"/>
                </a:lnTo>
                <a:lnTo>
                  <a:pt x="184" y="46"/>
                </a:lnTo>
                <a:lnTo>
                  <a:pt x="186" y="66"/>
                </a:lnTo>
                <a:lnTo>
                  <a:pt x="194" y="80"/>
                </a:lnTo>
                <a:lnTo>
                  <a:pt x="210" y="94"/>
                </a:lnTo>
                <a:lnTo>
                  <a:pt x="228" y="94"/>
                </a:lnTo>
                <a:lnTo>
                  <a:pt x="236" y="102"/>
                </a:lnTo>
                <a:lnTo>
                  <a:pt x="250" y="100"/>
                </a:lnTo>
                <a:lnTo>
                  <a:pt x="260" y="112"/>
                </a:lnTo>
                <a:lnTo>
                  <a:pt x="258" y="124"/>
                </a:lnTo>
                <a:lnTo>
                  <a:pt x="256" y="130"/>
                </a:lnTo>
                <a:lnTo>
                  <a:pt x="268" y="138"/>
                </a:lnTo>
                <a:lnTo>
                  <a:pt x="262" y="146"/>
                </a:lnTo>
                <a:lnTo>
                  <a:pt x="248" y="156"/>
                </a:lnTo>
                <a:lnTo>
                  <a:pt x="260" y="160"/>
                </a:lnTo>
                <a:lnTo>
                  <a:pt x="276" y="158"/>
                </a:lnTo>
                <a:lnTo>
                  <a:pt x="284" y="166"/>
                </a:lnTo>
                <a:lnTo>
                  <a:pt x="316" y="168"/>
                </a:lnTo>
                <a:lnTo>
                  <a:pt x="326" y="184"/>
                </a:lnTo>
                <a:lnTo>
                  <a:pt x="336" y="182"/>
                </a:lnTo>
                <a:lnTo>
                  <a:pt x="338" y="170"/>
                </a:lnTo>
                <a:lnTo>
                  <a:pt x="346" y="156"/>
                </a:lnTo>
                <a:lnTo>
                  <a:pt x="356" y="152"/>
                </a:lnTo>
                <a:lnTo>
                  <a:pt x="368" y="156"/>
                </a:lnTo>
                <a:lnTo>
                  <a:pt x="390" y="164"/>
                </a:lnTo>
                <a:lnTo>
                  <a:pt x="386" y="172"/>
                </a:lnTo>
                <a:lnTo>
                  <a:pt x="370" y="172"/>
                </a:lnTo>
                <a:lnTo>
                  <a:pt x="362" y="184"/>
                </a:lnTo>
                <a:lnTo>
                  <a:pt x="370" y="198"/>
                </a:lnTo>
                <a:lnTo>
                  <a:pt x="388" y="204"/>
                </a:lnTo>
                <a:lnTo>
                  <a:pt x="386" y="214"/>
                </a:lnTo>
                <a:lnTo>
                  <a:pt x="382" y="230"/>
                </a:lnTo>
                <a:lnTo>
                  <a:pt x="370" y="242"/>
                </a:lnTo>
                <a:lnTo>
                  <a:pt x="370" y="270"/>
                </a:lnTo>
                <a:lnTo>
                  <a:pt x="382" y="288"/>
                </a:lnTo>
                <a:lnTo>
                  <a:pt x="390" y="302"/>
                </a:lnTo>
                <a:lnTo>
                  <a:pt x="408" y="316"/>
                </a:lnTo>
                <a:lnTo>
                  <a:pt x="428" y="328"/>
                </a:lnTo>
                <a:lnTo>
                  <a:pt x="440" y="338"/>
                </a:lnTo>
                <a:lnTo>
                  <a:pt x="434" y="356"/>
                </a:lnTo>
                <a:lnTo>
                  <a:pt x="422" y="366"/>
                </a:lnTo>
                <a:lnTo>
                  <a:pt x="420" y="380"/>
                </a:lnTo>
                <a:lnTo>
                  <a:pt x="408" y="384"/>
                </a:lnTo>
                <a:lnTo>
                  <a:pt x="398" y="396"/>
                </a:lnTo>
                <a:lnTo>
                  <a:pt x="404" y="428"/>
                </a:lnTo>
                <a:lnTo>
                  <a:pt x="412" y="434"/>
                </a:lnTo>
                <a:lnTo>
                  <a:pt x="408" y="452"/>
                </a:lnTo>
                <a:lnTo>
                  <a:pt x="400" y="462"/>
                </a:lnTo>
                <a:lnTo>
                  <a:pt x="392" y="456"/>
                </a:lnTo>
                <a:lnTo>
                  <a:pt x="378" y="464"/>
                </a:lnTo>
                <a:lnTo>
                  <a:pt x="358" y="466"/>
                </a:lnTo>
                <a:lnTo>
                  <a:pt x="340" y="480"/>
                </a:lnTo>
                <a:lnTo>
                  <a:pt x="314" y="486"/>
                </a:lnTo>
                <a:lnTo>
                  <a:pt x="306" y="490"/>
                </a:lnTo>
                <a:lnTo>
                  <a:pt x="304" y="506"/>
                </a:lnTo>
                <a:lnTo>
                  <a:pt x="286" y="494"/>
                </a:lnTo>
                <a:lnTo>
                  <a:pt x="272" y="504"/>
                </a:lnTo>
                <a:lnTo>
                  <a:pt x="254" y="518"/>
                </a:lnTo>
                <a:lnTo>
                  <a:pt x="256" y="540"/>
                </a:lnTo>
                <a:lnTo>
                  <a:pt x="240" y="544"/>
                </a:lnTo>
                <a:lnTo>
                  <a:pt x="238" y="526"/>
                </a:lnTo>
                <a:lnTo>
                  <a:pt x="228" y="504"/>
                </a:lnTo>
                <a:lnTo>
                  <a:pt x="224" y="496"/>
                </a:lnTo>
                <a:lnTo>
                  <a:pt x="204" y="488"/>
                </a:lnTo>
                <a:lnTo>
                  <a:pt x="194" y="484"/>
                </a:lnTo>
                <a:lnTo>
                  <a:pt x="190" y="470"/>
                </a:lnTo>
                <a:lnTo>
                  <a:pt x="176" y="464"/>
                </a:lnTo>
                <a:lnTo>
                  <a:pt x="154" y="480"/>
                </a:lnTo>
                <a:lnTo>
                  <a:pt x="146" y="470"/>
                </a:lnTo>
                <a:lnTo>
                  <a:pt x="150" y="460"/>
                </a:lnTo>
                <a:lnTo>
                  <a:pt x="138" y="460"/>
                </a:lnTo>
                <a:lnTo>
                  <a:pt x="114" y="510"/>
                </a:lnTo>
                <a:lnTo>
                  <a:pt x="108" y="520"/>
                </a:lnTo>
                <a:lnTo>
                  <a:pt x="118" y="530"/>
                </a:lnTo>
                <a:lnTo>
                  <a:pt x="116" y="562"/>
                </a:lnTo>
                <a:lnTo>
                  <a:pt x="100" y="554"/>
                </a:lnTo>
                <a:lnTo>
                  <a:pt x="100" y="544"/>
                </a:lnTo>
                <a:lnTo>
                  <a:pt x="72" y="514"/>
                </a:lnTo>
                <a:lnTo>
                  <a:pt x="58" y="514"/>
                </a:lnTo>
                <a:lnTo>
                  <a:pt x="46" y="506"/>
                </a:lnTo>
                <a:lnTo>
                  <a:pt x="48" y="494"/>
                </a:lnTo>
                <a:lnTo>
                  <a:pt x="32" y="498"/>
                </a:lnTo>
                <a:lnTo>
                  <a:pt x="22" y="492"/>
                </a:lnTo>
                <a:lnTo>
                  <a:pt x="26" y="486"/>
                </a:lnTo>
                <a:lnTo>
                  <a:pt x="30" y="474"/>
                </a:lnTo>
                <a:lnTo>
                  <a:pt x="32" y="466"/>
                </a:lnTo>
                <a:lnTo>
                  <a:pt x="22" y="448"/>
                </a:lnTo>
                <a:lnTo>
                  <a:pt x="16" y="438"/>
                </a:lnTo>
                <a:lnTo>
                  <a:pt x="20" y="422"/>
                </a:lnTo>
                <a:lnTo>
                  <a:pt x="32" y="420"/>
                </a:lnTo>
                <a:lnTo>
                  <a:pt x="32" y="402"/>
                </a:lnTo>
                <a:lnTo>
                  <a:pt x="36" y="388"/>
                </a:lnTo>
                <a:lnTo>
                  <a:pt x="44" y="378"/>
                </a:lnTo>
                <a:lnTo>
                  <a:pt x="56" y="374"/>
                </a:lnTo>
                <a:lnTo>
                  <a:pt x="64" y="382"/>
                </a:lnTo>
                <a:lnTo>
                  <a:pt x="62" y="368"/>
                </a:lnTo>
                <a:lnTo>
                  <a:pt x="52" y="356"/>
                </a:lnTo>
                <a:lnTo>
                  <a:pt x="62" y="346"/>
                </a:lnTo>
                <a:lnTo>
                  <a:pt x="78" y="344"/>
                </a:lnTo>
                <a:lnTo>
                  <a:pt x="88" y="336"/>
                </a:lnTo>
                <a:lnTo>
                  <a:pt x="100" y="340"/>
                </a:lnTo>
                <a:lnTo>
                  <a:pt x="106" y="326"/>
                </a:lnTo>
                <a:lnTo>
                  <a:pt x="86" y="304"/>
                </a:lnTo>
                <a:lnTo>
                  <a:pt x="76" y="290"/>
                </a:lnTo>
                <a:lnTo>
                  <a:pt x="100" y="290"/>
                </a:lnTo>
                <a:lnTo>
                  <a:pt x="104" y="280"/>
                </a:lnTo>
                <a:lnTo>
                  <a:pt x="90" y="268"/>
                </a:lnTo>
                <a:lnTo>
                  <a:pt x="82" y="262"/>
                </a:lnTo>
                <a:lnTo>
                  <a:pt x="76" y="256"/>
                </a:lnTo>
                <a:lnTo>
                  <a:pt x="60" y="252"/>
                </a:lnTo>
                <a:lnTo>
                  <a:pt x="54" y="232"/>
                </a:lnTo>
                <a:lnTo>
                  <a:pt x="52" y="222"/>
                </a:lnTo>
                <a:lnTo>
                  <a:pt x="56" y="214"/>
                </a:lnTo>
                <a:lnTo>
                  <a:pt x="68" y="192"/>
                </a:lnTo>
                <a:lnTo>
                  <a:pt x="72" y="172"/>
                </a:lnTo>
                <a:lnTo>
                  <a:pt x="44" y="168"/>
                </a:lnTo>
                <a:lnTo>
                  <a:pt x="44" y="146"/>
                </a:lnTo>
                <a:lnTo>
                  <a:pt x="60" y="136"/>
                </a:lnTo>
                <a:lnTo>
                  <a:pt x="28" y="120"/>
                </a:lnTo>
                <a:lnTo>
                  <a:pt x="18" y="84"/>
                </a:lnTo>
                <a:lnTo>
                  <a:pt x="0" y="4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55" name="Freeform 8"/>
          <p:cNvSpPr>
            <a:spLocks/>
          </p:cNvSpPr>
          <p:nvPr/>
        </p:nvSpPr>
        <p:spPr bwMode="auto">
          <a:xfrm>
            <a:off x="6516688" y="5157788"/>
            <a:ext cx="319087" cy="279400"/>
          </a:xfrm>
          <a:custGeom>
            <a:avLst/>
            <a:gdLst>
              <a:gd name="T0" fmla="*/ 2147483647 w 246"/>
              <a:gd name="T1" fmla="*/ 2147483647 h 216"/>
              <a:gd name="T2" fmla="*/ 2147483647 w 246"/>
              <a:gd name="T3" fmla="*/ 2147483647 h 216"/>
              <a:gd name="T4" fmla="*/ 2147483647 w 246"/>
              <a:gd name="T5" fmla="*/ 2147483647 h 216"/>
              <a:gd name="T6" fmla="*/ 2147483647 w 246"/>
              <a:gd name="T7" fmla="*/ 2147483647 h 216"/>
              <a:gd name="T8" fmla="*/ 2147483647 w 246"/>
              <a:gd name="T9" fmla="*/ 2147483647 h 216"/>
              <a:gd name="T10" fmla="*/ 2147483647 w 246"/>
              <a:gd name="T11" fmla="*/ 2147483647 h 216"/>
              <a:gd name="T12" fmla="*/ 2147483647 w 246"/>
              <a:gd name="T13" fmla="*/ 2147483647 h 216"/>
              <a:gd name="T14" fmla="*/ 2147483647 w 246"/>
              <a:gd name="T15" fmla="*/ 2147483647 h 216"/>
              <a:gd name="T16" fmla="*/ 2147483647 w 246"/>
              <a:gd name="T17" fmla="*/ 2147483647 h 216"/>
              <a:gd name="T18" fmla="*/ 2147483647 w 246"/>
              <a:gd name="T19" fmla="*/ 2147483647 h 216"/>
              <a:gd name="T20" fmla="*/ 2147483647 w 246"/>
              <a:gd name="T21" fmla="*/ 2147483647 h 216"/>
              <a:gd name="T22" fmla="*/ 2147483647 w 246"/>
              <a:gd name="T23" fmla="*/ 2147483647 h 216"/>
              <a:gd name="T24" fmla="*/ 2147483647 w 246"/>
              <a:gd name="T25" fmla="*/ 2147483647 h 216"/>
              <a:gd name="T26" fmla="*/ 2147483647 w 246"/>
              <a:gd name="T27" fmla="*/ 2147483647 h 216"/>
              <a:gd name="T28" fmla="*/ 2147483647 w 246"/>
              <a:gd name="T29" fmla="*/ 2147483647 h 216"/>
              <a:gd name="T30" fmla="*/ 2147483647 w 246"/>
              <a:gd name="T31" fmla="*/ 2147483647 h 216"/>
              <a:gd name="T32" fmla="*/ 2147483647 w 246"/>
              <a:gd name="T33" fmla="*/ 2147483647 h 216"/>
              <a:gd name="T34" fmla="*/ 2147483647 w 246"/>
              <a:gd name="T35" fmla="*/ 2147483647 h 216"/>
              <a:gd name="T36" fmla="*/ 2147483647 w 246"/>
              <a:gd name="T37" fmla="*/ 2147483647 h 216"/>
              <a:gd name="T38" fmla="*/ 2147483647 w 246"/>
              <a:gd name="T39" fmla="*/ 2147483647 h 216"/>
              <a:gd name="T40" fmla="*/ 2147483647 w 246"/>
              <a:gd name="T41" fmla="*/ 2147483647 h 216"/>
              <a:gd name="T42" fmla="*/ 2147483647 w 246"/>
              <a:gd name="T43" fmla="*/ 2147483647 h 216"/>
              <a:gd name="T44" fmla="*/ 2147483647 w 246"/>
              <a:gd name="T45" fmla="*/ 2147483647 h 216"/>
              <a:gd name="T46" fmla="*/ 2147483647 w 246"/>
              <a:gd name="T47" fmla="*/ 2147483647 h 216"/>
              <a:gd name="T48" fmla="*/ 2147483647 w 246"/>
              <a:gd name="T49" fmla="*/ 2147483647 h 216"/>
              <a:gd name="T50" fmla="*/ 2147483647 w 246"/>
              <a:gd name="T51" fmla="*/ 2147483647 h 216"/>
              <a:gd name="T52" fmla="*/ 0 w 246"/>
              <a:gd name="T53" fmla="*/ 2147483647 h 216"/>
              <a:gd name="T54" fmla="*/ 2147483647 w 246"/>
              <a:gd name="T55" fmla="*/ 2147483647 h 216"/>
              <a:gd name="T56" fmla="*/ 2147483647 w 246"/>
              <a:gd name="T57" fmla="*/ 2147483647 h 216"/>
              <a:gd name="T58" fmla="*/ 2147483647 w 246"/>
              <a:gd name="T59" fmla="*/ 2147483647 h 216"/>
              <a:gd name="T60" fmla="*/ 2147483647 w 246"/>
              <a:gd name="T61" fmla="*/ 2147483647 h 216"/>
              <a:gd name="T62" fmla="*/ 2147483647 w 246"/>
              <a:gd name="T63" fmla="*/ 2147483647 h 216"/>
              <a:gd name="T64" fmla="*/ 2147483647 w 246"/>
              <a:gd name="T65" fmla="*/ 2147483647 h 216"/>
              <a:gd name="T66" fmla="*/ 2147483647 w 246"/>
              <a:gd name="T67" fmla="*/ 2147483647 h 216"/>
              <a:gd name="T68" fmla="*/ 2147483647 w 246"/>
              <a:gd name="T69" fmla="*/ 2147483647 h 216"/>
              <a:gd name="T70" fmla="*/ 2147483647 w 246"/>
              <a:gd name="T71" fmla="*/ 2147483647 h 216"/>
              <a:gd name="T72" fmla="*/ 2147483647 w 246"/>
              <a:gd name="T73" fmla="*/ 2147483647 h 216"/>
              <a:gd name="T74" fmla="*/ 2147483647 w 246"/>
              <a:gd name="T75" fmla="*/ 2147483647 h 216"/>
              <a:gd name="T76" fmla="*/ 2147483647 w 246"/>
              <a:gd name="T77" fmla="*/ 2147483647 h 216"/>
              <a:gd name="T78" fmla="*/ 2147483647 w 246"/>
              <a:gd name="T79" fmla="*/ 0 h 216"/>
              <a:gd name="T80" fmla="*/ 2147483647 w 246"/>
              <a:gd name="T81" fmla="*/ 2147483647 h 21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0" t="0" r="r" b="b"/>
            <a:pathLst>
              <a:path w="246" h="216">
                <a:moveTo>
                  <a:pt x="168" y="6"/>
                </a:moveTo>
                <a:lnTo>
                  <a:pt x="186" y="24"/>
                </a:lnTo>
                <a:lnTo>
                  <a:pt x="208" y="30"/>
                </a:lnTo>
                <a:lnTo>
                  <a:pt x="218" y="36"/>
                </a:lnTo>
                <a:lnTo>
                  <a:pt x="236" y="54"/>
                </a:lnTo>
                <a:lnTo>
                  <a:pt x="244" y="74"/>
                </a:lnTo>
                <a:lnTo>
                  <a:pt x="242" y="94"/>
                </a:lnTo>
                <a:lnTo>
                  <a:pt x="246" y="120"/>
                </a:lnTo>
                <a:lnTo>
                  <a:pt x="230" y="122"/>
                </a:lnTo>
                <a:lnTo>
                  <a:pt x="230" y="144"/>
                </a:lnTo>
                <a:lnTo>
                  <a:pt x="208" y="154"/>
                </a:lnTo>
                <a:lnTo>
                  <a:pt x="188" y="154"/>
                </a:lnTo>
                <a:lnTo>
                  <a:pt x="172" y="160"/>
                </a:lnTo>
                <a:lnTo>
                  <a:pt x="160" y="160"/>
                </a:lnTo>
                <a:lnTo>
                  <a:pt x="138" y="190"/>
                </a:lnTo>
                <a:lnTo>
                  <a:pt x="126" y="204"/>
                </a:lnTo>
                <a:lnTo>
                  <a:pt x="108" y="200"/>
                </a:lnTo>
                <a:lnTo>
                  <a:pt x="94" y="208"/>
                </a:lnTo>
                <a:lnTo>
                  <a:pt x="66" y="216"/>
                </a:lnTo>
                <a:lnTo>
                  <a:pt x="64" y="206"/>
                </a:lnTo>
                <a:lnTo>
                  <a:pt x="54" y="206"/>
                </a:lnTo>
                <a:lnTo>
                  <a:pt x="50" y="212"/>
                </a:lnTo>
                <a:lnTo>
                  <a:pt x="38" y="210"/>
                </a:lnTo>
                <a:lnTo>
                  <a:pt x="34" y="196"/>
                </a:lnTo>
                <a:lnTo>
                  <a:pt x="12" y="170"/>
                </a:lnTo>
                <a:lnTo>
                  <a:pt x="14" y="152"/>
                </a:lnTo>
                <a:lnTo>
                  <a:pt x="0" y="132"/>
                </a:lnTo>
                <a:lnTo>
                  <a:pt x="8" y="128"/>
                </a:lnTo>
                <a:lnTo>
                  <a:pt x="8" y="118"/>
                </a:lnTo>
                <a:lnTo>
                  <a:pt x="8" y="88"/>
                </a:lnTo>
                <a:lnTo>
                  <a:pt x="24" y="84"/>
                </a:lnTo>
                <a:lnTo>
                  <a:pt x="22" y="62"/>
                </a:lnTo>
                <a:lnTo>
                  <a:pt x="54" y="40"/>
                </a:lnTo>
                <a:lnTo>
                  <a:pt x="72" y="50"/>
                </a:lnTo>
                <a:lnTo>
                  <a:pt x="74" y="34"/>
                </a:lnTo>
                <a:lnTo>
                  <a:pt x="84" y="30"/>
                </a:lnTo>
                <a:lnTo>
                  <a:pt x="108" y="24"/>
                </a:lnTo>
                <a:lnTo>
                  <a:pt x="126" y="10"/>
                </a:lnTo>
                <a:lnTo>
                  <a:pt x="146" y="8"/>
                </a:lnTo>
                <a:lnTo>
                  <a:pt x="160" y="0"/>
                </a:lnTo>
                <a:lnTo>
                  <a:pt x="168" y="6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56" name="Freeform 9"/>
          <p:cNvSpPr>
            <a:spLocks/>
          </p:cNvSpPr>
          <p:nvPr/>
        </p:nvSpPr>
        <p:spPr bwMode="auto">
          <a:xfrm>
            <a:off x="6362700" y="5170488"/>
            <a:ext cx="261938" cy="487362"/>
          </a:xfrm>
          <a:custGeom>
            <a:avLst/>
            <a:gdLst>
              <a:gd name="T0" fmla="*/ 2147483647 w 202"/>
              <a:gd name="T1" fmla="*/ 2147483647 h 376"/>
              <a:gd name="T2" fmla="*/ 2147483647 w 202"/>
              <a:gd name="T3" fmla="*/ 2147483647 h 376"/>
              <a:gd name="T4" fmla="*/ 0 w 202"/>
              <a:gd name="T5" fmla="*/ 2147483647 h 376"/>
              <a:gd name="T6" fmla="*/ 2147483647 w 202"/>
              <a:gd name="T7" fmla="*/ 2147483647 h 376"/>
              <a:gd name="T8" fmla="*/ 2147483647 w 202"/>
              <a:gd name="T9" fmla="*/ 0 h 376"/>
              <a:gd name="T10" fmla="*/ 2147483647 w 202"/>
              <a:gd name="T11" fmla="*/ 0 h 376"/>
              <a:gd name="T12" fmla="*/ 2147483647 w 202"/>
              <a:gd name="T13" fmla="*/ 2147483647 h 376"/>
              <a:gd name="T14" fmla="*/ 2147483647 w 202"/>
              <a:gd name="T15" fmla="*/ 2147483647 h 376"/>
              <a:gd name="T16" fmla="*/ 2147483647 w 202"/>
              <a:gd name="T17" fmla="*/ 2147483647 h 376"/>
              <a:gd name="T18" fmla="*/ 2147483647 w 202"/>
              <a:gd name="T19" fmla="*/ 2147483647 h 376"/>
              <a:gd name="T20" fmla="*/ 2147483647 w 202"/>
              <a:gd name="T21" fmla="*/ 2147483647 h 376"/>
              <a:gd name="T22" fmla="*/ 2147483647 w 202"/>
              <a:gd name="T23" fmla="*/ 2147483647 h 376"/>
              <a:gd name="T24" fmla="*/ 2147483647 w 202"/>
              <a:gd name="T25" fmla="*/ 2147483647 h 376"/>
              <a:gd name="T26" fmla="*/ 2147483647 w 202"/>
              <a:gd name="T27" fmla="*/ 2147483647 h 376"/>
              <a:gd name="T28" fmla="*/ 2147483647 w 202"/>
              <a:gd name="T29" fmla="*/ 2147483647 h 376"/>
              <a:gd name="T30" fmla="*/ 2147483647 w 202"/>
              <a:gd name="T31" fmla="*/ 2147483647 h 376"/>
              <a:gd name="T32" fmla="*/ 2147483647 w 202"/>
              <a:gd name="T33" fmla="*/ 2147483647 h 376"/>
              <a:gd name="T34" fmla="*/ 2147483647 w 202"/>
              <a:gd name="T35" fmla="*/ 2147483647 h 376"/>
              <a:gd name="T36" fmla="*/ 2147483647 w 202"/>
              <a:gd name="T37" fmla="*/ 2147483647 h 376"/>
              <a:gd name="T38" fmla="*/ 2147483647 w 202"/>
              <a:gd name="T39" fmla="*/ 2147483647 h 376"/>
              <a:gd name="T40" fmla="*/ 2147483647 w 202"/>
              <a:gd name="T41" fmla="*/ 2147483647 h 376"/>
              <a:gd name="T42" fmla="*/ 2147483647 w 202"/>
              <a:gd name="T43" fmla="*/ 2147483647 h 376"/>
              <a:gd name="T44" fmla="*/ 2147483647 w 202"/>
              <a:gd name="T45" fmla="*/ 2147483647 h 376"/>
              <a:gd name="T46" fmla="*/ 2147483647 w 202"/>
              <a:gd name="T47" fmla="*/ 2147483647 h 376"/>
              <a:gd name="T48" fmla="*/ 2147483647 w 202"/>
              <a:gd name="T49" fmla="*/ 2147483647 h 376"/>
              <a:gd name="T50" fmla="*/ 2147483647 w 202"/>
              <a:gd name="T51" fmla="*/ 2147483647 h 376"/>
              <a:gd name="T52" fmla="*/ 2147483647 w 202"/>
              <a:gd name="T53" fmla="*/ 2147483647 h 376"/>
              <a:gd name="T54" fmla="*/ 2147483647 w 202"/>
              <a:gd name="T55" fmla="*/ 2147483647 h 376"/>
              <a:gd name="T56" fmla="*/ 2147483647 w 202"/>
              <a:gd name="T57" fmla="*/ 2147483647 h 376"/>
              <a:gd name="T58" fmla="*/ 2147483647 w 202"/>
              <a:gd name="T59" fmla="*/ 2147483647 h 376"/>
              <a:gd name="T60" fmla="*/ 2147483647 w 202"/>
              <a:gd name="T61" fmla="*/ 2147483647 h 376"/>
              <a:gd name="T62" fmla="*/ 2147483647 w 202"/>
              <a:gd name="T63" fmla="*/ 2147483647 h 376"/>
              <a:gd name="T64" fmla="*/ 2147483647 w 202"/>
              <a:gd name="T65" fmla="*/ 2147483647 h 376"/>
              <a:gd name="T66" fmla="*/ 2147483647 w 202"/>
              <a:gd name="T67" fmla="*/ 2147483647 h 376"/>
              <a:gd name="T68" fmla="*/ 2147483647 w 202"/>
              <a:gd name="T69" fmla="*/ 2147483647 h 376"/>
              <a:gd name="T70" fmla="*/ 2147483647 w 202"/>
              <a:gd name="T71" fmla="*/ 2147483647 h 376"/>
              <a:gd name="T72" fmla="*/ 2147483647 w 202"/>
              <a:gd name="T73" fmla="*/ 2147483647 h 376"/>
              <a:gd name="T74" fmla="*/ 2147483647 w 202"/>
              <a:gd name="T75" fmla="*/ 2147483647 h 376"/>
              <a:gd name="T76" fmla="*/ 2147483647 w 202"/>
              <a:gd name="T77" fmla="*/ 2147483647 h 376"/>
              <a:gd name="T78" fmla="*/ 2147483647 w 202"/>
              <a:gd name="T79" fmla="*/ 2147483647 h 376"/>
              <a:gd name="T80" fmla="*/ 2147483647 w 202"/>
              <a:gd name="T81" fmla="*/ 2147483647 h 376"/>
              <a:gd name="T82" fmla="*/ 2147483647 w 202"/>
              <a:gd name="T83" fmla="*/ 2147483647 h 376"/>
              <a:gd name="T84" fmla="*/ 2147483647 w 202"/>
              <a:gd name="T85" fmla="*/ 2147483647 h 376"/>
              <a:gd name="T86" fmla="*/ 2147483647 w 202"/>
              <a:gd name="T87" fmla="*/ 2147483647 h 376"/>
              <a:gd name="T88" fmla="*/ 2147483647 w 202"/>
              <a:gd name="T89" fmla="*/ 2147483647 h 376"/>
              <a:gd name="T90" fmla="*/ 2147483647 w 202"/>
              <a:gd name="T91" fmla="*/ 2147483647 h 376"/>
              <a:gd name="T92" fmla="*/ 2147483647 w 202"/>
              <a:gd name="T93" fmla="*/ 2147483647 h 376"/>
              <a:gd name="T94" fmla="*/ 2147483647 w 202"/>
              <a:gd name="T95" fmla="*/ 2147483647 h 376"/>
              <a:gd name="T96" fmla="*/ 2147483647 w 202"/>
              <a:gd name="T97" fmla="*/ 2147483647 h 376"/>
              <a:gd name="T98" fmla="*/ 2147483647 w 202"/>
              <a:gd name="T99" fmla="*/ 2147483647 h 376"/>
              <a:gd name="T100" fmla="*/ 2147483647 w 202"/>
              <a:gd name="T101" fmla="*/ 2147483647 h 376"/>
              <a:gd name="T102" fmla="*/ 2147483647 w 202"/>
              <a:gd name="T103" fmla="*/ 2147483647 h 376"/>
              <a:gd name="T104" fmla="*/ 2147483647 w 202"/>
              <a:gd name="T105" fmla="*/ 2147483647 h 376"/>
              <a:gd name="T106" fmla="*/ 2147483647 w 202"/>
              <a:gd name="T107" fmla="*/ 2147483647 h 376"/>
              <a:gd name="T108" fmla="*/ 2147483647 w 202"/>
              <a:gd name="T109" fmla="*/ 2147483647 h 376"/>
              <a:gd name="T110" fmla="*/ 2147483647 w 202"/>
              <a:gd name="T111" fmla="*/ 2147483647 h 376"/>
              <a:gd name="T112" fmla="*/ 2147483647 w 202"/>
              <a:gd name="T113" fmla="*/ 2147483647 h 376"/>
              <a:gd name="T114" fmla="*/ 2147483647 w 202"/>
              <a:gd name="T115" fmla="*/ 2147483647 h 376"/>
              <a:gd name="T116" fmla="*/ 2147483647 w 202"/>
              <a:gd name="T117" fmla="*/ 2147483647 h 376"/>
              <a:gd name="T118" fmla="*/ 2147483647 w 202"/>
              <a:gd name="T119" fmla="*/ 2147483647 h 376"/>
              <a:gd name="T120" fmla="*/ 2147483647 w 202"/>
              <a:gd name="T121" fmla="*/ 2147483647 h 37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202" h="376">
                <a:moveTo>
                  <a:pt x="8" y="102"/>
                </a:moveTo>
                <a:lnTo>
                  <a:pt x="10" y="70"/>
                </a:lnTo>
                <a:lnTo>
                  <a:pt x="0" y="60"/>
                </a:lnTo>
                <a:lnTo>
                  <a:pt x="6" y="50"/>
                </a:lnTo>
                <a:lnTo>
                  <a:pt x="30" y="0"/>
                </a:lnTo>
                <a:lnTo>
                  <a:pt x="42" y="0"/>
                </a:lnTo>
                <a:lnTo>
                  <a:pt x="38" y="10"/>
                </a:lnTo>
                <a:lnTo>
                  <a:pt x="46" y="20"/>
                </a:lnTo>
                <a:lnTo>
                  <a:pt x="68" y="4"/>
                </a:lnTo>
                <a:lnTo>
                  <a:pt x="82" y="10"/>
                </a:lnTo>
                <a:lnTo>
                  <a:pt x="86" y="24"/>
                </a:lnTo>
                <a:lnTo>
                  <a:pt x="116" y="36"/>
                </a:lnTo>
                <a:lnTo>
                  <a:pt x="130" y="66"/>
                </a:lnTo>
                <a:lnTo>
                  <a:pt x="132" y="84"/>
                </a:lnTo>
                <a:lnTo>
                  <a:pt x="132" y="106"/>
                </a:lnTo>
                <a:lnTo>
                  <a:pt x="132" y="124"/>
                </a:lnTo>
                <a:lnTo>
                  <a:pt x="124" y="128"/>
                </a:lnTo>
                <a:lnTo>
                  <a:pt x="138" y="148"/>
                </a:lnTo>
                <a:lnTo>
                  <a:pt x="136" y="166"/>
                </a:lnTo>
                <a:lnTo>
                  <a:pt x="158" y="192"/>
                </a:lnTo>
                <a:lnTo>
                  <a:pt x="162" y="206"/>
                </a:lnTo>
                <a:lnTo>
                  <a:pt x="174" y="208"/>
                </a:lnTo>
                <a:lnTo>
                  <a:pt x="178" y="202"/>
                </a:lnTo>
                <a:lnTo>
                  <a:pt x="188" y="202"/>
                </a:lnTo>
                <a:lnTo>
                  <a:pt x="190" y="212"/>
                </a:lnTo>
                <a:lnTo>
                  <a:pt x="192" y="226"/>
                </a:lnTo>
                <a:lnTo>
                  <a:pt x="202" y="234"/>
                </a:lnTo>
                <a:lnTo>
                  <a:pt x="194" y="260"/>
                </a:lnTo>
                <a:lnTo>
                  <a:pt x="182" y="262"/>
                </a:lnTo>
                <a:lnTo>
                  <a:pt x="174" y="288"/>
                </a:lnTo>
                <a:lnTo>
                  <a:pt x="174" y="308"/>
                </a:lnTo>
                <a:lnTo>
                  <a:pt x="168" y="316"/>
                </a:lnTo>
                <a:lnTo>
                  <a:pt x="154" y="316"/>
                </a:lnTo>
                <a:lnTo>
                  <a:pt x="142" y="334"/>
                </a:lnTo>
                <a:lnTo>
                  <a:pt x="152" y="348"/>
                </a:lnTo>
                <a:lnTo>
                  <a:pt x="152" y="358"/>
                </a:lnTo>
                <a:lnTo>
                  <a:pt x="144" y="358"/>
                </a:lnTo>
                <a:lnTo>
                  <a:pt x="144" y="368"/>
                </a:lnTo>
                <a:lnTo>
                  <a:pt x="130" y="376"/>
                </a:lnTo>
                <a:lnTo>
                  <a:pt x="114" y="374"/>
                </a:lnTo>
                <a:lnTo>
                  <a:pt x="114" y="356"/>
                </a:lnTo>
                <a:lnTo>
                  <a:pt x="90" y="330"/>
                </a:lnTo>
                <a:lnTo>
                  <a:pt x="54" y="318"/>
                </a:lnTo>
                <a:lnTo>
                  <a:pt x="32" y="292"/>
                </a:lnTo>
                <a:lnTo>
                  <a:pt x="48" y="294"/>
                </a:lnTo>
                <a:lnTo>
                  <a:pt x="48" y="282"/>
                </a:lnTo>
                <a:lnTo>
                  <a:pt x="44" y="272"/>
                </a:lnTo>
                <a:lnTo>
                  <a:pt x="28" y="262"/>
                </a:lnTo>
                <a:lnTo>
                  <a:pt x="34" y="230"/>
                </a:lnTo>
                <a:lnTo>
                  <a:pt x="42" y="226"/>
                </a:lnTo>
                <a:lnTo>
                  <a:pt x="44" y="220"/>
                </a:lnTo>
                <a:lnTo>
                  <a:pt x="34" y="204"/>
                </a:lnTo>
                <a:lnTo>
                  <a:pt x="38" y="186"/>
                </a:lnTo>
                <a:lnTo>
                  <a:pt x="24" y="160"/>
                </a:lnTo>
                <a:lnTo>
                  <a:pt x="34" y="150"/>
                </a:lnTo>
                <a:lnTo>
                  <a:pt x="32" y="140"/>
                </a:lnTo>
                <a:lnTo>
                  <a:pt x="40" y="136"/>
                </a:lnTo>
                <a:lnTo>
                  <a:pt x="36" y="126"/>
                </a:lnTo>
                <a:lnTo>
                  <a:pt x="34" y="106"/>
                </a:lnTo>
                <a:lnTo>
                  <a:pt x="24" y="102"/>
                </a:lnTo>
                <a:lnTo>
                  <a:pt x="8" y="102"/>
                </a:lnTo>
                <a:close/>
              </a:path>
            </a:pathLst>
          </a:custGeom>
          <a:solidFill>
            <a:srgbClr val="80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57" name="Freeform 10"/>
          <p:cNvSpPr>
            <a:spLocks/>
          </p:cNvSpPr>
          <p:nvPr/>
        </p:nvSpPr>
        <p:spPr bwMode="auto">
          <a:xfrm>
            <a:off x="6700838" y="4751388"/>
            <a:ext cx="752475" cy="569912"/>
          </a:xfrm>
          <a:custGeom>
            <a:avLst/>
            <a:gdLst>
              <a:gd name="T0" fmla="*/ 2147483647 w 580"/>
              <a:gd name="T1" fmla="*/ 2147483647 h 440"/>
              <a:gd name="T2" fmla="*/ 2147483647 w 580"/>
              <a:gd name="T3" fmla="*/ 2147483647 h 440"/>
              <a:gd name="T4" fmla="*/ 2147483647 w 580"/>
              <a:gd name="T5" fmla="*/ 2147483647 h 440"/>
              <a:gd name="T6" fmla="*/ 2147483647 w 580"/>
              <a:gd name="T7" fmla="*/ 2147483647 h 440"/>
              <a:gd name="T8" fmla="*/ 2147483647 w 580"/>
              <a:gd name="T9" fmla="*/ 2147483647 h 440"/>
              <a:gd name="T10" fmla="*/ 2147483647 w 580"/>
              <a:gd name="T11" fmla="*/ 2147483647 h 440"/>
              <a:gd name="T12" fmla="*/ 2147483647 w 580"/>
              <a:gd name="T13" fmla="*/ 2147483647 h 440"/>
              <a:gd name="T14" fmla="*/ 2147483647 w 580"/>
              <a:gd name="T15" fmla="*/ 2147483647 h 440"/>
              <a:gd name="T16" fmla="*/ 2147483647 w 580"/>
              <a:gd name="T17" fmla="*/ 2147483647 h 440"/>
              <a:gd name="T18" fmla="*/ 2147483647 w 580"/>
              <a:gd name="T19" fmla="*/ 0 h 440"/>
              <a:gd name="T20" fmla="*/ 2147483647 w 580"/>
              <a:gd name="T21" fmla="*/ 0 h 440"/>
              <a:gd name="T22" fmla="*/ 2147483647 w 580"/>
              <a:gd name="T23" fmla="*/ 0 h 440"/>
              <a:gd name="T24" fmla="*/ 2147483647 w 580"/>
              <a:gd name="T25" fmla="*/ 2147483647 h 440"/>
              <a:gd name="T26" fmla="*/ 2147483647 w 580"/>
              <a:gd name="T27" fmla="*/ 2147483647 h 440"/>
              <a:gd name="T28" fmla="*/ 2147483647 w 580"/>
              <a:gd name="T29" fmla="*/ 2147483647 h 440"/>
              <a:gd name="T30" fmla="*/ 2147483647 w 580"/>
              <a:gd name="T31" fmla="*/ 2147483647 h 440"/>
              <a:gd name="T32" fmla="*/ 2147483647 w 580"/>
              <a:gd name="T33" fmla="*/ 2147483647 h 440"/>
              <a:gd name="T34" fmla="*/ 2147483647 w 580"/>
              <a:gd name="T35" fmla="*/ 2147483647 h 440"/>
              <a:gd name="T36" fmla="*/ 2147483647 w 580"/>
              <a:gd name="T37" fmla="*/ 2147483647 h 440"/>
              <a:gd name="T38" fmla="*/ 2147483647 w 580"/>
              <a:gd name="T39" fmla="*/ 2147483647 h 440"/>
              <a:gd name="T40" fmla="*/ 2147483647 w 580"/>
              <a:gd name="T41" fmla="*/ 2147483647 h 440"/>
              <a:gd name="T42" fmla="*/ 2147483647 w 580"/>
              <a:gd name="T43" fmla="*/ 2147483647 h 440"/>
              <a:gd name="T44" fmla="*/ 2147483647 w 580"/>
              <a:gd name="T45" fmla="*/ 2147483647 h 440"/>
              <a:gd name="T46" fmla="*/ 2147483647 w 580"/>
              <a:gd name="T47" fmla="*/ 2147483647 h 440"/>
              <a:gd name="T48" fmla="*/ 2147483647 w 580"/>
              <a:gd name="T49" fmla="*/ 2147483647 h 440"/>
              <a:gd name="T50" fmla="*/ 2147483647 w 580"/>
              <a:gd name="T51" fmla="*/ 2147483647 h 440"/>
              <a:gd name="T52" fmla="*/ 2147483647 w 580"/>
              <a:gd name="T53" fmla="*/ 2147483647 h 440"/>
              <a:gd name="T54" fmla="*/ 2147483647 w 580"/>
              <a:gd name="T55" fmla="*/ 2147483647 h 440"/>
              <a:gd name="T56" fmla="*/ 2147483647 w 580"/>
              <a:gd name="T57" fmla="*/ 2147483647 h 440"/>
              <a:gd name="T58" fmla="*/ 2147483647 w 580"/>
              <a:gd name="T59" fmla="*/ 2147483647 h 440"/>
              <a:gd name="T60" fmla="*/ 2147483647 w 580"/>
              <a:gd name="T61" fmla="*/ 2147483647 h 440"/>
              <a:gd name="T62" fmla="*/ 2147483647 w 580"/>
              <a:gd name="T63" fmla="*/ 2147483647 h 440"/>
              <a:gd name="T64" fmla="*/ 2147483647 w 580"/>
              <a:gd name="T65" fmla="*/ 2147483647 h 440"/>
              <a:gd name="T66" fmla="*/ 2147483647 w 580"/>
              <a:gd name="T67" fmla="*/ 2147483647 h 440"/>
              <a:gd name="T68" fmla="*/ 2147483647 w 580"/>
              <a:gd name="T69" fmla="*/ 2147483647 h 440"/>
              <a:gd name="T70" fmla="*/ 2147483647 w 580"/>
              <a:gd name="T71" fmla="*/ 2147483647 h 440"/>
              <a:gd name="T72" fmla="*/ 2147483647 w 580"/>
              <a:gd name="T73" fmla="*/ 2147483647 h 440"/>
              <a:gd name="T74" fmla="*/ 2147483647 w 580"/>
              <a:gd name="T75" fmla="*/ 2147483647 h 440"/>
              <a:gd name="T76" fmla="*/ 2147483647 w 580"/>
              <a:gd name="T77" fmla="*/ 2147483647 h 440"/>
              <a:gd name="T78" fmla="*/ 2147483647 w 580"/>
              <a:gd name="T79" fmla="*/ 2147483647 h 440"/>
              <a:gd name="T80" fmla="*/ 2147483647 w 580"/>
              <a:gd name="T81" fmla="*/ 2147483647 h 440"/>
              <a:gd name="T82" fmla="*/ 2147483647 w 580"/>
              <a:gd name="T83" fmla="*/ 2147483647 h 440"/>
              <a:gd name="T84" fmla="*/ 2147483647 w 580"/>
              <a:gd name="T85" fmla="*/ 2147483647 h 440"/>
              <a:gd name="T86" fmla="*/ 2147483647 w 580"/>
              <a:gd name="T87" fmla="*/ 2147483647 h 440"/>
              <a:gd name="T88" fmla="*/ 2147483647 w 580"/>
              <a:gd name="T89" fmla="*/ 2147483647 h 440"/>
              <a:gd name="T90" fmla="*/ 2147483647 w 580"/>
              <a:gd name="T91" fmla="*/ 2147483647 h 440"/>
              <a:gd name="T92" fmla="*/ 2147483647 w 580"/>
              <a:gd name="T93" fmla="*/ 2147483647 h 440"/>
              <a:gd name="T94" fmla="*/ 2147483647 w 580"/>
              <a:gd name="T95" fmla="*/ 2147483647 h 440"/>
              <a:gd name="T96" fmla="*/ 2147483647 w 580"/>
              <a:gd name="T97" fmla="*/ 2147483647 h 440"/>
              <a:gd name="T98" fmla="*/ 2147483647 w 580"/>
              <a:gd name="T99" fmla="*/ 2147483647 h 440"/>
              <a:gd name="T100" fmla="*/ 2147483647 w 580"/>
              <a:gd name="T101" fmla="*/ 2147483647 h 440"/>
              <a:gd name="T102" fmla="*/ 2147483647 w 580"/>
              <a:gd name="T103" fmla="*/ 2147483647 h 440"/>
              <a:gd name="T104" fmla="*/ 2147483647 w 580"/>
              <a:gd name="T105" fmla="*/ 2147483647 h 440"/>
              <a:gd name="T106" fmla="*/ 2147483647 w 580"/>
              <a:gd name="T107" fmla="*/ 2147483647 h 440"/>
              <a:gd name="T108" fmla="*/ 0 w 580"/>
              <a:gd name="T109" fmla="*/ 2147483647 h 440"/>
              <a:gd name="T110" fmla="*/ 2147483647 w 580"/>
              <a:gd name="T111" fmla="*/ 2147483647 h 440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580" h="440">
                <a:moveTo>
                  <a:pt x="18" y="68"/>
                </a:moveTo>
                <a:lnTo>
                  <a:pt x="36" y="84"/>
                </a:lnTo>
                <a:lnTo>
                  <a:pt x="50" y="84"/>
                </a:lnTo>
                <a:lnTo>
                  <a:pt x="54" y="94"/>
                </a:lnTo>
                <a:lnTo>
                  <a:pt x="38" y="108"/>
                </a:lnTo>
                <a:lnTo>
                  <a:pt x="42" y="118"/>
                </a:lnTo>
                <a:lnTo>
                  <a:pt x="58" y="122"/>
                </a:lnTo>
                <a:lnTo>
                  <a:pt x="86" y="110"/>
                </a:lnTo>
                <a:lnTo>
                  <a:pt x="140" y="110"/>
                </a:lnTo>
                <a:lnTo>
                  <a:pt x="168" y="120"/>
                </a:lnTo>
                <a:lnTo>
                  <a:pt x="200" y="100"/>
                </a:lnTo>
                <a:lnTo>
                  <a:pt x="234" y="102"/>
                </a:lnTo>
                <a:lnTo>
                  <a:pt x="266" y="96"/>
                </a:lnTo>
                <a:lnTo>
                  <a:pt x="280" y="102"/>
                </a:lnTo>
                <a:lnTo>
                  <a:pt x="310" y="88"/>
                </a:lnTo>
                <a:lnTo>
                  <a:pt x="334" y="54"/>
                </a:lnTo>
                <a:lnTo>
                  <a:pt x="352" y="32"/>
                </a:lnTo>
                <a:lnTo>
                  <a:pt x="382" y="24"/>
                </a:lnTo>
                <a:lnTo>
                  <a:pt x="414" y="2"/>
                </a:lnTo>
                <a:lnTo>
                  <a:pt x="444" y="0"/>
                </a:lnTo>
                <a:lnTo>
                  <a:pt x="458" y="8"/>
                </a:lnTo>
                <a:lnTo>
                  <a:pt x="478" y="0"/>
                </a:lnTo>
                <a:lnTo>
                  <a:pt x="488" y="8"/>
                </a:lnTo>
                <a:lnTo>
                  <a:pt x="506" y="0"/>
                </a:lnTo>
                <a:lnTo>
                  <a:pt x="522" y="20"/>
                </a:lnTo>
                <a:lnTo>
                  <a:pt x="570" y="20"/>
                </a:lnTo>
                <a:lnTo>
                  <a:pt x="574" y="30"/>
                </a:lnTo>
                <a:lnTo>
                  <a:pt x="580" y="38"/>
                </a:lnTo>
                <a:lnTo>
                  <a:pt x="580" y="50"/>
                </a:lnTo>
                <a:lnTo>
                  <a:pt x="576" y="60"/>
                </a:lnTo>
                <a:lnTo>
                  <a:pt x="564" y="66"/>
                </a:lnTo>
                <a:lnTo>
                  <a:pt x="554" y="68"/>
                </a:lnTo>
                <a:lnTo>
                  <a:pt x="546" y="70"/>
                </a:lnTo>
                <a:lnTo>
                  <a:pt x="538" y="80"/>
                </a:lnTo>
                <a:lnTo>
                  <a:pt x="534" y="90"/>
                </a:lnTo>
                <a:lnTo>
                  <a:pt x="530" y="108"/>
                </a:lnTo>
                <a:lnTo>
                  <a:pt x="534" y="120"/>
                </a:lnTo>
                <a:lnTo>
                  <a:pt x="534" y="136"/>
                </a:lnTo>
                <a:lnTo>
                  <a:pt x="538" y="154"/>
                </a:lnTo>
                <a:lnTo>
                  <a:pt x="540" y="160"/>
                </a:lnTo>
                <a:lnTo>
                  <a:pt x="540" y="164"/>
                </a:lnTo>
                <a:lnTo>
                  <a:pt x="528" y="170"/>
                </a:lnTo>
                <a:lnTo>
                  <a:pt x="520" y="180"/>
                </a:lnTo>
                <a:lnTo>
                  <a:pt x="522" y="188"/>
                </a:lnTo>
                <a:lnTo>
                  <a:pt x="510" y="194"/>
                </a:lnTo>
                <a:lnTo>
                  <a:pt x="510" y="200"/>
                </a:lnTo>
                <a:lnTo>
                  <a:pt x="514" y="206"/>
                </a:lnTo>
                <a:lnTo>
                  <a:pt x="524" y="206"/>
                </a:lnTo>
                <a:lnTo>
                  <a:pt x="540" y="216"/>
                </a:lnTo>
                <a:lnTo>
                  <a:pt x="548" y="230"/>
                </a:lnTo>
                <a:lnTo>
                  <a:pt x="564" y="238"/>
                </a:lnTo>
                <a:lnTo>
                  <a:pt x="574" y="250"/>
                </a:lnTo>
                <a:lnTo>
                  <a:pt x="560" y="254"/>
                </a:lnTo>
                <a:lnTo>
                  <a:pt x="560" y="262"/>
                </a:lnTo>
                <a:lnTo>
                  <a:pt x="540" y="264"/>
                </a:lnTo>
                <a:lnTo>
                  <a:pt x="538" y="268"/>
                </a:lnTo>
                <a:lnTo>
                  <a:pt x="524" y="268"/>
                </a:lnTo>
                <a:lnTo>
                  <a:pt x="504" y="254"/>
                </a:lnTo>
                <a:lnTo>
                  <a:pt x="500" y="262"/>
                </a:lnTo>
                <a:lnTo>
                  <a:pt x="482" y="262"/>
                </a:lnTo>
                <a:lnTo>
                  <a:pt x="476" y="274"/>
                </a:lnTo>
                <a:lnTo>
                  <a:pt x="456" y="284"/>
                </a:lnTo>
                <a:lnTo>
                  <a:pt x="448" y="286"/>
                </a:lnTo>
                <a:lnTo>
                  <a:pt x="442" y="292"/>
                </a:lnTo>
                <a:lnTo>
                  <a:pt x="442" y="302"/>
                </a:lnTo>
                <a:lnTo>
                  <a:pt x="438" y="306"/>
                </a:lnTo>
                <a:lnTo>
                  <a:pt x="430" y="310"/>
                </a:lnTo>
                <a:lnTo>
                  <a:pt x="422" y="316"/>
                </a:lnTo>
                <a:lnTo>
                  <a:pt x="424" y="328"/>
                </a:lnTo>
                <a:lnTo>
                  <a:pt x="408" y="324"/>
                </a:lnTo>
                <a:lnTo>
                  <a:pt x="398" y="334"/>
                </a:lnTo>
                <a:lnTo>
                  <a:pt x="416" y="350"/>
                </a:lnTo>
                <a:lnTo>
                  <a:pt x="420" y="370"/>
                </a:lnTo>
                <a:lnTo>
                  <a:pt x="398" y="384"/>
                </a:lnTo>
                <a:lnTo>
                  <a:pt x="368" y="390"/>
                </a:lnTo>
                <a:lnTo>
                  <a:pt x="336" y="410"/>
                </a:lnTo>
                <a:lnTo>
                  <a:pt x="316" y="396"/>
                </a:lnTo>
                <a:lnTo>
                  <a:pt x="290" y="396"/>
                </a:lnTo>
                <a:lnTo>
                  <a:pt x="288" y="406"/>
                </a:lnTo>
                <a:lnTo>
                  <a:pt x="252" y="382"/>
                </a:lnTo>
                <a:lnTo>
                  <a:pt x="244" y="390"/>
                </a:lnTo>
                <a:lnTo>
                  <a:pt x="224" y="388"/>
                </a:lnTo>
                <a:lnTo>
                  <a:pt x="210" y="404"/>
                </a:lnTo>
                <a:lnTo>
                  <a:pt x="174" y="424"/>
                </a:lnTo>
                <a:lnTo>
                  <a:pt x="142" y="428"/>
                </a:lnTo>
                <a:lnTo>
                  <a:pt x="132" y="438"/>
                </a:lnTo>
                <a:lnTo>
                  <a:pt x="108" y="440"/>
                </a:lnTo>
                <a:lnTo>
                  <a:pt x="104" y="414"/>
                </a:lnTo>
                <a:lnTo>
                  <a:pt x="104" y="400"/>
                </a:lnTo>
                <a:lnTo>
                  <a:pt x="106" y="394"/>
                </a:lnTo>
                <a:lnTo>
                  <a:pt x="98" y="374"/>
                </a:lnTo>
                <a:lnTo>
                  <a:pt x="80" y="356"/>
                </a:lnTo>
                <a:lnTo>
                  <a:pt x="70" y="350"/>
                </a:lnTo>
                <a:lnTo>
                  <a:pt x="48" y="344"/>
                </a:lnTo>
                <a:lnTo>
                  <a:pt x="30" y="326"/>
                </a:lnTo>
                <a:lnTo>
                  <a:pt x="38" y="316"/>
                </a:lnTo>
                <a:lnTo>
                  <a:pt x="42" y="298"/>
                </a:lnTo>
                <a:lnTo>
                  <a:pt x="34" y="292"/>
                </a:lnTo>
                <a:lnTo>
                  <a:pt x="28" y="260"/>
                </a:lnTo>
                <a:lnTo>
                  <a:pt x="38" y="248"/>
                </a:lnTo>
                <a:lnTo>
                  <a:pt x="50" y="244"/>
                </a:lnTo>
                <a:lnTo>
                  <a:pt x="52" y="230"/>
                </a:lnTo>
                <a:lnTo>
                  <a:pt x="64" y="220"/>
                </a:lnTo>
                <a:lnTo>
                  <a:pt x="70" y="202"/>
                </a:lnTo>
                <a:lnTo>
                  <a:pt x="56" y="192"/>
                </a:lnTo>
                <a:lnTo>
                  <a:pt x="38" y="180"/>
                </a:lnTo>
                <a:lnTo>
                  <a:pt x="20" y="166"/>
                </a:lnTo>
                <a:lnTo>
                  <a:pt x="10" y="150"/>
                </a:lnTo>
                <a:lnTo>
                  <a:pt x="0" y="134"/>
                </a:lnTo>
                <a:lnTo>
                  <a:pt x="0" y="106"/>
                </a:lnTo>
                <a:lnTo>
                  <a:pt x="12" y="94"/>
                </a:lnTo>
                <a:lnTo>
                  <a:pt x="18" y="68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58" name="Freeform 11"/>
          <p:cNvSpPr>
            <a:spLocks/>
          </p:cNvSpPr>
          <p:nvPr/>
        </p:nvSpPr>
        <p:spPr bwMode="auto">
          <a:xfrm>
            <a:off x="7038975" y="4033838"/>
            <a:ext cx="463550" cy="466725"/>
          </a:xfrm>
          <a:custGeom>
            <a:avLst/>
            <a:gdLst>
              <a:gd name="T0" fmla="*/ 2147483647 w 358"/>
              <a:gd name="T1" fmla="*/ 2147483647 h 360"/>
              <a:gd name="T2" fmla="*/ 2147483647 w 358"/>
              <a:gd name="T3" fmla="*/ 2147483647 h 360"/>
              <a:gd name="T4" fmla="*/ 2147483647 w 358"/>
              <a:gd name="T5" fmla="*/ 2147483647 h 360"/>
              <a:gd name="T6" fmla="*/ 2147483647 w 358"/>
              <a:gd name="T7" fmla="*/ 2147483647 h 360"/>
              <a:gd name="T8" fmla="*/ 2147483647 w 358"/>
              <a:gd name="T9" fmla="*/ 2147483647 h 360"/>
              <a:gd name="T10" fmla="*/ 2147483647 w 358"/>
              <a:gd name="T11" fmla="*/ 2147483647 h 360"/>
              <a:gd name="T12" fmla="*/ 2147483647 w 358"/>
              <a:gd name="T13" fmla="*/ 2147483647 h 360"/>
              <a:gd name="T14" fmla="*/ 2147483647 w 358"/>
              <a:gd name="T15" fmla="*/ 2147483647 h 360"/>
              <a:gd name="T16" fmla="*/ 2147483647 w 358"/>
              <a:gd name="T17" fmla="*/ 2147483647 h 360"/>
              <a:gd name="T18" fmla="*/ 2147483647 w 358"/>
              <a:gd name="T19" fmla="*/ 2147483647 h 360"/>
              <a:gd name="T20" fmla="*/ 2147483647 w 358"/>
              <a:gd name="T21" fmla="*/ 2147483647 h 360"/>
              <a:gd name="T22" fmla="*/ 2147483647 w 358"/>
              <a:gd name="T23" fmla="*/ 2147483647 h 360"/>
              <a:gd name="T24" fmla="*/ 2147483647 w 358"/>
              <a:gd name="T25" fmla="*/ 2147483647 h 360"/>
              <a:gd name="T26" fmla="*/ 2147483647 w 358"/>
              <a:gd name="T27" fmla="*/ 2147483647 h 360"/>
              <a:gd name="T28" fmla="*/ 2147483647 w 358"/>
              <a:gd name="T29" fmla="*/ 2147483647 h 360"/>
              <a:gd name="T30" fmla="*/ 0 w 358"/>
              <a:gd name="T31" fmla="*/ 2147483647 h 360"/>
              <a:gd name="T32" fmla="*/ 2147483647 w 358"/>
              <a:gd name="T33" fmla="*/ 2147483647 h 360"/>
              <a:gd name="T34" fmla="*/ 2147483647 w 358"/>
              <a:gd name="T35" fmla="*/ 2147483647 h 360"/>
              <a:gd name="T36" fmla="*/ 2147483647 w 358"/>
              <a:gd name="T37" fmla="*/ 2147483647 h 360"/>
              <a:gd name="T38" fmla="*/ 2147483647 w 358"/>
              <a:gd name="T39" fmla="*/ 2147483647 h 360"/>
              <a:gd name="T40" fmla="*/ 2147483647 w 358"/>
              <a:gd name="T41" fmla="*/ 0 h 360"/>
              <a:gd name="T42" fmla="*/ 2147483647 w 358"/>
              <a:gd name="T43" fmla="*/ 0 h 360"/>
              <a:gd name="T44" fmla="*/ 2147483647 w 358"/>
              <a:gd name="T45" fmla="*/ 2147483647 h 360"/>
              <a:gd name="T46" fmla="*/ 2147483647 w 358"/>
              <a:gd name="T47" fmla="*/ 2147483647 h 360"/>
              <a:gd name="T48" fmla="*/ 2147483647 w 358"/>
              <a:gd name="T49" fmla="*/ 2147483647 h 360"/>
              <a:gd name="T50" fmla="*/ 2147483647 w 358"/>
              <a:gd name="T51" fmla="*/ 2147483647 h 360"/>
              <a:gd name="T52" fmla="*/ 2147483647 w 358"/>
              <a:gd name="T53" fmla="*/ 2147483647 h 360"/>
              <a:gd name="T54" fmla="*/ 2147483647 w 358"/>
              <a:gd name="T55" fmla="*/ 2147483647 h 360"/>
              <a:gd name="T56" fmla="*/ 2147483647 w 358"/>
              <a:gd name="T57" fmla="*/ 2147483647 h 360"/>
              <a:gd name="T58" fmla="*/ 2147483647 w 358"/>
              <a:gd name="T59" fmla="*/ 2147483647 h 360"/>
              <a:gd name="T60" fmla="*/ 2147483647 w 358"/>
              <a:gd name="T61" fmla="*/ 2147483647 h 360"/>
              <a:gd name="T62" fmla="*/ 2147483647 w 358"/>
              <a:gd name="T63" fmla="*/ 2147483647 h 360"/>
              <a:gd name="T64" fmla="*/ 2147483647 w 358"/>
              <a:gd name="T65" fmla="*/ 2147483647 h 360"/>
              <a:gd name="T66" fmla="*/ 2147483647 w 358"/>
              <a:gd name="T67" fmla="*/ 2147483647 h 360"/>
              <a:gd name="T68" fmla="*/ 2147483647 w 358"/>
              <a:gd name="T69" fmla="*/ 2147483647 h 360"/>
              <a:gd name="T70" fmla="*/ 2147483647 w 358"/>
              <a:gd name="T71" fmla="*/ 2147483647 h 360"/>
              <a:gd name="T72" fmla="*/ 2147483647 w 358"/>
              <a:gd name="T73" fmla="*/ 2147483647 h 360"/>
              <a:gd name="T74" fmla="*/ 2147483647 w 358"/>
              <a:gd name="T75" fmla="*/ 2147483647 h 360"/>
              <a:gd name="T76" fmla="*/ 2147483647 w 358"/>
              <a:gd name="T77" fmla="*/ 2147483647 h 360"/>
              <a:gd name="T78" fmla="*/ 2147483647 w 358"/>
              <a:gd name="T79" fmla="*/ 2147483647 h 360"/>
              <a:gd name="T80" fmla="*/ 2147483647 w 358"/>
              <a:gd name="T81" fmla="*/ 2147483647 h 360"/>
              <a:gd name="T82" fmla="*/ 2147483647 w 358"/>
              <a:gd name="T83" fmla="*/ 2147483647 h 360"/>
              <a:gd name="T84" fmla="*/ 2147483647 w 358"/>
              <a:gd name="T85" fmla="*/ 2147483647 h 360"/>
              <a:gd name="T86" fmla="*/ 2147483647 w 358"/>
              <a:gd name="T87" fmla="*/ 2147483647 h 360"/>
              <a:gd name="T88" fmla="*/ 2147483647 w 358"/>
              <a:gd name="T89" fmla="*/ 2147483647 h 360"/>
              <a:gd name="T90" fmla="*/ 2147483647 w 358"/>
              <a:gd name="T91" fmla="*/ 2147483647 h 360"/>
              <a:gd name="T92" fmla="*/ 2147483647 w 358"/>
              <a:gd name="T93" fmla="*/ 2147483647 h 360"/>
              <a:gd name="T94" fmla="*/ 2147483647 w 358"/>
              <a:gd name="T95" fmla="*/ 2147483647 h 360"/>
              <a:gd name="T96" fmla="*/ 2147483647 w 358"/>
              <a:gd name="T97" fmla="*/ 2147483647 h 360"/>
              <a:gd name="T98" fmla="*/ 2147483647 w 358"/>
              <a:gd name="T99" fmla="*/ 2147483647 h 360"/>
              <a:gd name="T100" fmla="*/ 2147483647 w 358"/>
              <a:gd name="T101" fmla="*/ 2147483647 h 360"/>
              <a:gd name="T102" fmla="*/ 2147483647 w 358"/>
              <a:gd name="T103" fmla="*/ 2147483647 h 360"/>
              <a:gd name="T104" fmla="*/ 2147483647 w 358"/>
              <a:gd name="T105" fmla="*/ 2147483647 h 360"/>
              <a:gd name="T106" fmla="*/ 2147483647 w 358"/>
              <a:gd name="T107" fmla="*/ 2147483647 h 360"/>
              <a:gd name="T108" fmla="*/ 2147483647 w 358"/>
              <a:gd name="T109" fmla="*/ 2147483647 h 360"/>
              <a:gd name="T110" fmla="*/ 2147483647 w 358"/>
              <a:gd name="T111" fmla="*/ 2147483647 h 360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358" h="360">
                <a:moveTo>
                  <a:pt x="224" y="360"/>
                </a:moveTo>
                <a:lnTo>
                  <a:pt x="212" y="354"/>
                </a:lnTo>
                <a:lnTo>
                  <a:pt x="210" y="338"/>
                </a:lnTo>
                <a:lnTo>
                  <a:pt x="202" y="318"/>
                </a:lnTo>
                <a:lnTo>
                  <a:pt x="192" y="296"/>
                </a:lnTo>
                <a:lnTo>
                  <a:pt x="192" y="258"/>
                </a:lnTo>
                <a:lnTo>
                  <a:pt x="200" y="240"/>
                </a:lnTo>
                <a:lnTo>
                  <a:pt x="166" y="178"/>
                </a:lnTo>
                <a:lnTo>
                  <a:pt x="136" y="164"/>
                </a:lnTo>
                <a:lnTo>
                  <a:pt x="134" y="150"/>
                </a:lnTo>
                <a:lnTo>
                  <a:pt x="108" y="142"/>
                </a:lnTo>
                <a:lnTo>
                  <a:pt x="104" y="126"/>
                </a:lnTo>
                <a:lnTo>
                  <a:pt x="74" y="104"/>
                </a:lnTo>
                <a:lnTo>
                  <a:pt x="64" y="84"/>
                </a:lnTo>
                <a:lnTo>
                  <a:pt x="34" y="48"/>
                </a:lnTo>
                <a:lnTo>
                  <a:pt x="0" y="46"/>
                </a:lnTo>
                <a:lnTo>
                  <a:pt x="2" y="36"/>
                </a:lnTo>
                <a:lnTo>
                  <a:pt x="18" y="36"/>
                </a:lnTo>
                <a:lnTo>
                  <a:pt x="16" y="24"/>
                </a:lnTo>
                <a:lnTo>
                  <a:pt x="46" y="20"/>
                </a:lnTo>
                <a:lnTo>
                  <a:pt x="72" y="0"/>
                </a:lnTo>
                <a:lnTo>
                  <a:pt x="96" y="0"/>
                </a:lnTo>
                <a:lnTo>
                  <a:pt x="132" y="20"/>
                </a:lnTo>
                <a:lnTo>
                  <a:pt x="148" y="12"/>
                </a:lnTo>
                <a:lnTo>
                  <a:pt x="158" y="28"/>
                </a:lnTo>
                <a:lnTo>
                  <a:pt x="166" y="18"/>
                </a:lnTo>
                <a:lnTo>
                  <a:pt x="190" y="18"/>
                </a:lnTo>
                <a:lnTo>
                  <a:pt x="206" y="38"/>
                </a:lnTo>
                <a:lnTo>
                  <a:pt x="220" y="26"/>
                </a:lnTo>
                <a:lnTo>
                  <a:pt x="232" y="44"/>
                </a:lnTo>
                <a:lnTo>
                  <a:pt x="238" y="94"/>
                </a:lnTo>
                <a:lnTo>
                  <a:pt x="256" y="124"/>
                </a:lnTo>
                <a:lnTo>
                  <a:pt x="282" y="140"/>
                </a:lnTo>
                <a:lnTo>
                  <a:pt x="308" y="152"/>
                </a:lnTo>
                <a:lnTo>
                  <a:pt x="328" y="154"/>
                </a:lnTo>
                <a:lnTo>
                  <a:pt x="338" y="178"/>
                </a:lnTo>
                <a:lnTo>
                  <a:pt x="336" y="188"/>
                </a:lnTo>
                <a:lnTo>
                  <a:pt x="358" y="200"/>
                </a:lnTo>
                <a:lnTo>
                  <a:pt x="356" y="204"/>
                </a:lnTo>
                <a:lnTo>
                  <a:pt x="344" y="204"/>
                </a:lnTo>
                <a:lnTo>
                  <a:pt x="334" y="214"/>
                </a:lnTo>
                <a:lnTo>
                  <a:pt x="324" y="202"/>
                </a:lnTo>
                <a:lnTo>
                  <a:pt x="318" y="212"/>
                </a:lnTo>
                <a:lnTo>
                  <a:pt x="304" y="206"/>
                </a:lnTo>
                <a:lnTo>
                  <a:pt x="282" y="220"/>
                </a:lnTo>
                <a:lnTo>
                  <a:pt x="272" y="204"/>
                </a:lnTo>
                <a:lnTo>
                  <a:pt x="250" y="224"/>
                </a:lnTo>
                <a:lnTo>
                  <a:pt x="270" y="250"/>
                </a:lnTo>
                <a:lnTo>
                  <a:pt x="268" y="262"/>
                </a:lnTo>
                <a:lnTo>
                  <a:pt x="270" y="276"/>
                </a:lnTo>
                <a:lnTo>
                  <a:pt x="256" y="286"/>
                </a:lnTo>
                <a:lnTo>
                  <a:pt x="260" y="304"/>
                </a:lnTo>
                <a:lnTo>
                  <a:pt x="244" y="324"/>
                </a:lnTo>
                <a:lnTo>
                  <a:pt x="248" y="350"/>
                </a:lnTo>
                <a:lnTo>
                  <a:pt x="228" y="350"/>
                </a:lnTo>
                <a:lnTo>
                  <a:pt x="224" y="36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59" name="Freeform 12"/>
          <p:cNvSpPr>
            <a:spLocks/>
          </p:cNvSpPr>
          <p:nvPr/>
        </p:nvSpPr>
        <p:spPr bwMode="auto">
          <a:xfrm>
            <a:off x="6388100" y="4094163"/>
            <a:ext cx="1127125" cy="814387"/>
          </a:xfrm>
          <a:custGeom>
            <a:avLst/>
            <a:gdLst>
              <a:gd name="T0" fmla="*/ 2147483647 w 870"/>
              <a:gd name="T1" fmla="*/ 2147483647 h 630"/>
              <a:gd name="T2" fmla="*/ 2147483647 w 870"/>
              <a:gd name="T3" fmla="*/ 2147483647 h 630"/>
              <a:gd name="T4" fmla="*/ 2147483647 w 870"/>
              <a:gd name="T5" fmla="*/ 2147483647 h 630"/>
              <a:gd name="T6" fmla="*/ 2147483647 w 870"/>
              <a:gd name="T7" fmla="*/ 2147483647 h 630"/>
              <a:gd name="T8" fmla="*/ 2147483647 w 870"/>
              <a:gd name="T9" fmla="*/ 2147483647 h 630"/>
              <a:gd name="T10" fmla="*/ 2147483647 w 870"/>
              <a:gd name="T11" fmla="*/ 2147483647 h 630"/>
              <a:gd name="T12" fmla="*/ 2147483647 w 870"/>
              <a:gd name="T13" fmla="*/ 2147483647 h 630"/>
              <a:gd name="T14" fmla="*/ 2147483647 w 870"/>
              <a:gd name="T15" fmla="*/ 2147483647 h 630"/>
              <a:gd name="T16" fmla="*/ 2147483647 w 870"/>
              <a:gd name="T17" fmla="*/ 2147483647 h 630"/>
              <a:gd name="T18" fmla="*/ 2147483647 w 870"/>
              <a:gd name="T19" fmla="*/ 2147483647 h 630"/>
              <a:gd name="T20" fmla="*/ 2147483647 w 870"/>
              <a:gd name="T21" fmla="*/ 2147483647 h 630"/>
              <a:gd name="T22" fmla="*/ 2147483647 w 870"/>
              <a:gd name="T23" fmla="*/ 2147483647 h 630"/>
              <a:gd name="T24" fmla="*/ 2147483647 w 870"/>
              <a:gd name="T25" fmla="*/ 2147483647 h 630"/>
              <a:gd name="T26" fmla="*/ 2147483647 w 870"/>
              <a:gd name="T27" fmla="*/ 2147483647 h 630"/>
              <a:gd name="T28" fmla="*/ 2147483647 w 870"/>
              <a:gd name="T29" fmla="*/ 2147483647 h 630"/>
              <a:gd name="T30" fmla="*/ 2147483647 w 870"/>
              <a:gd name="T31" fmla="*/ 2147483647 h 630"/>
              <a:gd name="T32" fmla="*/ 2147483647 w 870"/>
              <a:gd name="T33" fmla="*/ 2147483647 h 630"/>
              <a:gd name="T34" fmla="*/ 2147483647 w 870"/>
              <a:gd name="T35" fmla="*/ 2147483647 h 630"/>
              <a:gd name="T36" fmla="*/ 2147483647 w 870"/>
              <a:gd name="T37" fmla="*/ 2147483647 h 630"/>
              <a:gd name="T38" fmla="*/ 2147483647 w 870"/>
              <a:gd name="T39" fmla="*/ 2147483647 h 630"/>
              <a:gd name="T40" fmla="*/ 2147483647 w 870"/>
              <a:gd name="T41" fmla="*/ 2147483647 h 630"/>
              <a:gd name="T42" fmla="*/ 2147483647 w 870"/>
              <a:gd name="T43" fmla="*/ 2147483647 h 630"/>
              <a:gd name="T44" fmla="*/ 2147483647 w 870"/>
              <a:gd name="T45" fmla="*/ 2147483647 h 630"/>
              <a:gd name="T46" fmla="*/ 2147483647 w 870"/>
              <a:gd name="T47" fmla="*/ 2147483647 h 630"/>
              <a:gd name="T48" fmla="*/ 2147483647 w 870"/>
              <a:gd name="T49" fmla="*/ 2147483647 h 630"/>
              <a:gd name="T50" fmla="*/ 2147483647 w 870"/>
              <a:gd name="T51" fmla="*/ 2147483647 h 630"/>
              <a:gd name="T52" fmla="*/ 2147483647 w 870"/>
              <a:gd name="T53" fmla="*/ 2147483647 h 630"/>
              <a:gd name="T54" fmla="*/ 2147483647 w 870"/>
              <a:gd name="T55" fmla="*/ 2147483647 h 630"/>
              <a:gd name="T56" fmla="*/ 2147483647 w 870"/>
              <a:gd name="T57" fmla="*/ 2147483647 h 630"/>
              <a:gd name="T58" fmla="*/ 2147483647 w 870"/>
              <a:gd name="T59" fmla="*/ 2147483647 h 630"/>
              <a:gd name="T60" fmla="*/ 2147483647 w 870"/>
              <a:gd name="T61" fmla="*/ 2147483647 h 630"/>
              <a:gd name="T62" fmla="*/ 2147483647 w 870"/>
              <a:gd name="T63" fmla="*/ 2147483647 h 630"/>
              <a:gd name="T64" fmla="*/ 2147483647 w 870"/>
              <a:gd name="T65" fmla="*/ 2147483647 h 630"/>
              <a:gd name="T66" fmla="*/ 2147483647 w 870"/>
              <a:gd name="T67" fmla="*/ 2147483647 h 630"/>
              <a:gd name="T68" fmla="*/ 2147483647 w 870"/>
              <a:gd name="T69" fmla="*/ 2147483647 h 630"/>
              <a:gd name="T70" fmla="*/ 2147483647 w 870"/>
              <a:gd name="T71" fmla="*/ 2147483647 h 630"/>
              <a:gd name="T72" fmla="*/ 2147483647 w 870"/>
              <a:gd name="T73" fmla="*/ 2147483647 h 630"/>
              <a:gd name="T74" fmla="*/ 2147483647 w 870"/>
              <a:gd name="T75" fmla="*/ 2147483647 h 630"/>
              <a:gd name="T76" fmla="*/ 2147483647 w 870"/>
              <a:gd name="T77" fmla="*/ 2147483647 h 630"/>
              <a:gd name="T78" fmla="*/ 2147483647 w 870"/>
              <a:gd name="T79" fmla="*/ 2147483647 h 630"/>
              <a:gd name="T80" fmla="*/ 2147483647 w 870"/>
              <a:gd name="T81" fmla="*/ 2147483647 h 630"/>
              <a:gd name="T82" fmla="*/ 2147483647 w 870"/>
              <a:gd name="T83" fmla="*/ 2147483647 h 630"/>
              <a:gd name="T84" fmla="*/ 2147483647 w 870"/>
              <a:gd name="T85" fmla="*/ 2147483647 h 630"/>
              <a:gd name="T86" fmla="*/ 2147483647 w 870"/>
              <a:gd name="T87" fmla="*/ 2147483647 h 630"/>
              <a:gd name="T88" fmla="*/ 2147483647 w 870"/>
              <a:gd name="T89" fmla="*/ 2147483647 h 630"/>
              <a:gd name="T90" fmla="*/ 2147483647 w 870"/>
              <a:gd name="T91" fmla="*/ 2147483647 h 630"/>
              <a:gd name="T92" fmla="*/ 2147483647 w 870"/>
              <a:gd name="T93" fmla="*/ 2147483647 h 630"/>
              <a:gd name="T94" fmla="*/ 2147483647 w 870"/>
              <a:gd name="T95" fmla="*/ 2147483647 h 630"/>
              <a:gd name="T96" fmla="*/ 2147483647 w 870"/>
              <a:gd name="T97" fmla="*/ 2147483647 h 630"/>
              <a:gd name="T98" fmla="*/ 2147483647 w 870"/>
              <a:gd name="T99" fmla="*/ 2147483647 h 630"/>
              <a:gd name="T100" fmla="*/ 2147483647 w 870"/>
              <a:gd name="T101" fmla="*/ 2147483647 h 630"/>
              <a:gd name="T102" fmla="*/ 2147483647 w 870"/>
              <a:gd name="T103" fmla="*/ 2147483647 h 630"/>
              <a:gd name="T104" fmla="*/ 2147483647 w 870"/>
              <a:gd name="T105" fmla="*/ 2147483647 h 630"/>
              <a:gd name="T106" fmla="*/ 2147483647 w 870"/>
              <a:gd name="T107" fmla="*/ 2147483647 h 630"/>
              <a:gd name="T108" fmla="*/ 2147483647 w 870"/>
              <a:gd name="T109" fmla="*/ 2147483647 h 630"/>
              <a:gd name="T110" fmla="*/ 2147483647 w 870"/>
              <a:gd name="T111" fmla="*/ 2147483647 h 630"/>
              <a:gd name="T112" fmla="*/ 2147483647 w 870"/>
              <a:gd name="T113" fmla="*/ 2147483647 h 630"/>
              <a:gd name="T114" fmla="*/ 2147483647 w 870"/>
              <a:gd name="T115" fmla="*/ 2147483647 h 630"/>
              <a:gd name="T116" fmla="*/ 2147483647 w 870"/>
              <a:gd name="T117" fmla="*/ 2147483647 h 630"/>
              <a:gd name="T118" fmla="*/ 2147483647 w 870"/>
              <a:gd name="T119" fmla="*/ 2147483647 h 630"/>
              <a:gd name="T120" fmla="*/ 2147483647 w 870"/>
              <a:gd name="T121" fmla="*/ 2147483647 h 630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870" h="630">
                <a:moveTo>
                  <a:pt x="0" y="372"/>
                </a:moveTo>
                <a:lnTo>
                  <a:pt x="38" y="366"/>
                </a:lnTo>
                <a:lnTo>
                  <a:pt x="46" y="350"/>
                </a:lnTo>
                <a:lnTo>
                  <a:pt x="72" y="346"/>
                </a:lnTo>
                <a:lnTo>
                  <a:pt x="88" y="318"/>
                </a:lnTo>
                <a:lnTo>
                  <a:pt x="86" y="294"/>
                </a:lnTo>
                <a:lnTo>
                  <a:pt x="100" y="288"/>
                </a:lnTo>
                <a:lnTo>
                  <a:pt x="102" y="266"/>
                </a:lnTo>
                <a:lnTo>
                  <a:pt x="124" y="200"/>
                </a:lnTo>
                <a:lnTo>
                  <a:pt x="134" y="188"/>
                </a:lnTo>
                <a:lnTo>
                  <a:pt x="126" y="170"/>
                </a:lnTo>
                <a:lnTo>
                  <a:pt x="142" y="156"/>
                </a:lnTo>
                <a:lnTo>
                  <a:pt x="144" y="142"/>
                </a:lnTo>
                <a:lnTo>
                  <a:pt x="162" y="130"/>
                </a:lnTo>
                <a:lnTo>
                  <a:pt x="174" y="130"/>
                </a:lnTo>
                <a:lnTo>
                  <a:pt x="196" y="100"/>
                </a:lnTo>
                <a:lnTo>
                  <a:pt x="210" y="94"/>
                </a:lnTo>
                <a:lnTo>
                  <a:pt x="212" y="80"/>
                </a:lnTo>
                <a:lnTo>
                  <a:pt x="222" y="78"/>
                </a:lnTo>
                <a:lnTo>
                  <a:pt x="234" y="88"/>
                </a:lnTo>
                <a:lnTo>
                  <a:pt x="314" y="88"/>
                </a:lnTo>
                <a:lnTo>
                  <a:pt x="318" y="76"/>
                </a:lnTo>
                <a:lnTo>
                  <a:pt x="342" y="76"/>
                </a:lnTo>
                <a:lnTo>
                  <a:pt x="372" y="102"/>
                </a:lnTo>
                <a:lnTo>
                  <a:pt x="386" y="98"/>
                </a:lnTo>
                <a:lnTo>
                  <a:pt x="396" y="68"/>
                </a:lnTo>
                <a:lnTo>
                  <a:pt x="470" y="42"/>
                </a:lnTo>
                <a:lnTo>
                  <a:pt x="480" y="14"/>
                </a:lnTo>
                <a:lnTo>
                  <a:pt x="502" y="0"/>
                </a:lnTo>
                <a:lnTo>
                  <a:pt x="536" y="2"/>
                </a:lnTo>
                <a:lnTo>
                  <a:pt x="566" y="38"/>
                </a:lnTo>
                <a:lnTo>
                  <a:pt x="576" y="58"/>
                </a:lnTo>
                <a:lnTo>
                  <a:pt x="606" y="80"/>
                </a:lnTo>
                <a:lnTo>
                  <a:pt x="610" y="96"/>
                </a:lnTo>
                <a:lnTo>
                  <a:pt x="636" y="104"/>
                </a:lnTo>
                <a:lnTo>
                  <a:pt x="638" y="118"/>
                </a:lnTo>
                <a:lnTo>
                  <a:pt x="668" y="132"/>
                </a:lnTo>
                <a:lnTo>
                  <a:pt x="704" y="194"/>
                </a:lnTo>
                <a:lnTo>
                  <a:pt x="694" y="212"/>
                </a:lnTo>
                <a:lnTo>
                  <a:pt x="694" y="232"/>
                </a:lnTo>
                <a:lnTo>
                  <a:pt x="694" y="250"/>
                </a:lnTo>
                <a:lnTo>
                  <a:pt x="712" y="292"/>
                </a:lnTo>
                <a:lnTo>
                  <a:pt x="714" y="308"/>
                </a:lnTo>
                <a:lnTo>
                  <a:pt x="726" y="314"/>
                </a:lnTo>
                <a:lnTo>
                  <a:pt x="752" y="332"/>
                </a:lnTo>
                <a:lnTo>
                  <a:pt x="776" y="334"/>
                </a:lnTo>
                <a:lnTo>
                  <a:pt x="806" y="310"/>
                </a:lnTo>
                <a:lnTo>
                  <a:pt x="822" y="294"/>
                </a:lnTo>
                <a:lnTo>
                  <a:pt x="844" y="294"/>
                </a:lnTo>
                <a:lnTo>
                  <a:pt x="860" y="312"/>
                </a:lnTo>
                <a:lnTo>
                  <a:pt x="870" y="364"/>
                </a:lnTo>
                <a:lnTo>
                  <a:pt x="834" y="382"/>
                </a:lnTo>
                <a:lnTo>
                  <a:pt x="820" y="374"/>
                </a:lnTo>
                <a:lnTo>
                  <a:pt x="816" y="358"/>
                </a:lnTo>
                <a:lnTo>
                  <a:pt x="800" y="366"/>
                </a:lnTo>
                <a:lnTo>
                  <a:pt x="812" y="384"/>
                </a:lnTo>
                <a:lnTo>
                  <a:pt x="802" y="396"/>
                </a:lnTo>
                <a:lnTo>
                  <a:pt x="808" y="406"/>
                </a:lnTo>
                <a:lnTo>
                  <a:pt x="800" y="420"/>
                </a:lnTo>
                <a:lnTo>
                  <a:pt x="814" y="416"/>
                </a:lnTo>
                <a:lnTo>
                  <a:pt x="814" y="424"/>
                </a:lnTo>
                <a:lnTo>
                  <a:pt x="800" y="452"/>
                </a:lnTo>
                <a:lnTo>
                  <a:pt x="806" y="480"/>
                </a:lnTo>
                <a:lnTo>
                  <a:pt x="814" y="502"/>
                </a:lnTo>
                <a:lnTo>
                  <a:pt x="812" y="528"/>
                </a:lnTo>
                <a:lnTo>
                  <a:pt x="764" y="528"/>
                </a:lnTo>
                <a:lnTo>
                  <a:pt x="748" y="508"/>
                </a:lnTo>
                <a:lnTo>
                  <a:pt x="730" y="516"/>
                </a:lnTo>
                <a:lnTo>
                  <a:pt x="720" y="508"/>
                </a:lnTo>
                <a:lnTo>
                  <a:pt x="700" y="516"/>
                </a:lnTo>
                <a:lnTo>
                  <a:pt x="686" y="508"/>
                </a:lnTo>
                <a:lnTo>
                  <a:pt x="656" y="510"/>
                </a:lnTo>
                <a:lnTo>
                  <a:pt x="624" y="532"/>
                </a:lnTo>
                <a:lnTo>
                  <a:pt x="594" y="540"/>
                </a:lnTo>
                <a:lnTo>
                  <a:pt x="576" y="562"/>
                </a:lnTo>
                <a:lnTo>
                  <a:pt x="552" y="596"/>
                </a:lnTo>
                <a:lnTo>
                  <a:pt x="522" y="610"/>
                </a:lnTo>
                <a:lnTo>
                  <a:pt x="508" y="604"/>
                </a:lnTo>
                <a:lnTo>
                  <a:pt x="476" y="610"/>
                </a:lnTo>
                <a:lnTo>
                  <a:pt x="442" y="608"/>
                </a:lnTo>
                <a:lnTo>
                  <a:pt x="410" y="628"/>
                </a:lnTo>
                <a:lnTo>
                  <a:pt x="382" y="618"/>
                </a:lnTo>
                <a:lnTo>
                  <a:pt x="328" y="618"/>
                </a:lnTo>
                <a:lnTo>
                  <a:pt x="300" y="630"/>
                </a:lnTo>
                <a:lnTo>
                  <a:pt x="284" y="626"/>
                </a:lnTo>
                <a:lnTo>
                  <a:pt x="280" y="616"/>
                </a:lnTo>
                <a:lnTo>
                  <a:pt x="296" y="602"/>
                </a:lnTo>
                <a:lnTo>
                  <a:pt x="292" y="592"/>
                </a:lnTo>
                <a:lnTo>
                  <a:pt x="278" y="592"/>
                </a:lnTo>
                <a:lnTo>
                  <a:pt x="262" y="580"/>
                </a:lnTo>
                <a:lnTo>
                  <a:pt x="260" y="576"/>
                </a:lnTo>
                <a:lnTo>
                  <a:pt x="242" y="570"/>
                </a:lnTo>
                <a:lnTo>
                  <a:pt x="234" y="556"/>
                </a:lnTo>
                <a:lnTo>
                  <a:pt x="242" y="544"/>
                </a:lnTo>
                <a:lnTo>
                  <a:pt x="258" y="544"/>
                </a:lnTo>
                <a:lnTo>
                  <a:pt x="262" y="536"/>
                </a:lnTo>
                <a:lnTo>
                  <a:pt x="240" y="528"/>
                </a:lnTo>
                <a:lnTo>
                  <a:pt x="228" y="524"/>
                </a:lnTo>
                <a:lnTo>
                  <a:pt x="218" y="528"/>
                </a:lnTo>
                <a:lnTo>
                  <a:pt x="210" y="542"/>
                </a:lnTo>
                <a:lnTo>
                  <a:pt x="208" y="554"/>
                </a:lnTo>
                <a:lnTo>
                  <a:pt x="198" y="556"/>
                </a:lnTo>
                <a:lnTo>
                  <a:pt x="188" y="540"/>
                </a:lnTo>
                <a:lnTo>
                  <a:pt x="156" y="538"/>
                </a:lnTo>
                <a:lnTo>
                  <a:pt x="148" y="530"/>
                </a:lnTo>
                <a:lnTo>
                  <a:pt x="132" y="532"/>
                </a:lnTo>
                <a:lnTo>
                  <a:pt x="120" y="528"/>
                </a:lnTo>
                <a:lnTo>
                  <a:pt x="134" y="518"/>
                </a:lnTo>
                <a:lnTo>
                  <a:pt x="140" y="510"/>
                </a:lnTo>
                <a:lnTo>
                  <a:pt x="128" y="504"/>
                </a:lnTo>
                <a:lnTo>
                  <a:pt x="130" y="496"/>
                </a:lnTo>
                <a:lnTo>
                  <a:pt x="132" y="484"/>
                </a:lnTo>
                <a:lnTo>
                  <a:pt x="122" y="472"/>
                </a:lnTo>
                <a:lnTo>
                  <a:pt x="108" y="474"/>
                </a:lnTo>
                <a:lnTo>
                  <a:pt x="100" y="466"/>
                </a:lnTo>
                <a:lnTo>
                  <a:pt x="82" y="466"/>
                </a:lnTo>
                <a:lnTo>
                  <a:pt x="66" y="452"/>
                </a:lnTo>
                <a:lnTo>
                  <a:pt x="58" y="438"/>
                </a:lnTo>
                <a:lnTo>
                  <a:pt x="56" y="418"/>
                </a:lnTo>
                <a:lnTo>
                  <a:pt x="44" y="414"/>
                </a:lnTo>
                <a:lnTo>
                  <a:pt x="30" y="398"/>
                </a:lnTo>
                <a:lnTo>
                  <a:pt x="14" y="386"/>
                </a:lnTo>
                <a:lnTo>
                  <a:pt x="0" y="372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60" name="Freeform 13" descr="90%"/>
          <p:cNvSpPr>
            <a:spLocks/>
          </p:cNvSpPr>
          <p:nvPr/>
        </p:nvSpPr>
        <p:spPr bwMode="auto">
          <a:xfrm>
            <a:off x="5592763" y="4500563"/>
            <a:ext cx="355600" cy="263525"/>
          </a:xfrm>
          <a:custGeom>
            <a:avLst/>
            <a:gdLst>
              <a:gd name="T0" fmla="*/ 2147483647 w 274"/>
              <a:gd name="T1" fmla="*/ 2147483647 h 204"/>
              <a:gd name="T2" fmla="*/ 2147483647 w 274"/>
              <a:gd name="T3" fmla="*/ 2147483647 h 204"/>
              <a:gd name="T4" fmla="*/ 2147483647 w 274"/>
              <a:gd name="T5" fmla="*/ 2147483647 h 204"/>
              <a:gd name="T6" fmla="*/ 2147483647 w 274"/>
              <a:gd name="T7" fmla="*/ 2147483647 h 204"/>
              <a:gd name="T8" fmla="*/ 2147483647 w 274"/>
              <a:gd name="T9" fmla="*/ 2147483647 h 204"/>
              <a:gd name="T10" fmla="*/ 2147483647 w 274"/>
              <a:gd name="T11" fmla="*/ 2147483647 h 204"/>
              <a:gd name="T12" fmla="*/ 2147483647 w 274"/>
              <a:gd name="T13" fmla="*/ 2147483647 h 204"/>
              <a:gd name="T14" fmla="*/ 2147483647 w 274"/>
              <a:gd name="T15" fmla="*/ 2147483647 h 204"/>
              <a:gd name="T16" fmla="*/ 2147483647 w 274"/>
              <a:gd name="T17" fmla="*/ 2147483647 h 204"/>
              <a:gd name="T18" fmla="*/ 0 w 274"/>
              <a:gd name="T19" fmla="*/ 2147483647 h 204"/>
              <a:gd name="T20" fmla="*/ 2147483647 w 274"/>
              <a:gd name="T21" fmla="*/ 2147483647 h 204"/>
              <a:gd name="T22" fmla="*/ 2147483647 w 274"/>
              <a:gd name="T23" fmla="*/ 2147483647 h 204"/>
              <a:gd name="T24" fmla="*/ 2147483647 w 274"/>
              <a:gd name="T25" fmla="*/ 2147483647 h 204"/>
              <a:gd name="T26" fmla="*/ 2147483647 w 274"/>
              <a:gd name="T27" fmla="*/ 2147483647 h 204"/>
              <a:gd name="T28" fmla="*/ 2147483647 w 274"/>
              <a:gd name="T29" fmla="*/ 2147483647 h 204"/>
              <a:gd name="T30" fmla="*/ 2147483647 w 274"/>
              <a:gd name="T31" fmla="*/ 2147483647 h 204"/>
              <a:gd name="T32" fmla="*/ 2147483647 w 274"/>
              <a:gd name="T33" fmla="*/ 2147483647 h 204"/>
              <a:gd name="T34" fmla="*/ 2147483647 w 274"/>
              <a:gd name="T35" fmla="*/ 2147483647 h 204"/>
              <a:gd name="T36" fmla="*/ 2147483647 w 274"/>
              <a:gd name="T37" fmla="*/ 2147483647 h 204"/>
              <a:gd name="T38" fmla="*/ 2147483647 w 274"/>
              <a:gd name="T39" fmla="*/ 2147483647 h 204"/>
              <a:gd name="T40" fmla="*/ 2147483647 w 274"/>
              <a:gd name="T41" fmla="*/ 2147483647 h 204"/>
              <a:gd name="T42" fmla="*/ 2147483647 w 274"/>
              <a:gd name="T43" fmla="*/ 0 h 204"/>
              <a:gd name="T44" fmla="*/ 2147483647 w 274"/>
              <a:gd name="T45" fmla="*/ 2147483647 h 204"/>
              <a:gd name="T46" fmla="*/ 2147483647 w 274"/>
              <a:gd name="T47" fmla="*/ 2147483647 h 204"/>
              <a:gd name="T48" fmla="*/ 2147483647 w 274"/>
              <a:gd name="T49" fmla="*/ 2147483647 h 204"/>
              <a:gd name="T50" fmla="*/ 2147483647 w 274"/>
              <a:gd name="T51" fmla="*/ 2147483647 h 204"/>
              <a:gd name="T52" fmla="*/ 2147483647 w 274"/>
              <a:gd name="T53" fmla="*/ 2147483647 h 204"/>
              <a:gd name="T54" fmla="*/ 2147483647 w 274"/>
              <a:gd name="T55" fmla="*/ 2147483647 h 204"/>
              <a:gd name="T56" fmla="*/ 2147483647 w 274"/>
              <a:gd name="T57" fmla="*/ 2147483647 h 204"/>
              <a:gd name="T58" fmla="*/ 2147483647 w 274"/>
              <a:gd name="T59" fmla="*/ 2147483647 h 204"/>
              <a:gd name="T60" fmla="*/ 2147483647 w 274"/>
              <a:gd name="T61" fmla="*/ 2147483647 h 204"/>
              <a:gd name="T62" fmla="*/ 2147483647 w 274"/>
              <a:gd name="T63" fmla="*/ 2147483647 h 204"/>
              <a:gd name="T64" fmla="*/ 2147483647 w 274"/>
              <a:gd name="T65" fmla="*/ 2147483647 h 204"/>
              <a:gd name="T66" fmla="*/ 2147483647 w 274"/>
              <a:gd name="T67" fmla="*/ 2147483647 h 204"/>
              <a:gd name="T68" fmla="*/ 2147483647 w 274"/>
              <a:gd name="T69" fmla="*/ 2147483647 h 204"/>
              <a:gd name="T70" fmla="*/ 2147483647 w 274"/>
              <a:gd name="T71" fmla="*/ 2147483647 h 204"/>
              <a:gd name="T72" fmla="*/ 2147483647 w 274"/>
              <a:gd name="T73" fmla="*/ 2147483647 h 204"/>
              <a:gd name="T74" fmla="*/ 2147483647 w 274"/>
              <a:gd name="T75" fmla="*/ 2147483647 h 204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0" t="0" r="r" b="b"/>
            <a:pathLst>
              <a:path w="274" h="204">
                <a:moveTo>
                  <a:pt x="18" y="202"/>
                </a:moveTo>
                <a:lnTo>
                  <a:pt x="18" y="196"/>
                </a:lnTo>
                <a:lnTo>
                  <a:pt x="38" y="184"/>
                </a:lnTo>
                <a:lnTo>
                  <a:pt x="34" y="170"/>
                </a:lnTo>
                <a:lnTo>
                  <a:pt x="20" y="154"/>
                </a:lnTo>
                <a:lnTo>
                  <a:pt x="26" y="140"/>
                </a:lnTo>
                <a:lnTo>
                  <a:pt x="10" y="138"/>
                </a:lnTo>
                <a:lnTo>
                  <a:pt x="8" y="128"/>
                </a:lnTo>
                <a:lnTo>
                  <a:pt x="22" y="112"/>
                </a:lnTo>
                <a:lnTo>
                  <a:pt x="0" y="104"/>
                </a:lnTo>
                <a:lnTo>
                  <a:pt x="2" y="88"/>
                </a:lnTo>
                <a:lnTo>
                  <a:pt x="28" y="66"/>
                </a:lnTo>
                <a:lnTo>
                  <a:pt x="60" y="70"/>
                </a:lnTo>
                <a:lnTo>
                  <a:pt x="68" y="74"/>
                </a:lnTo>
                <a:lnTo>
                  <a:pt x="102" y="78"/>
                </a:lnTo>
                <a:lnTo>
                  <a:pt x="132" y="48"/>
                </a:lnTo>
                <a:lnTo>
                  <a:pt x="188" y="40"/>
                </a:lnTo>
                <a:lnTo>
                  <a:pt x="196" y="30"/>
                </a:lnTo>
                <a:lnTo>
                  <a:pt x="212" y="26"/>
                </a:lnTo>
                <a:lnTo>
                  <a:pt x="226" y="30"/>
                </a:lnTo>
                <a:lnTo>
                  <a:pt x="228" y="10"/>
                </a:lnTo>
                <a:lnTo>
                  <a:pt x="238" y="0"/>
                </a:lnTo>
                <a:lnTo>
                  <a:pt x="254" y="6"/>
                </a:lnTo>
                <a:lnTo>
                  <a:pt x="258" y="22"/>
                </a:lnTo>
                <a:lnTo>
                  <a:pt x="274" y="44"/>
                </a:lnTo>
                <a:lnTo>
                  <a:pt x="274" y="52"/>
                </a:lnTo>
                <a:lnTo>
                  <a:pt x="254" y="46"/>
                </a:lnTo>
                <a:lnTo>
                  <a:pt x="254" y="68"/>
                </a:lnTo>
                <a:lnTo>
                  <a:pt x="226" y="82"/>
                </a:lnTo>
                <a:lnTo>
                  <a:pt x="210" y="110"/>
                </a:lnTo>
                <a:lnTo>
                  <a:pt x="194" y="140"/>
                </a:lnTo>
                <a:lnTo>
                  <a:pt x="170" y="164"/>
                </a:lnTo>
                <a:lnTo>
                  <a:pt x="176" y="198"/>
                </a:lnTo>
                <a:lnTo>
                  <a:pt x="130" y="194"/>
                </a:lnTo>
                <a:lnTo>
                  <a:pt x="106" y="170"/>
                </a:lnTo>
                <a:lnTo>
                  <a:pt x="80" y="198"/>
                </a:lnTo>
                <a:lnTo>
                  <a:pt x="44" y="204"/>
                </a:lnTo>
                <a:lnTo>
                  <a:pt x="18" y="202"/>
                </a:lnTo>
                <a:close/>
              </a:path>
            </a:pathLst>
          </a:custGeom>
          <a:pattFill prst="pct90">
            <a:fgClr>
              <a:srgbClr val="FF9900"/>
            </a:fgClr>
            <a:bgClr>
              <a:schemeClr val="tx1"/>
            </a:bgClr>
          </a:patt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61" name="Freeform 14"/>
          <p:cNvSpPr>
            <a:spLocks/>
          </p:cNvSpPr>
          <p:nvPr/>
        </p:nvSpPr>
        <p:spPr bwMode="auto">
          <a:xfrm>
            <a:off x="5900738" y="4149725"/>
            <a:ext cx="741362" cy="519113"/>
          </a:xfrm>
          <a:custGeom>
            <a:avLst/>
            <a:gdLst>
              <a:gd name="T0" fmla="*/ 2147483647 w 572"/>
              <a:gd name="T1" fmla="*/ 2147483647 h 400"/>
              <a:gd name="T2" fmla="*/ 2147483647 w 572"/>
              <a:gd name="T3" fmla="*/ 2147483647 h 400"/>
              <a:gd name="T4" fmla="*/ 2147483647 w 572"/>
              <a:gd name="T5" fmla="*/ 2147483647 h 400"/>
              <a:gd name="T6" fmla="*/ 2147483647 w 572"/>
              <a:gd name="T7" fmla="*/ 2147483647 h 400"/>
              <a:gd name="T8" fmla="*/ 2147483647 w 572"/>
              <a:gd name="T9" fmla="*/ 2147483647 h 400"/>
              <a:gd name="T10" fmla="*/ 2147483647 w 572"/>
              <a:gd name="T11" fmla="*/ 2147483647 h 400"/>
              <a:gd name="T12" fmla="*/ 2147483647 w 572"/>
              <a:gd name="T13" fmla="*/ 2147483647 h 400"/>
              <a:gd name="T14" fmla="*/ 2147483647 w 572"/>
              <a:gd name="T15" fmla="*/ 2147483647 h 400"/>
              <a:gd name="T16" fmla="*/ 2147483647 w 572"/>
              <a:gd name="T17" fmla="*/ 2147483647 h 400"/>
              <a:gd name="T18" fmla="*/ 2147483647 w 572"/>
              <a:gd name="T19" fmla="*/ 2147483647 h 400"/>
              <a:gd name="T20" fmla="*/ 2147483647 w 572"/>
              <a:gd name="T21" fmla="*/ 2147483647 h 400"/>
              <a:gd name="T22" fmla="*/ 2147483647 w 572"/>
              <a:gd name="T23" fmla="*/ 2147483647 h 400"/>
              <a:gd name="T24" fmla="*/ 2147483647 w 572"/>
              <a:gd name="T25" fmla="*/ 2147483647 h 400"/>
              <a:gd name="T26" fmla="*/ 2147483647 w 572"/>
              <a:gd name="T27" fmla="*/ 2147483647 h 400"/>
              <a:gd name="T28" fmla="*/ 2147483647 w 572"/>
              <a:gd name="T29" fmla="*/ 2147483647 h 400"/>
              <a:gd name="T30" fmla="*/ 2147483647 w 572"/>
              <a:gd name="T31" fmla="*/ 2147483647 h 400"/>
              <a:gd name="T32" fmla="*/ 2147483647 w 572"/>
              <a:gd name="T33" fmla="*/ 0 h 400"/>
              <a:gd name="T34" fmla="*/ 2147483647 w 572"/>
              <a:gd name="T35" fmla="*/ 2147483647 h 400"/>
              <a:gd name="T36" fmla="*/ 2147483647 w 572"/>
              <a:gd name="T37" fmla="*/ 2147483647 h 400"/>
              <a:gd name="T38" fmla="*/ 2147483647 w 572"/>
              <a:gd name="T39" fmla="*/ 2147483647 h 400"/>
              <a:gd name="T40" fmla="*/ 2147483647 w 572"/>
              <a:gd name="T41" fmla="*/ 2147483647 h 400"/>
              <a:gd name="T42" fmla="*/ 2147483647 w 572"/>
              <a:gd name="T43" fmla="*/ 2147483647 h 400"/>
              <a:gd name="T44" fmla="*/ 2147483647 w 572"/>
              <a:gd name="T45" fmla="*/ 2147483647 h 400"/>
              <a:gd name="T46" fmla="*/ 2147483647 w 572"/>
              <a:gd name="T47" fmla="*/ 2147483647 h 400"/>
              <a:gd name="T48" fmla="*/ 2147483647 w 572"/>
              <a:gd name="T49" fmla="*/ 2147483647 h 400"/>
              <a:gd name="T50" fmla="*/ 2147483647 w 572"/>
              <a:gd name="T51" fmla="*/ 2147483647 h 400"/>
              <a:gd name="T52" fmla="*/ 2147483647 w 572"/>
              <a:gd name="T53" fmla="*/ 2147483647 h 400"/>
              <a:gd name="T54" fmla="*/ 2147483647 w 572"/>
              <a:gd name="T55" fmla="*/ 2147483647 h 400"/>
              <a:gd name="T56" fmla="*/ 2147483647 w 572"/>
              <a:gd name="T57" fmla="*/ 2147483647 h 400"/>
              <a:gd name="T58" fmla="*/ 2147483647 w 572"/>
              <a:gd name="T59" fmla="*/ 2147483647 h 400"/>
              <a:gd name="T60" fmla="*/ 2147483647 w 572"/>
              <a:gd name="T61" fmla="*/ 2147483647 h 400"/>
              <a:gd name="T62" fmla="*/ 2147483647 w 572"/>
              <a:gd name="T63" fmla="*/ 2147483647 h 400"/>
              <a:gd name="T64" fmla="*/ 2147483647 w 572"/>
              <a:gd name="T65" fmla="*/ 2147483647 h 400"/>
              <a:gd name="T66" fmla="*/ 2147483647 w 572"/>
              <a:gd name="T67" fmla="*/ 2147483647 h 400"/>
              <a:gd name="T68" fmla="*/ 2147483647 w 572"/>
              <a:gd name="T69" fmla="*/ 2147483647 h 400"/>
              <a:gd name="T70" fmla="*/ 2147483647 w 572"/>
              <a:gd name="T71" fmla="*/ 2147483647 h 400"/>
              <a:gd name="T72" fmla="*/ 2147483647 w 572"/>
              <a:gd name="T73" fmla="*/ 2147483647 h 400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0" t="0" r="r" b="b"/>
            <a:pathLst>
              <a:path w="572" h="400">
                <a:moveTo>
                  <a:pt x="0" y="270"/>
                </a:moveTo>
                <a:lnTo>
                  <a:pt x="14" y="256"/>
                </a:lnTo>
                <a:lnTo>
                  <a:pt x="26" y="254"/>
                </a:lnTo>
                <a:lnTo>
                  <a:pt x="32" y="238"/>
                </a:lnTo>
                <a:lnTo>
                  <a:pt x="24" y="232"/>
                </a:lnTo>
                <a:lnTo>
                  <a:pt x="24" y="202"/>
                </a:lnTo>
                <a:lnTo>
                  <a:pt x="36" y="198"/>
                </a:lnTo>
                <a:lnTo>
                  <a:pt x="40" y="184"/>
                </a:lnTo>
                <a:lnTo>
                  <a:pt x="34" y="174"/>
                </a:lnTo>
                <a:lnTo>
                  <a:pt x="16" y="170"/>
                </a:lnTo>
                <a:lnTo>
                  <a:pt x="26" y="158"/>
                </a:lnTo>
                <a:lnTo>
                  <a:pt x="40" y="158"/>
                </a:lnTo>
                <a:lnTo>
                  <a:pt x="48" y="164"/>
                </a:lnTo>
                <a:lnTo>
                  <a:pt x="68" y="158"/>
                </a:lnTo>
                <a:lnTo>
                  <a:pt x="70" y="108"/>
                </a:lnTo>
                <a:lnTo>
                  <a:pt x="98" y="124"/>
                </a:lnTo>
                <a:lnTo>
                  <a:pt x="130" y="148"/>
                </a:lnTo>
                <a:lnTo>
                  <a:pt x="184" y="142"/>
                </a:lnTo>
                <a:lnTo>
                  <a:pt x="210" y="138"/>
                </a:lnTo>
                <a:lnTo>
                  <a:pt x="224" y="126"/>
                </a:lnTo>
                <a:lnTo>
                  <a:pt x="214" y="118"/>
                </a:lnTo>
                <a:lnTo>
                  <a:pt x="216" y="104"/>
                </a:lnTo>
                <a:lnTo>
                  <a:pt x="224" y="98"/>
                </a:lnTo>
                <a:lnTo>
                  <a:pt x="270" y="88"/>
                </a:lnTo>
                <a:lnTo>
                  <a:pt x="278" y="70"/>
                </a:lnTo>
                <a:lnTo>
                  <a:pt x="294" y="70"/>
                </a:lnTo>
                <a:lnTo>
                  <a:pt x="314" y="78"/>
                </a:lnTo>
                <a:lnTo>
                  <a:pt x="336" y="54"/>
                </a:lnTo>
                <a:lnTo>
                  <a:pt x="346" y="54"/>
                </a:lnTo>
                <a:lnTo>
                  <a:pt x="348" y="34"/>
                </a:lnTo>
                <a:lnTo>
                  <a:pt x="360" y="14"/>
                </a:lnTo>
                <a:lnTo>
                  <a:pt x="382" y="8"/>
                </a:lnTo>
                <a:lnTo>
                  <a:pt x="406" y="14"/>
                </a:lnTo>
                <a:lnTo>
                  <a:pt x="434" y="0"/>
                </a:lnTo>
                <a:lnTo>
                  <a:pt x="450" y="14"/>
                </a:lnTo>
                <a:lnTo>
                  <a:pt x="462" y="28"/>
                </a:lnTo>
                <a:lnTo>
                  <a:pt x="498" y="12"/>
                </a:lnTo>
                <a:lnTo>
                  <a:pt x="516" y="24"/>
                </a:lnTo>
                <a:lnTo>
                  <a:pt x="518" y="32"/>
                </a:lnTo>
                <a:lnTo>
                  <a:pt x="534" y="30"/>
                </a:lnTo>
                <a:lnTo>
                  <a:pt x="544" y="46"/>
                </a:lnTo>
                <a:lnTo>
                  <a:pt x="562" y="42"/>
                </a:lnTo>
                <a:lnTo>
                  <a:pt x="572" y="56"/>
                </a:lnTo>
                <a:lnTo>
                  <a:pt x="550" y="86"/>
                </a:lnTo>
                <a:lnTo>
                  <a:pt x="536" y="88"/>
                </a:lnTo>
                <a:lnTo>
                  <a:pt x="518" y="100"/>
                </a:lnTo>
                <a:lnTo>
                  <a:pt x="518" y="112"/>
                </a:lnTo>
                <a:lnTo>
                  <a:pt x="502" y="126"/>
                </a:lnTo>
                <a:lnTo>
                  <a:pt x="510" y="144"/>
                </a:lnTo>
                <a:lnTo>
                  <a:pt x="500" y="156"/>
                </a:lnTo>
                <a:lnTo>
                  <a:pt x="478" y="222"/>
                </a:lnTo>
                <a:lnTo>
                  <a:pt x="476" y="244"/>
                </a:lnTo>
                <a:lnTo>
                  <a:pt x="462" y="250"/>
                </a:lnTo>
                <a:lnTo>
                  <a:pt x="464" y="274"/>
                </a:lnTo>
                <a:lnTo>
                  <a:pt x="448" y="302"/>
                </a:lnTo>
                <a:lnTo>
                  <a:pt x="422" y="306"/>
                </a:lnTo>
                <a:lnTo>
                  <a:pt x="414" y="322"/>
                </a:lnTo>
                <a:lnTo>
                  <a:pt x="376" y="328"/>
                </a:lnTo>
                <a:lnTo>
                  <a:pt x="348" y="330"/>
                </a:lnTo>
                <a:lnTo>
                  <a:pt x="316" y="330"/>
                </a:lnTo>
                <a:lnTo>
                  <a:pt x="294" y="358"/>
                </a:lnTo>
                <a:lnTo>
                  <a:pt x="276" y="358"/>
                </a:lnTo>
                <a:lnTo>
                  <a:pt x="264" y="368"/>
                </a:lnTo>
                <a:lnTo>
                  <a:pt x="248" y="370"/>
                </a:lnTo>
                <a:lnTo>
                  <a:pt x="220" y="394"/>
                </a:lnTo>
                <a:lnTo>
                  <a:pt x="178" y="400"/>
                </a:lnTo>
                <a:lnTo>
                  <a:pt x="148" y="388"/>
                </a:lnTo>
                <a:lnTo>
                  <a:pt x="116" y="380"/>
                </a:lnTo>
                <a:lnTo>
                  <a:pt x="92" y="356"/>
                </a:lnTo>
                <a:lnTo>
                  <a:pt x="64" y="340"/>
                </a:lnTo>
                <a:lnTo>
                  <a:pt x="36" y="322"/>
                </a:lnTo>
                <a:lnTo>
                  <a:pt x="36" y="314"/>
                </a:lnTo>
                <a:lnTo>
                  <a:pt x="20" y="292"/>
                </a:lnTo>
                <a:lnTo>
                  <a:pt x="16" y="276"/>
                </a:lnTo>
                <a:lnTo>
                  <a:pt x="0" y="270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62" name="Freeform 15"/>
          <p:cNvSpPr>
            <a:spLocks/>
          </p:cNvSpPr>
          <p:nvPr/>
        </p:nvSpPr>
        <p:spPr bwMode="auto">
          <a:xfrm>
            <a:off x="5957888" y="4005263"/>
            <a:ext cx="609600" cy="336550"/>
          </a:xfrm>
          <a:custGeom>
            <a:avLst/>
            <a:gdLst>
              <a:gd name="T0" fmla="*/ 2147483647 w 470"/>
              <a:gd name="T1" fmla="*/ 2147483647 h 260"/>
              <a:gd name="T2" fmla="*/ 2147483647 w 470"/>
              <a:gd name="T3" fmla="*/ 2147483647 h 260"/>
              <a:gd name="T4" fmla="*/ 0 w 470"/>
              <a:gd name="T5" fmla="*/ 2147483647 h 260"/>
              <a:gd name="T6" fmla="*/ 0 w 470"/>
              <a:gd name="T7" fmla="*/ 2147483647 h 260"/>
              <a:gd name="T8" fmla="*/ 2147483647 w 470"/>
              <a:gd name="T9" fmla="*/ 2147483647 h 260"/>
              <a:gd name="T10" fmla="*/ 2147483647 w 470"/>
              <a:gd name="T11" fmla="*/ 2147483647 h 260"/>
              <a:gd name="T12" fmla="*/ 2147483647 w 470"/>
              <a:gd name="T13" fmla="*/ 2147483647 h 260"/>
              <a:gd name="T14" fmla="*/ 2147483647 w 470"/>
              <a:gd name="T15" fmla="*/ 2147483647 h 260"/>
              <a:gd name="T16" fmla="*/ 2147483647 w 470"/>
              <a:gd name="T17" fmla="*/ 2147483647 h 260"/>
              <a:gd name="T18" fmla="*/ 2147483647 w 470"/>
              <a:gd name="T19" fmla="*/ 2147483647 h 260"/>
              <a:gd name="T20" fmla="*/ 2147483647 w 470"/>
              <a:gd name="T21" fmla="*/ 2147483647 h 260"/>
              <a:gd name="T22" fmla="*/ 2147483647 w 470"/>
              <a:gd name="T23" fmla="*/ 2147483647 h 260"/>
              <a:gd name="T24" fmla="*/ 2147483647 w 470"/>
              <a:gd name="T25" fmla="*/ 2147483647 h 260"/>
              <a:gd name="T26" fmla="*/ 2147483647 w 470"/>
              <a:gd name="T27" fmla="*/ 2147483647 h 260"/>
              <a:gd name="T28" fmla="*/ 2147483647 w 470"/>
              <a:gd name="T29" fmla="*/ 2147483647 h 260"/>
              <a:gd name="T30" fmla="*/ 2147483647 w 470"/>
              <a:gd name="T31" fmla="*/ 2147483647 h 260"/>
              <a:gd name="T32" fmla="*/ 2147483647 w 470"/>
              <a:gd name="T33" fmla="*/ 2147483647 h 260"/>
              <a:gd name="T34" fmla="*/ 2147483647 w 470"/>
              <a:gd name="T35" fmla="*/ 2147483647 h 260"/>
              <a:gd name="T36" fmla="*/ 2147483647 w 470"/>
              <a:gd name="T37" fmla="*/ 2147483647 h 260"/>
              <a:gd name="T38" fmla="*/ 2147483647 w 470"/>
              <a:gd name="T39" fmla="*/ 2147483647 h 260"/>
              <a:gd name="T40" fmla="*/ 2147483647 w 470"/>
              <a:gd name="T41" fmla="*/ 2147483647 h 260"/>
              <a:gd name="T42" fmla="*/ 2147483647 w 470"/>
              <a:gd name="T43" fmla="*/ 2147483647 h 260"/>
              <a:gd name="T44" fmla="*/ 2147483647 w 470"/>
              <a:gd name="T45" fmla="*/ 2147483647 h 260"/>
              <a:gd name="T46" fmla="*/ 2147483647 w 470"/>
              <a:gd name="T47" fmla="*/ 2147483647 h 260"/>
              <a:gd name="T48" fmla="*/ 2147483647 w 470"/>
              <a:gd name="T49" fmla="*/ 2147483647 h 260"/>
              <a:gd name="T50" fmla="*/ 2147483647 w 470"/>
              <a:gd name="T51" fmla="*/ 2147483647 h 260"/>
              <a:gd name="T52" fmla="*/ 2147483647 w 470"/>
              <a:gd name="T53" fmla="*/ 2147483647 h 260"/>
              <a:gd name="T54" fmla="*/ 2147483647 w 470"/>
              <a:gd name="T55" fmla="*/ 2147483647 h 260"/>
              <a:gd name="T56" fmla="*/ 2147483647 w 470"/>
              <a:gd name="T57" fmla="*/ 2147483647 h 260"/>
              <a:gd name="T58" fmla="*/ 2147483647 w 470"/>
              <a:gd name="T59" fmla="*/ 2147483647 h 260"/>
              <a:gd name="T60" fmla="*/ 2147483647 w 470"/>
              <a:gd name="T61" fmla="*/ 2147483647 h 260"/>
              <a:gd name="T62" fmla="*/ 2147483647 w 470"/>
              <a:gd name="T63" fmla="*/ 0 h 260"/>
              <a:gd name="T64" fmla="*/ 2147483647 w 470"/>
              <a:gd name="T65" fmla="*/ 2147483647 h 260"/>
              <a:gd name="T66" fmla="*/ 2147483647 w 470"/>
              <a:gd name="T67" fmla="*/ 2147483647 h 260"/>
              <a:gd name="T68" fmla="*/ 2147483647 w 470"/>
              <a:gd name="T69" fmla="*/ 2147483647 h 260"/>
              <a:gd name="T70" fmla="*/ 2147483647 w 470"/>
              <a:gd name="T71" fmla="*/ 2147483647 h 260"/>
              <a:gd name="T72" fmla="*/ 2147483647 w 470"/>
              <a:gd name="T73" fmla="*/ 2147483647 h 260"/>
              <a:gd name="T74" fmla="*/ 2147483647 w 470"/>
              <a:gd name="T75" fmla="*/ 2147483647 h 260"/>
              <a:gd name="T76" fmla="*/ 2147483647 w 470"/>
              <a:gd name="T77" fmla="*/ 2147483647 h 260"/>
              <a:gd name="T78" fmla="*/ 2147483647 w 470"/>
              <a:gd name="T79" fmla="*/ 2147483647 h 260"/>
              <a:gd name="T80" fmla="*/ 2147483647 w 470"/>
              <a:gd name="T81" fmla="*/ 2147483647 h 260"/>
              <a:gd name="T82" fmla="*/ 2147483647 w 470"/>
              <a:gd name="T83" fmla="*/ 2147483647 h 260"/>
              <a:gd name="T84" fmla="*/ 2147483647 w 470"/>
              <a:gd name="T85" fmla="*/ 2147483647 h 260"/>
              <a:gd name="T86" fmla="*/ 2147483647 w 470"/>
              <a:gd name="T87" fmla="*/ 2147483647 h 260"/>
              <a:gd name="T88" fmla="*/ 2147483647 w 470"/>
              <a:gd name="T89" fmla="*/ 2147483647 h 260"/>
              <a:gd name="T90" fmla="*/ 2147483647 w 470"/>
              <a:gd name="T91" fmla="*/ 2147483647 h 260"/>
              <a:gd name="T92" fmla="*/ 2147483647 w 470"/>
              <a:gd name="T93" fmla="*/ 2147483647 h 260"/>
              <a:gd name="T94" fmla="*/ 2147483647 w 470"/>
              <a:gd name="T95" fmla="*/ 2147483647 h 260"/>
              <a:gd name="T96" fmla="*/ 2147483647 w 470"/>
              <a:gd name="T97" fmla="*/ 2147483647 h 260"/>
              <a:gd name="T98" fmla="*/ 2147483647 w 470"/>
              <a:gd name="T99" fmla="*/ 2147483647 h 260"/>
              <a:gd name="T100" fmla="*/ 2147483647 w 470"/>
              <a:gd name="T101" fmla="*/ 2147483647 h 260"/>
              <a:gd name="T102" fmla="*/ 2147483647 w 470"/>
              <a:gd name="T103" fmla="*/ 2147483647 h 260"/>
              <a:gd name="T104" fmla="*/ 2147483647 w 470"/>
              <a:gd name="T105" fmla="*/ 2147483647 h 260"/>
              <a:gd name="T106" fmla="*/ 2147483647 w 470"/>
              <a:gd name="T107" fmla="*/ 2147483647 h 260"/>
              <a:gd name="T108" fmla="*/ 2147483647 w 470"/>
              <a:gd name="T109" fmla="*/ 2147483647 h 260"/>
              <a:gd name="T110" fmla="*/ 2147483647 w 470"/>
              <a:gd name="T111" fmla="*/ 2147483647 h 260"/>
              <a:gd name="T112" fmla="*/ 2147483647 w 470"/>
              <a:gd name="T113" fmla="*/ 2147483647 h 260"/>
              <a:gd name="T114" fmla="*/ 2147483647 w 470"/>
              <a:gd name="T115" fmla="*/ 2147483647 h 260"/>
              <a:gd name="T116" fmla="*/ 2147483647 w 470"/>
              <a:gd name="T117" fmla="*/ 2147483647 h 260"/>
              <a:gd name="T118" fmla="*/ 2147483647 w 470"/>
              <a:gd name="T119" fmla="*/ 2147483647 h 260"/>
              <a:gd name="T120" fmla="*/ 2147483647 w 470"/>
              <a:gd name="T121" fmla="*/ 2147483647 h 260"/>
              <a:gd name="T122" fmla="*/ 2147483647 w 470"/>
              <a:gd name="T123" fmla="*/ 2147483647 h 260"/>
              <a:gd name="T124" fmla="*/ 2147483647 w 470"/>
              <a:gd name="T125" fmla="*/ 2147483647 h 260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470" h="260">
                <a:moveTo>
                  <a:pt x="26" y="220"/>
                </a:moveTo>
                <a:lnTo>
                  <a:pt x="14" y="208"/>
                </a:lnTo>
                <a:lnTo>
                  <a:pt x="0" y="188"/>
                </a:lnTo>
                <a:lnTo>
                  <a:pt x="0" y="170"/>
                </a:lnTo>
                <a:lnTo>
                  <a:pt x="8" y="148"/>
                </a:lnTo>
                <a:lnTo>
                  <a:pt x="24" y="124"/>
                </a:lnTo>
                <a:lnTo>
                  <a:pt x="54" y="126"/>
                </a:lnTo>
                <a:lnTo>
                  <a:pt x="82" y="108"/>
                </a:lnTo>
                <a:lnTo>
                  <a:pt x="86" y="92"/>
                </a:lnTo>
                <a:lnTo>
                  <a:pt x="98" y="90"/>
                </a:lnTo>
                <a:lnTo>
                  <a:pt x="100" y="62"/>
                </a:lnTo>
                <a:lnTo>
                  <a:pt x="118" y="54"/>
                </a:lnTo>
                <a:lnTo>
                  <a:pt x="118" y="40"/>
                </a:lnTo>
                <a:lnTo>
                  <a:pt x="138" y="28"/>
                </a:lnTo>
                <a:lnTo>
                  <a:pt x="152" y="24"/>
                </a:lnTo>
                <a:lnTo>
                  <a:pt x="166" y="24"/>
                </a:lnTo>
                <a:lnTo>
                  <a:pt x="168" y="36"/>
                </a:lnTo>
                <a:lnTo>
                  <a:pt x="180" y="36"/>
                </a:lnTo>
                <a:lnTo>
                  <a:pt x="186" y="20"/>
                </a:lnTo>
                <a:lnTo>
                  <a:pt x="204" y="6"/>
                </a:lnTo>
                <a:lnTo>
                  <a:pt x="216" y="24"/>
                </a:lnTo>
                <a:lnTo>
                  <a:pt x="238" y="32"/>
                </a:lnTo>
                <a:lnTo>
                  <a:pt x="238" y="56"/>
                </a:lnTo>
                <a:lnTo>
                  <a:pt x="264" y="50"/>
                </a:lnTo>
                <a:lnTo>
                  <a:pt x="264" y="36"/>
                </a:lnTo>
                <a:lnTo>
                  <a:pt x="284" y="22"/>
                </a:lnTo>
                <a:lnTo>
                  <a:pt x="310" y="16"/>
                </a:lnTo>
                <a:lnTo>
                  <a:pt x="324" y="28"/>
                </a:lnTo>
                <a:lnTo>
                  <a:pt x="342" y="22"/>
                </a:lnTo>
                <a:lnTo>
                  <a:pt x="342" y="8"/>
                </a:lnTo>
                <a:lnTo>
                  <a:pt x="374" y="8"/>
                </a:lnTo>
                <a:lnTo>
                  <a:pt x="388" y="0"/>
                </a:lnTo>
                <a:lnTo>
                  <a:pt x="414" y="8"/>
                </a:lnTo>
                <a:lnTo>
                  <a:pt x="434" y="28"/>
                </a:lnTo>
                <a:lnTo>
                  <a:pt x="456" y="28"/>
                </a:lnTo>
                <a:lnTo>
                  <a:pt x="470" y="36"/>
                </a:lnTo>
                <a:lnTo>
                  <a:pt x="464" y="52"/>
                </a:lnTo>
                <a:lnTo>
                  <a:pt x="462" y="82"/>
                </a:lnTo>
                <a:lnTo>
                  <a:pt x="450" y="102"/>
                </a:lnTo>
                <a:lnTo>
                  <a:pt x="454" y="124"/>
                </a:lnTo>
                <a:lnTo>
                  <a:pt x="418" y="140"/>
                </a:lnTo>
                <a:lnTo>
                  <a:pt x="410" y="128"/>
                </a:lnTo>
                <a:lnTo>
                  <a:pt x="404" y="124"/>
                </a:lnTo>
                <a:lnTo>
                  <a:pt x="390" y="112"/>
                </a:lnTo>
                <a:lnTo>
                  <a:pt x="362" y="126"/>
                </a:lnTo>
                <a:lnTo>
                  <a:pt x="338" y="120"/>
                </a:lnTo>
                <a:lnTo>
                  <a:pt x="316" y="126"/>
                </a:lnTo>
                <a:lnTo>
                  <a:pt x="304" y="146"/>
                </a:lnTo>
                <a:lnTo>
                  <a:pt x="302" y="166"/>
                </a:lnTo>
                <a:lnTo>
                  <a:pt x="292" y="166"/>
                </a:lnTo>
                <a:lnTo>
                  <a:pt x="270" y="190"/>
                </a:lnTo>
                <a:lnTo>
                  <a:pt x="250" y="182"/>
                </a:lnTo>
                <a:lnTo>
                  <a:pt x="234" y="182"/>
                </a:lnTo>
                <a:lnTo>
                  <a:pt x="226" y="200"/>
                </a:lnTo>
                <a:lnTo>
                  <a:pt x="180" y="210"/>
                </a:lnTo>
                <a:lnTo>
                  <a:pt x="172" y="216"/>
                </a:lnTo>
                <a:lnTo>
                  <a:pt x="170" y="230"/>
                </a:lnTo>
                <a:lnTo>
                  <a:pt x="180" y="238"/>
                </a:lnTo>
                <a:lnTo>
                  <a:pt x="166" y="250"/>
                </a:lnTo>
                <a:lnTo>
                  <a:pt x="126" y="256"/>
                </a:lnTo>
                <a:lnTo>
                  <a:pt x="86" y="260"/>
                </a:lnTo>
                <a:lnTo>
                  <a:pt x="54" y="236"/>
                </a:lnTo>
                <a:lnTo>
                  <a:pt x="26" y="220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63" name="Freeform 16"/>
          <p:cNvSpPr>
            <a:spLocks/>
          </p:cNvSpPr>
          <p:nvPr/>
        </p:nvSpPr>
        <p:spPr bwMode="auto">
          <a:xfrm>
            <a:off x="5486400" y="5010150"/>
            <a:ext cx="26988" cy="25400"/>
          </a:xfrm>
          <a:custGeom>
            <a:avLst/>
            <a:gdLst>
              <a:gd name="T0" fmla="*/ 2147483647 w 20"/>
              <a:gd name="T1" fmla="*/ 0 h 20"/>
              <a:gd name="T2" fmla="*/ 2147483647 w 20"/>
              <a:gd name="T3" fmla="*/ 2147483647 h 20"/>
              <a:gd name="T4" fmla="*/ 2147483647 w 20"/>
              <a:gd name="T5" fmla="*/ 2147483647 h 20"/>
              <a:gd name="T6" fmla="*/ 2147483647 w 20"/>
              <a:gd name="T7" fmla="*/ 2147483647 h 20"/>
              <a:gd name="T8" fmla="*/ 0 w 20"/>
              <a:gd name="T9" fmla="*/ 2147483647 h 20"/>
              <a:gd name="T10" fmla="*/ 2147483647 w 20"/>
              <a:gd name="T11" fmla="*/ 2147483647 h 20"/>
              <a:gd name="T12" fmla="*/ 2147483647 w 20"/>
              <a:gd name="T13" fmla="*/ 0 h 20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0" t="0" r="r" b="b"/>
            <a:pathLst>
              <a:path w="20" h="20">
                <a:moveTo>
                  <a:pt x="10" y="0"/>
                </a:moveTo>
                <a:lnTo>
                  <a:pt x="20" y="8"/>
                </a:lnTo>
                <a:lnTo>
                  <a:pt x="18" y="18"/>
                </a:lnTo>
                <a:lnTo>
                  <a:pt x="10" y="20"/>
                </a:lnTo>
                <a:lnTo>
                  <a:pt x="0" y="14"/>
                </a:lnTo>
                <a:lnTo>
                  <a:pt x="2" y="2"/>
                </a:lnTo>
                <a:lnTo>
                  <a:pt x="10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64" name="Freeform 17"/>
          <p:cNvSpPr>
            <a:spLocks/>
          </p:cNvSpPr>
          <p:nvPr/>
        </p:nvSpPr>
        <p:spPr bwMode="auto">
          <a:xfrm>
            <a:off x="5014913" y="5187950"/>
            <a:ext cx="125412" cy="274638"/>
          </a:xfrm>
          <a:custGeom>
            <a:avLst/>
            <a:gdLst>
              <a:gd name="T0" fmla="*/ 2147483647 w 97"/>
              <a:gd name="T1" fmla="*/ 2147483647 h 212"/>
              <a:gd name="T2" fmla="*/ 2147483647 w 97"/>
              <a:gd name="T3" fmla="*/ 2147483647 h 212"/>
              <a:gd name="T4" fmla="*/ 2147483647 w 97"/>
              <a:gd name="T5" fmla="*/ 2147483647 h 212"/>
              <a:gd name="T6" fmla="*/ 2147483647 w 97"/>
              <a:gd name="T7" fmla="*/ 2147483647 h 212"/>
              <a:gd name="T8" fmla="*/ 2147483647 w 97"/>
              <a:gd name="T9" fmla="*/ 2147483647 h 212"/>
              <a:gd name="T10" fmla="*/ 2147483647 w 97"/>
              <a:gd name="T11" fmla="*/ 2147483647 h 212"/>
              <a:gd name="T12" fmla="*/ 2147483647 w 97"/>
              <a:gd name="T13" fmla="*/ 2147483647 h 212"/>
              <a:gd name="T14" fmla="*/ 2147483647 w 97"/>
              <a:gd name="T15" fmla="*/ 0 h 212"/>
              <a:gd name="T16" fmla="*/ 2147483647 w 97"/>
              <a:gd name="T17" fmla="*/ 2147483647 h 212"/>
              <a:gd name="T18" fmla="*/ 2147483647 w 97"/>
              <a:gd name="T19" fmla="*/ 2147483647 h 212"/>
              <a:gd name="T20" fmla="*/ 2147483647 w 97"/>
              <a:gd name="T21" fmla="*/ 2147483647 h 212"/>
              <a:gd name="T22" fmla="*/ 2147483647 w 97"/>
              <a:gd name="T23" fmla="*/ 2147483647 h 212"/>
              <a:gd name="T24" fmla="*/ 2147483647 w 97"/>
              <a:gd name="T25" fmla="*/ 2147483647 h 212"/>
              <a:gd name="T26" fmla="*/ 2147483647 w 97"/>
              <a:gd name="T27" fmla="*/ 2147483647 h 212"/>
              <a:gd name="T28" fmla="*/ 2147483647 w 97"/>
              <a:gd name="T29" fmla="*/ 2147483647 h 212"/>
              <a:gd name="T30" fmla="*/ 2147483647 w 97"/>
              <a:gd name="T31" fmla="*/ 2147483647 h 212"/>
              <a:gd name="T32" fmla="*/ 2147483647 w 97"/>
              <a:gd name="T33" fmla="*/ 2147483647 h 212"/>
              <a:gd name="T34" fmla="*/ 2147483647 w 97"/>
              <a:gd name="T35" fmla="*/ 2147483647 h 212"/>
              <a:gd name="T36" fmla="*/ 2147483647 w 97"/>
              <a:gd name="T37" fmla="*/ 2147483647 h 212"/>
              <a:gd name="T38" fmla="*/ 2147483647 w 97"/>
              <a:gd name="T39" fmla="*/ 2147483647 h 212"/>
              <a:gd name="T40" fmla="*/ 2147483647 w 97"/>
              <a:gd name="T41" fmla="*/ 2147483647 h 212"/>
              <a:gd name="T42" fmla="*/ 2147483647 w 97"/>
              <a:gd name="T43" fmla="*/ 2147483647 h 212"/>
              <a:gd name="T44" fmla="*/ 2147483647 w 97"/>
              <a:gd name="T45" fmla="*/ 2147483647 h 212"/>
              <a:gd name="T46" fmla="*/ 2147483647 w 97"/>
              <a:gd name="T47" fmla="*/ 2147483647 h 212"/>
              <a:gd name="T48" fmla="*/ 2147483647 w 97"/>
              <a:gd name="T49" fmla="*/ 2147483647 h 212"/>
              <a:gd name="T50" fmla="*/ 2147483647 w 97"/>
              <a:gd name="T51" fmla="*/ 2147483647 h 212"/>
              <a:gd name="T52" fmla="*/ 2147483647 w 97"/>
              <a:gd name="T53" fmla="*/ 2147483647 h 212"/>
              <a:gd name="T54" fmla="*/ 2147483647 w 97"/>
              <a:gd name="T55" fmla="*/ 2147483647 h 212"/>
              <a:gd name="T56" fmla="*/ 2147483647 w 97"/>
              <a:gd name="T57" fmla="*/ 2147483647 h 212"/>
              <a:gd name="T58" fmla="*/ 2147483647 w 97"/>
              <a:gd name="T59" fmla="*/ 2147483647 h 212"/>
              <a:gd name="T60" fmla="*/ 2147483647 w 97"/>
              <a:gd name="T61" fmla="*/ 2147483647 h 212"/>
              <a:gd name="T62" fmla="*/ 2147483647 w 97"/>
              <a:gd name="T63" fmla="*/ 2147483647 h 212"/>
              <a:gd name="T64" fmla="*/ 2147483647 w 97"/>
              <a:gd name="T65" fmla="*/ 2147483647 h 212"/>
              <a:gd name="T66" fmla="*/ 2147483647 w 97"/>
              <a:gd name="T67" fmla="*/ 2147483647 h 212"/>
              <a:gd name="T68" fmla="*/ 0 w 97"/>
              <a:gd name="T69" fmla="*/ 2147483647 h 212"/>
              <a:gd name="T70" fmla="*/ 2147483647 w 97"/>
              <a:gd name="T71" fmla="*/ 2147483647 h 212"/>
              <a:gd name="T72" fmla="*/ 2147483647 w 97"/>
              <a:gd name="T73" fmla="*/ 2147483647 h 212"/>
              <a:gd name="T74" fmla="*/ 0 w 97"/>
              <a:gd name="T75" fmla="*/ 2147483647 h 212"/>
              <a:gd name="T76" fmla="*/ 2147483647 w 97"/>
              <a:gd name="T77" fmla="*/ 2147483647 h 212"/>
              <a:gd name="T78" fmla="*/ 2147483647 w 97"/>
              <a:gd name="T79" fmla="*/ 2147483647 h 212"/>
              <a:gd name="T80" fmla="*/ 2147483647 w 97"/>
              <a:gd name="T81" fmla="*/ 2147483647 h 212"/>
              <a:gd name="T82" fmla="*/ 2147483647 w 97"/>
              <a:gd name="T83" fmla="*/ 2147483647 h 212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97" h="212">
                <a:moveTo>
                  <a:pt x="16" y="58"/>
                </a:moveTo>
                <a:lnTo>
                  <a:pt x="36" y="52"/>
                </a:lnTo>
                <a:lnTo>
                  <a:pt x="46" y="42"/>
                </a:lnTo>
                <a:lnTo>
                  <a:pt x="60" y="36"/>
                </a:lnTo>
                <a:lnTo>
                  <a:pt x="72" y="42"/>
                </a:lnTo>
                <a:lnTo>
                  <a:pt x="78" y="22"/>
                </a:lnTo>
                <a:lnTo>
                  <a:pt x="78" y="12"/>
                </a:lnTo>
                <a:lnTo>
                  <a:pt x="80" y="0"/>
                </a:lnTo>
                <a:lnTo>
                  <a:pt x="89" y="8"/>
                </a:lnTo>
                <a:lnTo>
                  <a:pt x="91" y="26"/>
                </a:lnTo>
                <a:lnTo>
                  <a:pt x="91" y="48"/>
                </a:lnTo>
                <a:lnTo>
                  <a:pt x="95" y="62"/>
                </a:lnTo>
                <a:lnTo>
                  <a:pt x="97" y="86"/>
                </a:lnTo>
                <a:lnTo>
                  <a:pt x="97" y="118"/>
                </a:lnTo>
                <a:lnTo>
                  <a:pt x="82" y="138"/>
                </a:lnTo>
                <a:lnTo>
                  <a:pt x="80" y="156"/>
                </a:lnTo>
                <a:lnTo>
                  <a:pt x="80" y="174"/>
                </a:lnTo>
                <a:lnTo>
                  <a:pt x="72" y="188"/>
                </a:lnTo>
                <a:lnTo>
                  <a:pt x="64" y="204"/>
                </a:lnTo>
                <a:lnTo>
                  <a:pt x="62" y="212"/>
                </a:lnTo>
                <a:lnTo>
                  <a:pt x="50" y="212"/>
                </a:lnTo>
                <a:lnTo>
                  <a:pt x="50" y="200"/>
                </a:lnTo>
                <a:lnTo>
                  <a:pt x="38" y="200"/>
                </a:lnTo>
                <a:lnTo>
                  <a:pt x="30" y="194"/>
                </a:lnTo>
                <a:lnTo>
                  <a:pt x="22" y="184"/>
                </a:lnTo>
                <a:lnTo>
                  <a:pt x="34" y="174"/>
                </a:lnTo>
                <a:lnTo>
                  <a:pt x="32" y="168"/>
                </a:lnTo>
                <a:lnTo>
                  <a:pt x="10" y="164"/>
                </a:lnTo>
                <a:lnTo>
                  <a:pt x="14" y="154"/>
                </a:lnTo>
                <a:lnTo>
                  <a:pt x="20" y="144"/>
                </a:lnTo>
                <a:lnTo>
                  <a:pt x="6" y="142"/>
                </a:lnTo>
                <a:lnTo>
                  <a:pt x="10" y="134"/>
                </a:lnTo>
                <a:lnTo>
                  <a:pt x="16" y="122"/>
                </a:lnTo>
                <a:lnTo>
                  <a:pt x="8" y="114"/>
                </a:lnTo>
                <a:lnTo>
                  <a:pt x="0" y="108"/>
                </a:lnTo>
                <a:lnTo>
                  <a:pt x="6" y="100"/>
                </a:lnTo>
                <a:lnTo>
                  <a:pt x="10" y="94"/>
                </a:lnTo>
                <a:lnTo>
                  <a:pt x="0" y="84"/>
                </a:lnTo>
                <a:lnTo>
                  <a:pt x="6" y="78"/>
                </a:lnTo>
                <a:lnTo>
                  <a:pt x="12" y="74"/>
                </a:lnTo>
                <a:lnTo>
                  <a:pt x="12" y="62"/>
                </a:lnTo>
                <a:lnTo>
                  <a:pt x="16" y="5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65" name="Freeform 18"/>
          <p:cNvSpPr>
            <a:spLocks/>
          </p:cNvSpPr>
          <p:nvPr/>
        </p:nvSpPr>
        <p:spPr bwMode="auto">
          <a:xfrm>
            <a:off x="4957763" y="5486400"/>
            <a:ext cx="212725" cy="401638"/>
          </a:xfrm>
          <a:custGeom>
            <a:avLst/>
            <a:gdLst>
              <a:gd name="T0" fmla="*/ 2147483647 w 165"/>
              <a:gd name="T1" fmla="*/ 2147483647 h 310"/>
              <a:gd name="T2" fmla="*/ 2147483647 w 165"/>
              <a:gd name="T3" fmla="*/ 2147483647 h 310"/>
              <a:gd name="T4" fmla="*/ 2147483647 w 165"/>
              <a:gd name="T5" fmla="*/ 2147483647 h 310"/>
              <a:gd name="T6" fmla="*/ 2147483647 w 165"/>
              <a:gd name="T7" fmla="*/ 2147483647 h 310"/>
              <a:gd name="T8" fmla="*/ 2147483647 w 165"/>
              <a:gd name="T9" fmla="*/ 2147483647 h 310"/>
              <a:gd name="T10" fmla="*/ 2147483647 w 165"/>
              <a:gd name="T11" fmla="*/ 2147483647 h 310"/>
              <a:gd name="T12" fmla="*/ 2147483647 w 165"/>
              <a:gd name="T13" fmla="*/ 0 h 310"/>
              <a:gd name="T14" fmla="*/ 2147483647 w 165"/>
              <a:gd name="T15" fmla="*/ 2147483647 h 310"/>
              <a:gd name="T16" fmla="*/ 2147483647 w 165"/>
              <a:gd name="T17" fmla="*/ 2147483647 h 310"/>
              <a:gd name="T18" fmla="*/ 2147483647 w 165"/>
              <a:gd name="T19" fmla="*/ 2147483647 h 310"/>
              <a:gd name="T20" fmla="*/ 2147483647 w 165"/>
              <a:gd name="T21" fmla="*/ 2147483647 h 310"/>
              <a:gd name="T22" fmla="*/ 2147483647 w 165"/>
              <a:gd name="T23" fmla="*/ 2147483647 h 310"/>
              <a:gd name="T24" fmla="*/ 2147483647 w 165"/>
              <a:gd name="T25" fmla="*/ 2147483647 h 310"/>
              <a:gd name="T26" fmla="*/ 2147483647 w 165"/>
              <a:gd name="T27" fmla="*/ 2147483647 h 310"/>
              <a:gd name="T28" fmla="*/ 2147483647 w 165"/>
              <a:gd name="T29" fmla="*/ 2147483647 h 310"/>
              <a:gd name="T30" fmla="*/ 2147483647 w 165"/>
              <a:gd name="T31" fmla="*/ 2147483647 h 310"/>
              <a:gd name="T32" fmla="*/ 2147483647 w 165"/>
              <a:gd name="T33" fmla="*/ 2147483647 h 310"/>
              <a:gd name="T34" fmla="*/ 2147483647 w 165"/>
              <a:gd name="T35" fmla="*/ 2147483647 h 310"/>
              <a:gd name="T36" fmla="*/ 2147483647 w 165"/>
              <a:gd name="T37" fmla="*/ 2147483647 h 310"/>
              <a:gd name="T38" fmla="*/ 2147483647 w 165"/>
              <a:gd name="T39" fmla="*/ 2147483647 h 310"/>
              <a:gd name="T40" fmla="*/ 2147483647 w 165"/>
              <a:gd name="T41" fmla="*/ 2147483647 h 310"/>
              <a:gd name="T42" fmla="*/ 2147483647 w 165"/>
              <a:gd name="T43" fmla="*/ 2147483647 h 310"/>
              <a:gd name="T44" fmla="*/ 2147483647 w 165"/>
              <a:gd name="T45" fmla="*/ 2147483647 h 310"/>
              <a:gd name="T46" fmla="*/ 2147483647 w 165"/>
              <a:gd name="T47" fmla="*/ 2147483647 h 310"/>
              <a:gd name="T48" fmla="*/ 2147483647 w 165"/>
              <a:gd name="T49" fmla="*/ 2147483647 h 310"/>
              <a:gd name="T50" fmla="*/ 2147483647 w 165"/>
              <a:gd name="T51" fmla="*/ 2147483647 h 310"/>
              <a:gd name="T52" fmla="*/ 2147483647 w 165"/>
              <a:gd name="T53" fmla="*/ 2147483647 h 310"/>
              <a:gd name="T54" fmla="*/ 2147483647 w 165"/>
              <a:gd name="T55" fmla="*/ 2147483647 h 310"/>
              <a:gd name="T56" fmla="*/ 2147483647 w 165"/>
              <a:gd name="T57" fmla="*/ 2147483647 h 310"/>
              <a:gd name="T58" fmla="*/ 2147483647 w 165"/>
              <a:gd name="T59" fmla="*/ 2147483647 h 310"/>
              <a:gd name="T60" fmla="*/ 2147483647 w 165"/>
              <a:gd name="T61" fmla="*/ 2147483647 h 310"/>
              <a:gd name="T62" fmla="*/ 2147483647 w 165"/>
              <a:gd name="T63" fmla="*/ 2147483647 h 310"/>
              <a:gd name="T64" fmla="*/ 2147483647 w 165"/>
              <a:gd name="T65" fmla="*/ 2147483647 h 310"/>
              <a:gd name="T66" fmla="*/ 2147483647 w 165"/>
              <a:gd name="T67" fmla="*/ 2147483647 h 310"/>
              <a:gd name="T68" fmla="*/ 2147483647 w 165"/>
              <a:gd name="T69" fmla="*/ 2147483647 h 310"/>
              <a:gd name="T70" fmla="*/ 2147483647 w 165"/>
              <a:gd name="T71" fmla="*/ 2147483647 h 310"/>
              <a:gd name="T72" fmla="*/ 2147483647 w 165"/>
              <a:gd name="T73" fmla="*/ 2147483647 h 310"/>
              <a:gd name="T74" fmla="*/ 2147483647 w 165"/>
              <a:gd name="T75" fmla="*/ 2147483647 h 310"/>
              <a:gd name="T76" fmla="*/ 2147483647 w 165"/>
              <a:gd name="T77" fmla="*/ 2147483647 h 310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</a:gdLst>
            <a:ahLst/>
            <a:cxnLst>
              <a:cxn ang="T78">
                <a:pos x="T0" y="T1"/>
              </a:cxn>
              <a:cxn ang="T79">
                <a:pos x="T2" y="T3"/>
              </a:cxn>
              <a:cxn ang="T80">
                <a:pos x="T4" y="T5"/>
              </a:cxn>
              <a:cxn ang="T81">
                <a:pos x="T6" y="T7"/>
              </a:cxn>
              <a:cxn ang="T82">
                <a:pos x="T8" y="T9"/>
              </a:cxn>
              <a:cxn ang="T83">
                <a:pos x="T10" y="T11"/>
              </a:cxn>
              <a:cxn ang="T84">
                <a:pos x="T12" y="T13"/>
              </a:cxn>
              <a:cxn ang="T85">
                <a:pos x="T14" y="T15"/>
              </a:cxn>
              <a:cxn ang="T86">
                <a:pos x="T16" y="T17"/>
              </a:cxn>
              <a:cxn ang="T87">
                <a:pos x="T18" y="T19"/>
              </a:cxn>
              <a:cxn ang="T88">
                <a:pos x="T20" y="T21"/>
              </a:cxn>
              <a:cxn ang="T89">
                <a:pos x="T22" y="T23"/>
              </a:cxn>
              <a:cxn ang="T90">
                <a:pos x="T24" y="T25"/>
              </a:cxn>
              <a:cxn ang="T91">
                <a:pos x="T26" y="T27"/>
              </a:cxn>
              <a:cxn ang="T92">
                <a:pos x="T28" y="T29"/>
              </a:cxn>
              <a:cxn ang="T93">
                <a:pos x="T30" y="T31"/>
              </a:cxn>
              <a:cxn ang="T94">
                <a:pos x="T32" y="T33"/>
              </a:cxn>
              <a:cxn ang="T95">
                <a:pos x="T34" y="T35"/>
              </a:cxn>
              <a:cxn ang="T96">
                <a:pos x="T36" y="T37"/>
              </a:cxn>
              <a:cxn ang="T97">
                <a:pos x="T38" y="T39"/>
              </a:cxn>
              <a:cxn ang="T98">
                <a:pos x="T40" y="T41"/>
              </a:cxn>
              <a:cxn ang="T99">
                <a:pos x="T42" y="T43"/>
              </a:cxn>
              <a:cxn ang="T100">
                <a:pos x="T44" y="T45"/>
              </a:cxn>
              <a:cxn ang="T101">
                <a:pos x="T46" y="T47"/>
              </a:cxn>
              <a:cxn ang="T102">
                <a:pos x="T48" y="T49"/>
              </a:cxn>
              <a:cxn ang="T103">
                <a:pos x="T50" y="T51"/>
              </a:cxn>
              <a:cxn ang="T104">
                <a:pos x="T52" y="T53"/>
              </a:cxn>
              <a:cxn ang="T105">
                <a:pos x="T54" y="T55"/>
              </a:cxn>
              <a:cxn ang="T106">
                <a:pos x="T56" y="T57"/>
              </a:cxn>
              <a:cxn ang="T107">
                <a:pos x="T58" y="T59"/>
              </a:cxn>
              <a:cxn ang="T108">
                <a:pos x="T60" y="T61"/>
              </a:cxn>
              <a:cxn ang="T109">
                <a:pos x="T62" y="T63"/>
              </a:cxn>
              <a:cxn ang="T110">
                <a:pos x="T64" y="T65"/>
              </a:cxn>
              <a:cxn ang="T111">
                <a:pos x="T66" y="T67"/>
              </a:cxn>
              <a:cxn ang="T112">
                <a:pos x="T68" y="T69"/>
              </a:cxn>
              <a:cxn ang="T113">
                <a:pos x="T70" y="T71"/>
              </a:cxn>
              <a:cxn ang="T114">
                <a:pos x="T72" y="T73"/>
              </a:cxn>
              <a:cxn ang="T115">
                <a:pos x="T74" y="T75"/>
              </a:cxn>
              <a:cxn ang="T116">
                <a:pos x="T76" y="T77"/>
              </a:cxn>
            </a:cxnLst>
            <a:rect l="0" t="0" r="r" b="b"/>
            <a:pathLst>
              <a:path w="165" h="310">
                <a:moveTo>
                  <a:pt x="18" y="18"/>
                </a:moveTo>
                <a:lnTo>
                  <a:pt x="16" y="26"/>
                </a:lnTo>
                <a:lnTo>
                  <a:pt x="12" y="34"/>
                </a:lnTo>
                <a:lnTo>
                  <a:pt x="10" y="44"/>
                </a:lnTo>
                <a:lnTo>
                  <a:pt x="20" y="52"/>
                </a:lnTo>
                <a:lnTo>
                  <a:pt x="36" y="54"/>
                </a:lnTo>
                <a:lnTo>
                  <a:pt x="48" y="46"/>
                </a:lnTo>
                <a:lnTo>
                  <a:pt x="52" y="44"/>
                </a:lnTo>
                <a:lnTo>
                  <a:pt x="62" y="44"/>
                </a:lnTo>
                <a:lnTo>
                  <a:pt x="88" y="18"/>
                </a:lnTo>
                <a:lnTo>
                  <a:pt x="94" y="16"/>
                </a:lnTo>
                <a:lnTo>
                  <a:pt x="100" y="12"/>
                </a:lnTo>
                <a:lnTo>
                  <a:pt x="102" y="2"/>
                </a:lnTo>
                <a:lnTo>
                  <a:pt x="114" y="0"/>
                </a:lnTo>
                <a:lnTo>
                  <a:pt x="116" y="8"/>
                </a:lnTo>
                <a:lnTo>
                  <a:pt x="124" y="12"/>
                </a:lnTo>
                <a:lnTo>
                  <a:pt x="141" y="18"/>
                </a:lnTo>
                <a:lnTo>
                  <a:pt x="139" y="26"/>
                </a:lnTo>
                <a:lnTo>
                  <a:pt x="149" y="32"/>
                </a:lnTo>
                <a:lnTo>
                  <a:pt x="143" y="42"/>
                </a:lnTo>
                <a:lnTo>
                  <a:pt x="155" y="56"/>
                </a:lnTo>
                <a:lnTo>
                  <a:pt x="155" y="68"/>
                </a:lnTo>
                <a:lnTo>
                  <a:pt x="161" y="78"/>
                </a:lnTo>
                <a:lnTo>
                  <a:pt x="165" y="90"/>
                </a:lnTo>
                <a:lnTo>
                  <a:pt x="165" y="110"/>
                </a:lnTo>
                <a:lnTo>
                  <a:pt x="155" y="116"/>
                </a:lnTo>
                <a:lnTo>
                  <a:pt x="145" y="128"/>
                </a:lnTo>
                <a:lnTo>
                  <a:pt x="151" y="138"/>
                </a:lnTo>
                <a:lnTo>
                  <a:pt x="157" y="152"/>
                </a:lnTo>
                <a:lnTo>
                  <a:pt x="153" y="164"/>
                </a:lnTo>
                <a:lnTo>
                  <a:pt x="153" y="196"/>
                </a:lnTo>
                <a:lnTo>
                  <a:pt x="151" y="208"/>
                </a:lnTo>
                <a:lnTo>
                  <a:pt x="149" y="236"/>
                </a:lnTo>
                <a:lnTo>
                  <a:pt x="147" y="252"/>
                </a:lnTo>
                <a:lnTo>
                  <a:pt x="141" y="260"/>
                </a:lnTo>
                <a:lnTo>
                  <a:pt x="141" y="272"/>
                </a:lnTo>
                <a:lnTo>
                  <a:pt x="137" y="280"/>
                </a:lnTo>
                <a:lnTo>
                  <a:pt x="126" y="276"/>
                </a:lnTo>
                <a:lnTo>
                  <a:pt x="112" y="266"/>
                </a:lnTo>
                <a:lnTo>
                  <a:pt x="102" y="266"/>
                </a:lnTo>
                <a:lnTo>
                  <a:pt x="92" y="262"/>
                </a:lnTo>
                <a:lnTo>
                  <a:pt x="88" y="268"/>
                </a:lnTo>
                <a:lnTo>
                  <a:pt x="86" y="280"/>
                </a:lnTo>
                <a:lnTo>
                  <a:pt x="88" y="288"/>
                </a:lnTo>
                <a:lnTo>
                  <a:pt x="80" y="296"/>
                </a:lnTo>
                <a:lnTo>
                  <a:pt x="70" y="308"/>
                </a:lnTo>
                <a:lnTo>
                  <a:pt x="60" y="306"/>
                </a:lnTo>
                <a:lnTo>
                  <a:pt x="52" y="304"/>
                </a:lnTo>
                <a:lnTo>
                  <a:pt x="48" y="310"/>
                </a:lnTo>
                <a:lnTo>
                  <a:pt x="42" y="306"/>
                </a:lnTo>
                <a:lnTo>
                  <a:pt x="40" y="292"/>
                </a:lnTo>
                <a:lnTo>
                  <a:pt x="32" y="282"/>
                </a:lnTo>
                <a:lnTo>
                  <a:pt x="26" y="288"/>
                </a:lnTo>
                <a:lnTo>
                  <a:pt x="20" y="282"/>
                </a:lnTo>
                <a:lnTo>
                  <a:pt x="24" y="274"/>
                </a:lnTo>
                <a:lnTo>
                  <a:pt x="18" y="262"/>
                </a:lnTo>
                <a:lnTo>
                  <a:pt x="24" y="248"/>
                </a:lnTo>
                <a:lnTo>
                  <a:pt x="20" y="238"/>
                </a:lnTo>
                <a:lnTo>
                  <a:pt x="24" y="224"/>
                </a:lnTo>
                <a:lnTo>
                  <a:pt x="30" y="212"/>
                </a:lnTo>
                <a:lnTo>
                  <a:pt x="26" y="196"/>
                </a:lnTo>
                <a:lnTo>
                  <a:pt x="38" y="190"/>
                </a:lnTo>
                <a:lnTo>
                  <a:pt x="36" y="178"/>
                </a:lnTo>
                <a:lnTo>
                  <a:pt x="22" y="170"/>
                </a:lnTo>
                <a:lnTo>
                  <a:pt x="22" y="158"/>
                </a:lnTo>
                <a:lnTo>
                  <a:pt x="30" y="150"/>
                </a:lnTo>
                <a:lnTo>
                  <a:pt x="30" y="122"/>
                </a:lnTo>
                <a:lnTo>
                  <a:pt x="22" y="114"/>
                </a:lnTo>
                <a:lnTo>
                  <a:pt x="20" y="100"/>
                </a:lnTo>
                <a:lnTo>
                  <a:pt x="12" y="86"/>
                </a:lnTo>
                <a:lnTo>
                  <a:pt x="0" y="84"/>
                </a:lnTo>
                <a:lnTo>
                  <a:pt x="2" y="72"/>
                </a:lnTo>
                <a:lnTo>
                  <a:pt x="0" y="60"/>
                </a:lnTo>
                <a:lnTo>
                  <a:pt x="6" y="50"/>
                </a:lnTo>
                <a:lnTo>
                  <a:pt x="6" y="38"/>
                </a:lnTo>
                <a:lnTo>
                  <a:pt x="8" y="28"/>
                </a:lnTo>
                <a:lnTo>
                  <a:pt x="14" y="18"/>
                </a:lnTo>
                <a:lnTo>
                  <a:pt x="18" y="1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66" name="Freeform 19"/>
          <p:cNvSpPr>
            <a:spLocks/>
          </p:cNvSpPr>
          <p:nvPr/>
        </p:nvSpPr>
        <p:spPr bwMode="auto">
          <a:xfrm>
            <a:off x="5530850" y="5957888"/>
            <a:ext cx="425450" cy="282575"/>
          </a:xfrm>
          <a:custGeom>
            <a:avLst/>
            <a:gdLst>
              <a:gd name="T0" fmla="*/ 2147483647 w 328"/>
              <a:gd name="T1" fmla="*/ 2147483647 h 218"/>
              <a:gd name="T2" fmla="*/ 2147483647 w 328"/>
              <a:gd name="T3" fmla="*/ 2147483647 h 218"/>
              <a:gd name="T4" fmla="*/ 2147483647 w 328"/>
              <a:gd name="T5" fmla="*/ 2147483647 h 218"/>
              <a:gd name="T6" fmla="*/ 2147483647 w 328"/>
              <a:gd name="T7" fmla="*/ 2147483647 h 218"/>
              <a:gd name="T8" fmla="*/ 2147483647 w 328"/>
              <a:gd name="T9" fmla="*/ 2147483647 h 218"/>
              <a:gd name="T10" fmla="*/ 2147483647 w 328"/>
              <a:gd name="T11" fmla="*/ 2147483647 h 218"/>
              <a:gd name="T12" fmla="*/ 2147483647 w 328"/>
              <a:gd name="T13" fmla="*/ 2147483647 h 218"/>
              <a:gd name="T14" fmla="*/ 2147483647 w 328"/>
              <a:gd name="T15" fmla="*/ 2147483647 h 218"/>
              <a:gd name="T16" fmla="*/ 2147483647 w 328"/>
              <a:gd name="T17" fmla="*/ 2147483647 h 218"/>
              <a:gd name="T18" fmla="*/ 2147483647 w 328"/>
              <a:gd name="T19" fmla="*/ 2147483647 h 218"/>
              <a:gd name="T20" fmla="*/ 2147483647 w 328"/>
              <a:gd name="T21" fmla="*/ 2147483647 h 218"/>
              <a:gd name="T22" fmla="*/ 2147483647 w 328"/>
              <a:gd name="T23" fmla="*/ 2147483647 h 218"/>
              <a:gd name="T24" fmla="*/ 2147483647 w 328"/>
              <a:gd name="T25" fmla="*/ 2147483647 h 218"/>
              <a:gd name="T26" fmla="*/ 2147483647 w 328"/>
              <a:gd name="T27" fmla="*/ 2147483647 h 218"/>
              <a:gd name="T28" fmla="*/ 2147483647 w 328"/>
              <a:gd name="T29" fmla="*/ 2147483647 h 218"/>
              <a:gd name="T30" fmla="*/ 2147483647 w 328"/>
              <a:gd name="T31" fmla="*/ 2147483647 h 218"/>
              <a:gd name="T32" fmla="*/ 2147483647 w 328"/>
              <a:gd name="T33" fmla="*/ 2147483647 h 218"/>
              <a:gd name="T34" fmla="*/ 2147483647 w 328"/>
              <a:gd name="T35" fmla="*/ 2147483647 h 218"/>
              <a:gd name="T36" fmla="*/ 2147483647 w 328"/>
              <a:gd name="T37" fmla="*/ 2147483647 h 218"/>
              <a:gd name="T38" fmla="*/ 2147483647 w 328"/>
              <a:gd name="T39" fmla="*/ 2147483647 h 218"/>
              <a:gd name="T40" fmla="*/ 2147483647 w 328"/>
              <a:gd name="T41" fmla="*/ 2147483647 h 218"/>
              <a:gd name="T42" fmla="*/ 2147483647 w 328"/>
              <a:gd name="T43" fmla="*/ 2147483647 h 218"/>
              <a:gd name="T44" fmla="*/ 2147483647 w 328"/>
              <a:gd name="T45" fmla="*/ 2147483647 h 218"/>
              <a:gd name="T46" fmla="*/ 2147483647 w 328"/>
              <a:gd name="T47" fmla="*/ 2147483647 h 218"/>
              <a:gd name="T48" fmla="*/ 2147483647 w 328"/>
              <a:gd name="T49" fmla="*/ 2147483647 h 218"/>
              <a:gd name="T50" fmla="*/ 2147483647 w 328"/>
              <a:gd name="T51" fmla="*/ 2147483647 h 218"/>
              <a:gd name="T52" fmla="*/ 2147483647 w 328"/>
              <a:gd name="T53" fmla="*/ 2147483647 h 218"/>
              <a:gd name="T54" fmla="*/ 2147483647 w 328"/>
              <a:gd name="T55" fmla="*/ 2147483647 h 218"/>
              <a:gd name="T56" fmla="*/ 2147483647 w 328"/>
              <a:gd name="T57" fmla="*/ 2147483647 h 218"/>
              <a:gd name="T58" fmla="*/ 2147483647 w 328"/>
              <a:gd name="T59" fmla="*/ 2147483647 h 218"/>
              <a:gd name="T60" fmla="*/ 2147483647 w 328"/>
              <a:gd name="T61" fmla="*/ 2147483647 h 218"/>
              <a:gd name="T62" fmla="*/ 2147483647 w 328"/>
              <a:gd name="T63" fmla="*/ 2147483647 h 218"/>
              <a:gd name="T64" fmla="*/ 2147483647 w 328"/>
              <a:gd name="T65" fmla="*/ 2147483647 h 218"/>
              <a:gd name="T66" fmla="*/ 2147483647 w 328"/>
              <a:gd name="T67" fmla="*/ 2147483647 h 218"/>
              <a:gd name="T68" fmla="*/ 2147483647 w 328"/>
              <a:gd name="T69" fmla="*/ 2147483647 h 218"/>
              <a:gd name="T70" fmla="*/ 2147483647 w 328"/>
              <a:gd name="T71" fmla="*/ 2147483647 h 218"/>
              <a:gd name="T72" fmla="*/ 2147483647 w 328"/>
              <a:gd name="T73" fmla="*/ 2147483647 h 218"/>
              <a:gd name="T74" fmla="*/ 2147483647 w 328"/>
              <a:gd name="T75" fmla="*/ 2147483647 h 218"/>
              <a:gd name="T76" fmla="*/ 2147483647 w 328"/>
              <a:gd name="T77" fmla="*/ 2147483647 h 218"/>
              <a:gd name="T78" fmla="*/ 2147483647 w 328"/>
              <a:gd name="T79" fmla="*/ 2147483647 h 218"/>
              <a:gd name="T80" fmla="*/ 0 w 328"/>
              <a:gd name="T81" fmla="*/ 2147483647 h 218"/>
              <a:gd name="T82" fmla="*/ 2147483647 w 328"/>
              <a:gd name="T83" fmla="*/ 2147483647 h 218"/>
              <a:gd name="T84" fmla="*/ 2147483647 w 328"/>
              <a:gd name="T85" fmla="*/ 2147483647 h 218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328" h="218">
                <a:moveTo>
                  <a:pt x="32" y="36"/>
                </a:moveTo>
                <a:lnTo>
                  <a:pt x="36" y="46"/>
                </a:lnTo>
                <a:lnTo>
                  <a:pt x="44" y="52"/>
                </a:lnTo>
                <a:lnTo>
                  <a:pt x="56" y="50"/>
                </a:lnTo>
                <a:lnTo>
                  <a:pt x="62" y="42"/>
                </a:lnTo>
                <a:lnTo>
                  <a:pt x="66" y="32"/>
                </a:lnTo>
                <a:lnTo>
                  <a:pt x="74" y="32"/>
                </a:lnTo>
                <a:lnTo>
                  <a:pt x="88" y="24"/>
                </a:lnTo>
                <a:lnTo>
                  <a:pt x="96" y="28"/>
                </a:lnTo>
                <a:lnTo>
                  <a:pt x="102" y="38"/>
                </a:lnTo>
                <a:lnTo>
                  <a:pt x="112" y="40"/>
                </a:lnTo>
                <a:lnTo>
                  <a:pt x="120" y="50"/>
                </a:lnTo>
                <a:lnTo>
                  <a:pt x="130" y="52"/>
                </a:lnTo>
                <a:lnTo>
                  <a:pt x="144" y="56"/>
                </a:lnTo>
                <a:lnTo>
                  <a:pt x="158" y="46"/>
                </a:lnTo>
                <a:lnTo>
                  <a:pt x="168" y="46"/>
                </a:lnTo>
                <a:lnTo>
                  <a:pt x="180" y="46"/>
                </a:lnTo>
                <a:lnTo>
                  <a:pt x="196" y="46"/>
                </a:lnTo>
                <a:lnTo>
                  <a:pt x="214" y="42"/>
                </a:lnTo>
                <a:lnTo>
                  <a:pt x="226" y="36"/>
                </a:lnTo>
                <a:lnTo>
                  <a:pt x="234" y="30"/>
                </a:lnTo>
                <a:lnTo>
                  <a:pt x="236" y="26"/>
                </a:lnTo>
                <a:lnTo>
                  <a:pt x="240" y="24"/>
                </a:lnTo>
                <a:lnTo>
                  <a:pt x="252" y="22"/>
                </a:lnTo>
                <a:lnTo>
                  <a:pt x="266" y="22"/>
                </a:lnTo>
                <a:lnTo>
                  <a:pt x="276" y="24"/>
                </a:lnTo>
                <a:lnTo>
                  <a:pt x="286" y="14"/>
                </a:lnTo>
                <a:lnTo>
                  <a:pt x="300" y="14"/>
                </a:lnTo>
                <a:lnTo>
                  <a:pt x="308" y="6"/>
                </a:lnTo>
                <a:lnTo>
                  <a:pt x="316" y="2"/>
                </a:lnTo>
                <a:lnTo>
                  <a:pt x="324" y="0"/>
                </a:lnTo>
                <a:lnTo>
                  <a:pt x="328" y="4"/>
                </a:lnTo>
                <a:lnTo>
                  <a:pt x="322" y="10"/>
                </a:lnTo>
                <a:lnTo>
                  <a:pt x="322" y="18"/>
                </a:lnTo>
                <a:lnTo>
                  <a:pt x="318" y="26"/>
                </a:lnTo>
                <a:lnTo>
                  <a:pt x="312" y="38"/>
                </a:lnTo>
                <a:lnTo>
                  <a:pt x="308" y="48"/>
                </a:lnTo>
                <a:lnTo>
                  <a:pt x="302" y="58"/>
                </a:lnTo>
                <a:lnTo>
                  <a:pt x="292" y="72"/>
                </a:lnTo>
                <a:lnTo>
                  <a:pt x="292" y="84"/>
                </a:lnTo>
                <a:lnTo>
                  <a:pt x="290" y="98"/>
                </a:lnTo>
                <a:lnTo>
                  <a:pt x="282" y="108"/>
                </a:lnTo>
                <a:lnTo>
                  <a:pt x="282" y="128"/>
                </a:lnTo>
                <a:lnTo>
                  <a:pt x="286" y="134"/>
                </a:lnTo>
                <a:lnTo>
                  <a:pt x="298" y="136"/>
                </a:lnTo>
                <a:lnTo>
                  <a:pt x="298" y="148"/>
                </a:lnTo>
                <a:lnTo>
                  <a:pt x="304" y="160"/>
                </a:lnTo>
                <a:lnTo>
                  <a:pt x="306" y="168"/>
                </a:lnTo>
                <a:lnTo>
                  <a:pt x="308" y="176"/>
                </a:lnTo>
                <a:lnTo>
                  <a:pt x="296" y="182"/>
                </a:lnTo>
                <a:lnTo>
                  <a:pt x="290" y="188"/>
                </a:lnTo>
                <a:lnTo>
                  <a:pt x="290" y="196"/>
                </a:lnTo>
                <a:lnTo>
                  <a:pt x="290" y="210"/>
                </a:lnTo>
                <a:lnTo>
                  <a:pt x="290" y="218"/>
                </a:lnTo>
                <a:lnTo>
                  <a:pt x="274" y="218"/>
                </a:lnTo>
                <a:lnTo>
                  <a:pt x="266" y="212"/>
                </a:lnTo>
                <a:lnTo>
                  <a:pt x="256" y="216"/>
                </a:lnTo>
                <a:lnTo>
                  <a:pt x="246" y="218"/>
                </a:lnTo>
                <a:lnTo>
                  <a:pt x="236" y="210"/>
                </a:lnTo>
                <a:lnTo>
                  <a:pt x="222" y="210"/>
                </a:lnTo>
                <a:lnTo>
                  <a:pt x="218" y="200"/>
                </a:lnTo>
                <a:lnTo>
                  <a:pt x="216" y="190"/>
                </a:lnTo>
                <a:lnTo>
                  <a:pt x="202" y="182"/>
                </a:lnTo>
                <a:lnTo>
                  <a:pt x="194" y="172"/>
                </a:lnTo>
                <a:lnTo>
                  <a:pt x="184" y="168"/>
                </a:lnTo>
                <a:lnTo>
                  <a:pt x="170" y="168"/>
                </a:lnTo>
                <a:lnTo>
                  <a:pt x="156" y="170"/>
                </a:lnTo>
                <a:lnTo>
                  <a:pt x="146" y="164"/>
                </a:lnTo>
                <a:lnTo>
                  <a:pt x="138" y="162"/>
                </a:lnTo>
                <a:lnTo>
                  <a:pt x="130" y="156"/>
                </a:lnTo>
                <a:lnTo>
                  <a:pt x="122" y="148"/>
                </a:lnTo>
                <a:lnTo>
                  <a:pt x="110" y="146"/>
                </a:lnTo>
                <a:lnTo>
                  <a:pt x="98" y="138"/>
                </a:lnTo>
                <a:lnTo>
                  <a:pt x="88" y="132"/>
                </a:lnTo>
                <a:lnTo>
                  <a:pt x="74" y="120"/>
                </a:lnTo>
                <a:lnTo>
                  <a:pt x="60" y="120"/>
                </a:lnTo>
                <a:lnTo>
                  <a:pt x="54" y="116"/>
                </a:lnTo>
                <a:lnTo>
                  <a:pt x="36" y="114"/>
                </a:lnTo>
                <a:lnTo>
                  <a:pt x="24" y="114"/>
                </a:lnTo>
                <a:lnTo>
                  <a:pt x="14" y="104"/>
                </a:lnTo>
                <a:lnTo>
                  <a:pt x="2" y="96"/>
                </a:lnTo>
                <a:lnTo>
                  <a:pt x="0" y="82"/>
                </a:lnTo>
                <a:lnTo>
                  <a:pt x="2" y="60"/>
                </a:lnTo>
                <a:lnTo>
                  <a:pt x="12" y="50"/>
                </a:lnTo>
                <a:lnTo>
                  <a:pt x="20" y="42"/>
                </a:lnTo>
                <a:lnTo>
                  <a:pt x="32" y="3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67" name="Freeform 20"/>
          <p:cNvSpPr>
            <a:spLocks/>
          </p:cNvSpPr>
          <p:nvPr/>
        </p:nvSpPr>
        <p:spPr bwMode="auto">
          <a:xfrm>
            <a:off x="4733925" y="3976688"/>
            <a:ext cx="84138" cy="122237"/>
          </a:xfrm>
          <a:custGeom>
            <a:avLst/>
            <a:gdLst>
              <a:gd name="T0" fmla="*/ 2147483647 w 64"/>
              <a:gd name="T1" fmla="*/ 2147483647 h 94"/>
              <a:gd name="T2" fmla="*/ 2147483647 w 64"/>
              <a:gd name="T3" fmla="*/ 2147483647 h 94"/>
              <a:gd name="T4" fmla="*/ 2147483647 w 64"/>
              <a:gd name="T5" fmla="*/ 2147483647 h 94"/>
              <a:gd name="T6" fmla="*/ 2147483647 w 64"/>
              <a:gd name="T7" fmla="*/ 2147483647 h 94"/>
              <a:gd name="T8" fmla="*/ 0 w 64"/>
              <a:gd name="T9" fmla="*/ 2147483647 h 94"/>
              <a:gd name="T10" fmla="*/ 2147483647 w 64"/>
              <a:gd name="T11" fmla="*/ 2147483647 h 94"/>
              <a:gd name="T12" fmla="*/ 2147483647 w 64"/>
              <a:gd name="T13" fmla="*/ 2147483647 h 94"/>
              <a:gd name="T14" fmla="*/ 2147483647 w 64"/>
              <a:gd name="T15" fmla="*/ 0 h 94"/>
              <a:gd name="T16" fmla="*/ 2147483647 w 64"/>
              <a:gd name="T17" fmla="*/ 2147483647 h 94"/>
              <a:gd name="T18" fmla="*/ 2147483647 w 64"/>
              <a:gd name="T19" fmla="*/ 2147483647 h 94"/>
              <a:gd name="T20" fmla="*/ 2147483647 w 64"/>
              <a:gd name="T21" fmla="*/ 2147483647 h 94"/>
              <a:gd name="T22" fmla="*/ 2147483647 w 64"/>
              <a:gd name="T23" fmla="*/ 2147483647 h 94"/>
              <a:gd name="T24" fmla="*/ 2147483647 w 64"/>
              <a:gd name="T25" fmla="*/ 2147483647 h 94"/>
              <a:gd name="T26" fmla="*/ 2147483647 w 64"/>
              <a:gd name="T27" fmla="*/ 2147483647 h 94"/>
              <a:gd name="T28" fmla="*/ 2147483647 w 64"/>
              <a:gd name="T29" fmla="*/ 2147483647 h 94"/>
              <a:gd name="T30" fmla="*/ 2147483647 w 64"/>
              <a:gd name="T31" fmla="*/ 2147483647 h 94"/>
              <a:gd name="T32" fmla="*/ 2147483647 w 64"/>
              <a:gd name="T33" fmla="*/ 2147483647 h 94"/>
              <a:gd name="T34" fmla="*/ 2147483647 w 64"/>
              <a:gd name="T35" fmla="*/ 2147483647 h 94"/>
              <a:gd name="T36" fmla="*/ 2147483647 w 64"/>
              <a:gd name="T37" fmla="*/ 2147483647 h 94"/>
              <a:gd name="T38" fmla="*/ 2147483647 w 64"/>
              <a:gd name="T39" fmla="*/ 2147483647 h 94"/>
              <a:gd name="T40" fmla="*/ 2147483647 w 64"/>
              <a:gd name="T41" fmla="*/ 2147483647 h 94"/>
              <a:gd name="T42" fmla="*/ 2147483647 w 64"/>
              <a:gd name="T43" fmla="*/ 2147483647 h 94"/>
              <a:gd name="T44" fmla="*/ 2147483647 w 64"/>
              <a:gd name="T45" fmla="*/ 2147483647 h 94"/>
              <a:gd name="T46" fmla="*/ 2147483647 w 64"/>
              <a:gd name="T47" fmla="*/ 2147483647 h 94"/>
              <a:gd name="T48" fmla="*/ 2147483647 w 64"/>
              <a:gd name="T49" fmla="*/ 2147483647 h 94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0" t="0" r="r" b="b"/>
            <a:pathLst>
              <a:path w="64" h="94">
                <a:moveTo>
                  <a:pt x="4" y="82"/>
                </a:moveTo>
                <a:lnTo>
                  <a:pt x="6" y="72"/>
                </a:lnTo>
                <a:lnTo>
                  <a:pt x="10" y="64"/>
                </a:lnTo>
                <a:lnTo>
                  <a:pt x="2" y="52"/>
                </a:lnTo>
                <a:lnTo>
                  <a:pt x="0" y="40"/>
                </a:lnTo>
                <a:lnTo>
                  <a:pt x="2" y="24"/>
                </a:lnTo>
                <a:lnTo>
                  <a:pt x="10" y="12"/>
                </a:lnTo>
                <a:lnTo>
                  <a:pt x="16" y="0"/>
                </a:lnTo>
                <a:lnTo>
                  <a:pt x="28" y="2"/>
                </a:lnTo>
                <a:lnTo>
                  <a:pt x="34" y="2"/>
                </a:lnTo>
                <a:lnTo>
                  <a:pt x="34" y="14"/>
                </a:lnTo>
                <a:lnTo>
                  <a:pt x="32" y="26"/>
                </a:lnTo>
                <a:lnTo>
                  <a:pt x="42" y="38"/>
                </a:lnTo>
                <a:lnTo>
                  <a:pt x="52" y="46"/>
                </a:lnTo>
                <a:lnTo>
                  <a:pt x="62" y="50"/>
                </a:lnTo>
                <a:lnTo>
                  <a:pt x="64" y="58"/>
                </a:lnTo>
                <a:lnTo>
                  <a:pt x="54" y="68"/>
                </a:lnTo>
                <a:lnTo>
                  <a:pt x="48" y="76"/>
                </a:lnTo>
                <a:lnTo>
                  <a:pt x="48" y="88"/>
                </a:lnTo>
                <a:lnTo>
                  <a:pt x="38" y="86"/>
                </a:lnTo>
                <a:lnTo>
                  <a:pt x="30" y="84"/>
                </a:lnTo>
                <a:lnTo>
                  <a:pt x="24" y="90"/>
                </a:lnTo>
                <a:lnTo>
                  <a:pt x="18" y="94"/>
                </a:lnTo>
                <a:lnTo>
                  <a:pt x="10" y="86"/>
                </a:lnTo>
                <a:lnTo>
                  <a:pt x="4" y="82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68" name="Freeform 21"/>
          <p:cNvSpPr>
            <a:spLocks/>
          </p:cNvSpPr>
          <p:nvPr/>
        </p:nvSpPr>
        <p:spPr bwMode="auto">
          <a:xfrm>
            <a:off x="5140325" y="4465638"/>
            <a:ext cx="22225" cy="41275"/>
          </a:xfrm>
          <a:custGeom>
            <a:avLst/>
            <a:gdLst>
              <a:gd name="T0" fmla="*/ 2147483647 w 18"/>
              <a:gd name="T1" fmla="*/ 0 h 32"/>
              <a:gd name="T2" fmla="*/ 2147483647 w 18"/>
              <a:gd name="T3" fmla="*/ 2147483647 h 32"/>
              <a:gd name="T4" fmla="*/ 2147483647 w 18"/>
              <a:gd name="T5" fmla="*/ 2147483647 h 32"/>
              <a:gd name="T6" fmla="*/ 2147483647 w 18"/>
              <a:gd name="T7" fmla="*/ 2147483647 h 32"/>
              <a:gd name="T8" fmla="*/ 2147483647 w 18"/>
              <a:gd name="T9" fmla="*/ 2147483647 h 32"/>
              <a:gd name="T10" fmla="*/ 0 w 18"/>
              <a:gd name="T11" fmla="*/ 2147483647 h 32"/>
              <a:gd name="T12" fmla="*/ 0 w 18"/>
              <a:gd name="T13" fmla="*/ 2147483647 h 32"/>
              <a:gd name="T14" fmla="*/ 2147483647 w 18"/>
              <a:gd name="T15" fmla="*/ 2147483647 h 32"/>
              <a:gd name="T16" fmla="*/ 2147483647 w 18"/>
              <a:gd name="T17" fmla="*/ 0 h 3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18" h="32">
                <a:moveTo>
                  <a:pt x="4" y="0"/>
                </a:moveTo>
                <a:lnTo>
                  <a:pt x="14" y="2"/>
                </a:lnTo>
                <a:lnTo>
                  <a:pt x="18" y="16"/>
                </a:lnTo>
                <a:lnTo>
                  <a:pt x="16" y="26"/>
                </a:lnTo>
                <a:lnTo>
                  <a:pt x="14" y="32"/>
                </a:lnTo>
                <a:lnTo>
                  <a:pt x="0" y="30"/>
                </a:lnTo>
                <a:lnTo>
                  <a:pt x="0" y="18"/>
                </a:lnTo>
                <a:lnTo>
                  <a:pt x="2" y="4"/>
                </a:lnTo>
                <a:lnTo>
                  <a:pt x="4" y="0"/>
                </a:lnTo>
                <a:close/>
              </a:path>
            </a:pathLst>
          </a:custGeom>
          <a:solidFill>
            <a:srgbClr val="5DBACA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69" name="Freeform 22"/>
          <p:cNvSpPr>
            <a:spLocks/>
          </p:cNvSpPr>
          <p:nvPr/>
        </p:nvSpPr>
        <p:spPr bwMode="auto">
          <a:xfrm>
            <a:off x="4727575" y="4381500"/>
            <a:ext cx="523875" cy="330200"/>
          </a:xfrm>
          <a:custGeom>
            <a:avLst/>
            <a:gdLst>
              <a:gd name="T0" fmla="*/ 2147483647 w 405"/>
              <a:gd name="T1" fmla="*/ 2147483647 h 256"/>
              <a:gd name="T2" fmla="*/ 2147483647 w 405"/>
              <a:gd name="T3" fmla="*/ 2147483647 h 256"/>
              <a:gd name="T4" fmla="*/ 2147483647 w 405"/>
              <a:gd name="T5" fmla="*/ 2147483647 h 256"/>
              <a:gd name="T6" fmla="*/ 2147483647 w 405"/>
              <a:gd name="T7" fmla="*/ 2147483647 h 256"/>
              <a:gd name="T8" fmla="*/ 2147483647 w 405"/>
              <a:gd name="T9" fmla="*/ 2147483647 h 256"/>
              <a:gd name="T10" fmla="*/ 2147483647 w 405"/>
              <a:gd name="T11" fmla="*/ 2147483647 h 256"/>
              <a:gd name="T12" fmla="*/ 2147483647 w 405"/>
              <a:gd name="T13" fmla="*/ 2147483647 h 256"/>
              <a:gd name="T14" fmla="*/ 2147483647 w 405"/>
              <a:gd name="T15" fmla="*/ 2147483647 h 256"/>
              <a:gd name="T16" fmla="*/ 2147483647 w 405"/>
              <a:gd name="T17" fmla="*/ 2147483647 h 256"/>
              <a:gd name="T18" fmla="*/ 2147483647 w 405"/>
              <a:gd name="T19" fmla="*/ 2147483647 h 256"/>
              <a:gd name="T20" fmla="*/ 2147483647 w 405"/>
              <a:gd name="T21" fmla="*/ 2147483647 h 256"/>
              <a:gd name="T22" fmla="*/ 2147483647 w 405"/>
              <a:gd name="T23" fmla="*/ 2147483647 h 256"/>
              <a:gd name="T24" fmla="*/ 2147483647 w 405"/>
              <a:gd name="T25" fmla="*/ 2147483647 h 256"/>
              <a:gd name="T26" fmla="*/ 2147483647 w 405"/>
              <a:gd name="T27" fmla="*/ 2147483647 h 256"/>
              <a:gd name="T28" fmla="*/ 2147483647 w 405"/>
              <a:gd name="T29" fmla="*/ 2147483647 h 256"/>
              <a:gd name="T30" fmla="*/ 2147483647 w 405"/>
              <a:gd name="T31" fmla="*/ 2147483647 h 256"/>
              <a:gd name="T32" fmla="*/ 2147483647 w 405"/>
              <a:gd name="T33" fmla="*/ 2147483647 h 256"/>
              <a:gd name="T34" fmla="*/ 2147483647 w 405"/>
              <a:gd name="T35" fmla="*/ 2147483647 h 256"/>
              <a:gd name="T36" fmla="*/ 2147483647 w 405"/>
              <a:gd name="T37" fmla="*/ 2147483647 h 256"/>
              <a:gd name="T38" fmla="*/ 2147483647 w 405"/>
              <a:gd name="T39" fmla="*/ 2147483647 h 256"/>
              <a:gd name="T40" fmla="*/ 2147483647 w 405"/>
              <a:gd name="T41" fmla="*/ 2147483647 h 256"/>
              <a:gd name="T42" fmla="*/ 2147483647 w 405"/>
              <a:gd name="T43" fmla="*/ 2147483647 h 256"/>
              <a:gd name="T44" fmla="*/ 2147483647 w 405"/>
              <a:gd name="T45" fmla="*/ 2147483647 h 256"/>
              <a:gd name="T46" fmla="*/ 2147483647 w 405"/>
              <a:gd name="T47" fmla="*/ 2147483647 h 256"/>
              <a:gd name="T48" fmla="*/ 2147483647 w 405"/>
              <a:gd name="T49" fmla="*/ 2147483647 h 256"/>
              <a:gd name="T50" fmla="*/ 0 w 405"/>
              <a:gd name="T51" fmla="*/ 2147483647 h 256"/>
              <a:gd name="T52" fmla="*/ 2147483647 w 405"/>
              <a:gd name="T53" fmla="*/ 2147483647 h 256"/>
              <a:gd name="T54" fmla="*/ 2147483647 w 405"/>
              <a:gd name="T55" fmla="*/ 2147483647 h 256"/>
              <a:gd name="T56" fmla="*/ 2147483647 w 405"/>
              <a:gd name="T57" fmla="*/ 2147483647 h 256"/>
              <a:gd name="T58" fmla="*/ 2147483647 w 405"/>
              <a:gd name="T59" fmla="*/ 2147483647 h 256"/>
              <a:gd name="T60" fmla="*/ 2147483647 w 405"/>
              <a:gd name="T61" fmla="*/ 2147483647 h 256"/>
              <a:gd name="T62" fmla="*/ 2147483647 w 405"/>
              <a:gd name="T63" fmla="*/ 2147483647 h 256"/>
              <a:gd name="T64" fmla="*/ 2147483647 w 405"/>
              <a:gd name="T65" fmla="*/ 2147483647 h 256"/>
              <a:gd name="T66" fmla="*/ 2147483647 w 405"/>
              <a:gd name="T67" fmla="*/ 2147483647 h 256"/>
              <a:gd name="T68" fmla="*/ 2147483647 w 405"/>
              <a:gd name="T69" fmla="*/ 2147483647 h 256"/>
              <a:gd name="T70" fmla="*/ 2147483647 w 405"/>
              <a:gd name="T71" fmla="*/ 2147483647 h 256"/>
              <a:gd name="T72" fmla="*/ 2147483647 w 405"/>
              <a:gd name="T73" fmla="*/ 2147483647 h 256"/>
              <a:gd name="T74" fmla="*/ 2147483647 w 405"/>
              <a:gd name="T75" fmla="*/ 0 h 256"/>
              <a:gd name="T76" fmla="*/ 2147483647 w 405"/>
              <a:gd name="T77" fmla="*/ 2147483647 h 256"/>
              <a:gd name="T78" fmla="*/ 2147483647 w 405"/>
              <a:gd name="T79" fmla="*/ 2147483647 h 256"/>
              <a:gd name="T80" fmla="*/ 2147483647 w 405"/>
              <a:gd name="T81" fmla="*/ 2147483647 h 256"/>
              <a:gd name="T82" fmla="*/ 2147483647 w 405"/>
              <a:gd name="T83" fmla="*/ 2147483647 h 256"/>
              <a:gd name="T84" fmla="*/ 2147483647 w 405"/>
              <a:gd name="T85" fmla="*/ 2147483647 h 256"/>
              <a:gd name="T86" fmla="*/ 2147483647 w 405"/>
              <a:gd name="T87" fmla="*/ 2147483647 h 25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0" t="0" r="r" b="b"/>
            <a:pathLst>
              <a:path w="405" h="256">
                <a:moveTo>
                  <a:pt x="351" y="106"/>
                </a:moveTo>
                <a:lnTo>
                  <a:pt x="361" y="122"/>
                </a:lnTo>
                <a:lnTo>
                  <a:pt x="377" y="126"/>
                </a:lnTo>
                <a:lnTo>
                  <a:pt x="395" y="104"/>
                </a:lnTo>
                <a:lnTo>
                  <a:pt x="405" y="110"/>
                </a:lnTo>
                <a:lnTo>
                  <a:pt x="405" y="124"/>
                </a:lnTo>
                <a:lnTo>
                  <a:pt x="399" y="140"/>
                </a:lnTo>
                <a:lnTo>
                  <a:pt x="399" y="148"/>
                </a:lnTo>
                <a:lnTo>
                  <a:pt x="405" y="154"/>
                </a:lnTo>
                <a:lnTo>
                  <a:pt x="405" y="164"/>
                </a:lnTo>
                <a:lnTo>
                  <a:pt x="389" y="164"/>
                </a:lnTo>
                <a:lnTo>
                  <a:pt x="379" y="154"/>
                </a:lnTo>
                <a:lnTo>
                  <a:pt x="365" y="168"/>
                </a:lnTo>
                <a:lnTo>
                  <a:pt x="377" y="182"/>
                </a:lnTo>
                <a:lnTo>
                  <a:pt x="375" y="192"/>
                </a:lnTo>
                <a:lnTo>
                  <a:pt x="379" y="200"/>
                </a:lnTo>
                <a:lnTo>
                  <a:pt x="369" y="204"/>
                </a:lnTo>
                <a:lnTo>
                  <a:pt x="355" y="184"/>
                </a:lnTo>
                <a:lnTo>
                  <a:pt x="331" y="196"/>
                </a:lnTo>
                <a:lnTo>
                  <a:pt x="315" y="188"/>
                </a:lnTo>
                <a:lnTo>
                  <a:pt x="313" y="172"/>
                </a:lnTo>
                <a:lnTo>
                  <a:pt x="296" y="172"/>
                </a:lnTo>
                <a:lnTo>
                  <a:pt x="296" y="204"/>
                </a:lnTo>
                <a:lnTo>
                  <a:pt x="272" y="226"/>
                </a:lnTo>
                <a:lnTo>
                  <a:pt x="272" y="240"/>
                </a:lnTo>
                <a:lnTo>
                  <a:pt x="278" y="254"/>
                </a:lnTo>
                <a:lnTo>
                  <a:pt x="266" y="256"/>
                </a:lnTo>
                <a:lnTo>
                  <a:pt x="262" y="242"/>
                </a:lnTo>
                <a:lnTo>
                  <a:pt x="254" y="234"/>
                </a:lnTo>
                <a:lnTo>
                  <a:pt x="258" y="222"/>
                </a:lnTo>
                <a:lnTo>
                  <a:pt x="242" y="220"/>
                </a:lnTo>
                <a:lnTo>
                  <a:pt x="224" y="204"/>
                </a:lnTo>
                <a:lnTo>
                  <a:pt x="224" y="174"/>
                </a:lnTo>
                <a:lnTo>
                  <a:pt x="212" y="176"/>
                </a:lnTo>
                <a:lnTo>
                  <a:pt x="200" y="194"/>
                </a:lnTo>
                <a:lnTo>
                  <a:pt x="190" y="196"/>
                </a:lnTo>
                <a:lnTo>
                  <a:pt x="194" y="210"/>
                </a:lnTo>
                <a:lnTo>
                  <a:pt x="182" y="232"/>
                </a:lnTo>
                <a:lnTo>
                  <a:pt x="166" y="242"/>
                </a:lnTo>
                <a:lnTo>
                  <a:pt x="148" y="234"/>
                </a:lnTo>
                <a:lnTo>
                  <a:pt x="128" y="240"/>
                </a:lnTo>
                <a:lnTo>
                  <a:pt x="100" y="246"/>
                </a:lnTo>
                <a:lnTo>
                  <a:pt x="92" y="240"/>
                </a:lnTo>
                <a:lnTo>
                  <a:pt x="88" y="224"/>
                </a:lnTo>
                <a:lnTo>
                  <a:pt x="74" y="210"/>
                </a:lnTo>
                <a:lnTo>
                  <a:pt x="76" y="188"/>
                </a:lnTo>
                <a:lnTo>
                  <a:pt x="60" y="178"/>
                </a:lnTo>
                <a:lnTo>
                  <a:pt x="44" y="174"/>
                </a:lnTo>
                <a:lnTo>
                  <a:pt x="32" y="182"/>
                </a:lnTo>
                <a:lnTo>
                  <a:pt x="30" y="194"/>
                </a:lnTo>
                <a:lnTo>
                  <a:pt x="12" y="206"/>
                </a:lnTo>
                <a:lnTo>
                  <a:pt x="0" y="204"/>
                </a:lnTo>
                <a:lnTo>
                  <a:pt x="0" y="196"/>
                </a:lnTo>
                <a:lnTo>
                  <a:pt x="10" y="190"/>
                </a:lnTo>
                <a:lnTo>
                  <a:pt x="18" y="176"/>
                </a:lnTo>
                <a:lnTo>
                  <a:pt x="12" y="164"/>
                </a:lnTo>
                <a:lnTo>
                  <a:pt x="18" y="148"/>
                </a:lnTo>
                <a:lnTo>
                  <a:pt x="44" y="130"/>
                </a:lnTo>
                <a:lnTo>
                  <a:pt x="50" y="106"/>
                </a:lnTo>
                <a:lnTo>
                  <a:pt x="70" y="92"/>
                </a:lnTo>
                <a:lnTo>
                  <a:pt x="78" y="68"/>
                </a:lnTo>
                <a:lnTo>
                  <a:pt x="96" y="58"/>
                </a:lnTo>
                <a:lnTo>
                  <a:pt x="98" y="38"/>
                </a:lnTo>
                <a:lnTo>
                  <a:pt x="110" y="38"/>
                </a:lnTo>
                <a:lnTo>
                  <a:pt x="114" y="44"/>
                </a:lnTo>
                <a:lnTo>
                  <a:pt x="132" y="44"/>
                </a:lnTo>
                <a:lnTo>
                  <a:pt x="142" y="28"/>
                </a:lnTo>
                <a:lnTo>
                  <a:pt x="148" y="20"/>
                </a:lnTo>
                <a:lnTo>
                  <a:pt x="162" y="32"/>
                </a:lnTo>
                <a:lnTo>
                  <a:pt x="172" y="20"/>
                </a:lnTo>
                <a:lnTo>
                  <a:pt x="190" y="34"/>
                </a:lnTo>
                <a:lnTo>
                  <a:pt x="208" y="20"/>
                </a:lnTo>
                <a:lnTo>
                  <a:pt x="224" y="30"/>
                </a:lnTo>
                <a:lnTo>
                  <a:pt x="238" y="24"/>
                </a:lnTo>
                <a:lnTo>
                  <a:pt x="224" y="10"/>
                </a:lnTo>
                <a:lnTo>
                  <a:pt x="238" y="0"/>
                </a:lnTo>
                <a:lnTo>
                  <a:pt x="254" y="8"/>
                </a:lnTo>
                <a:lnTo>
                  <a:pt x="266" y="20"/>
                </a:lnTo>
                <a:lnTo>
                  <a:pt x="284" y="14"/>
                </a:lnTo>
                <a:lnTo>
                  <a:pt x="300" y="24"/>
                </a:lnTo>
                <a:lnTo>
                  <a:pt x="315" y="38"/>
                </a:lnTo>
                <a:lnTo>
                  <a:pt x="335" y="44"/>
                </a:lnTo>
                <a:lnTo>
                  <a:pt x="329" y="54"/>
                </a:lnTo>
                <a:lnTo>
                  <a:pt x="323" y="66"/>
                </a:lnTo>
                <a:lnTo>
                  <a:pt x="321" y="70"/>
                </a:lnTo>
                <a:lnTo>
                  <a:pt x="319" y="96"/>
                </a:lnTo>
                <a:lnTo>
                  <a:pt x="333" y="98"/>
                </a:lnTo>
                <a:lnTo>
                  <a:pt x="351" y="106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70" name="Freeform 23"/>
          <p:cNvSpPr>
            <a:spLocks/>
          </p:cNvSpPr>
          <p:nvPr/>
        </p:nvSpPr>
        <p:spPr bwMode="auto">
          <a:xfrm>
            <a:off x="5145088" y="4160838"/>
            <a:ext cx="846137" cy="439737"/>
          </a:xfrm>
          <a:custGeom>
            <a:avLst/>
            <a:gdLst>
              <a:gd name="T0" fmla="*/ 2147483647 w 654"/>
              <a:gd name="T1" fmla="*/ 2147483647 h 340"/>
              <a:gd name="T2" fmla="*/ 2147483647 w 654"/>
              <a:gd name="T3" fmla="*/ 2147483647 h 340"/>
              <a:gd name="T4" fmla="*/ 2147483647 w 654"/>
              <a:gd name="T5" fmla="*/ 2147483647 h 340"/>
              <a:gd name="T6" fmla="*/ 2147483647 w 654"/>
              <a:gd name="T7" fmla="*/ 2147483647 h 340"/>
              <a:gd name="T8" fmla="*/ 2147483647 w 654"/>
              <a:gd name="T9" fmla="*/ 2147483647 h 340"/>
              <a:gd name="T10" fmla="*/ 2147483647 w 654"/>
              <a:gd name="T11" fmla="*/ 2147483647 h 340"/>
              <a:gd name="T12" fmla="*/ 2147483647 w 654"/>
              <a:gd name="T13" fmla="*/ 2147483647 h 340"/>
              <a:gd name="T14" fmla="*/ 2147483647 w 654"/>
              <a:gd name="T15" fmla="*/ 2147483647 h 340"/>
              <a:gd name="T16" fmla="*/ 2147483647 w 654"/>
              <a:gd name="T17" fmla="*/ 2147483647 h 340"/>
              <a:gd name="T18" fmla="*/ 2147483647 w 654"/>
              <a:gd name="T19" fmla="*/ 2147483647 h 340"/>
              <a:gd name="T20" fmla="*/ 2147483647 w 654"/>
              <a:gd name="T21" fmla="*/ 2147483647 h 340"/>
              <a:gd name="T22" fmla="*/ 2147483647 w 654"/>
              <a:gd name="T23" fmla="*/ 2147483647 h 340"/>
              <a:gd name="T24" fmla="*/ 2147483647 w 654"/>
              <a:gd name="T25" fmla="*/ 2147483647 h 340"/>
              <a:gd name="T26" fmla="*/ 2147483647 w 654"/>
              <a:gd name="T27" fmla="*/ 2147483647 h 340"/>
              <a:gd name="T28" fmla="*/ 2147483647 w 654"/>
              <a:gd name="T29" fmla="*/ 2147483647 h 340"/>
              <a:gd name="T30" fmla="*/ 2147483647 w 654"/>
              <a:gd name="T31" fmla="*/ 2147483647 h 340"/>
              <a:gd name="T32" fmla="*/ 2147483647 w 654"/>
              <a:gd name="T33" fmla="*/ 2147483647 h 340"/>
              <a:gd name="T34" fmla="*/ 2147483647 w 654"/>
              <a:gd name="T35" fmla="*/ 2147483647 h 340"/>
              <a:gd name="T36" fmla="*/ 2147483647 w 654"/>
              <a:gd name="T37" fmla="*/ 2147483647 h 340"/>
              <a:gd name="T38" fmla="*/ 2147483647 w 654"/>
              <a:gd name="T39" fmla="*/ 2147483647 h 340"/>
              <a:gd name="T40" fmla="*/ 2147483647 w 654"/>
              <a:gd name="T41" fmla="*/ 2147483647 h 340"/>
              <a:gd name="T42" fmla="*/ 2147483647 w 654"/>
              <a:gd name="T43" fmla="*/ 2147483647 h 340"/>
              <a:gd name="T44" fmla="*/ 2147483647 w 654"/>
              <a:gd name="T45" fmla="*/ 2147483647 h 340"/>
              <a:gd name="T46" fmla="*/ 2147483647 w 654"/>
              <a:gd name="T47" fmla="*/ 2147483647 h 340"/>
              <a:gd name="T48" fmla="*/ 2147483647 w 654"/>
              <a:gd name="T49" fmla="*/ 2147483647 h 340"/>
              <a:gd name="T50" fmla="*/ 2147483647 w 654"/>
              <a:gd name="T51" fmla="*/ 2147483647 h 340"/>
              <a:gd name="T52" fmla="*/ 2147483647 w 654"/>
              <a:gd name="T53" fmla="*/ 2147483647 h 340"/>
              <a:gd name="T54" fmla="*/ 2147483647 w 654"/>
              <a:gd name="T55" fmla="*/ 2147483647 h 340"/>
              <a:gd name="T56" fmla="*/ 2147483647 w 654"/>
              <a:gd name="T57" fmla="*/ 0 h 340"/>
              <a:gd name="T58" fmla="*/ 2147483647 w 654"/>
              <a:gd name="T59" fmla="*/ 2147483647 h 340"/>
              <a:gd name="T60" fmla="*/ 2147483647 w 654"/>
              <a:gd name="T61" fmla="*/ 2147483647 h 340"/>
              <a:gd name="T62" fmla="*/ 2147483647 w 654"/>
              <a:gd name="T63" fmla="*/ 2147483647 h 340"/>
              <a:gd name="T64" fmla="*/ 2147483647 w 654"/>
              <a:gd name="T65" fmla="*/ 2147483647 h 340"/>
              <a:gd name="T66" fmla="*/ 2147483647 w 654"/>
              <a:gd name="T67" fmla="*/ 2147483647 h 340"/>
              <a:gd name="T68" fmla="*/ 2147483647 w 654"/>
              <a:gd name="T69" fmla="*/ 2147483647 h 340"/>
              <a:gd name="T70" fmla="*/ 2147483647 w 654"/>
              <a:gd name="T71" fmla="*/ 2147483647 h 340"/>
              <a:gd name="T72" fmla="*/ 2147483647 w 654"/>
              <a:gd name="T73" fmla="*/ 2147483647 h 340"/>
              <a:gd name="T74" fmla="*/ 2147483647 w 654"/>
              <a:gd name="T75" fmla="*/ 2147483647 h 340"/>
              <a:gd name="T76" fmla="*/ 2147483647 w 654"/>
              <a:gd name="T77" fmla="*/ 2147483647 h 340"/>
              <a:gd name="T78" fmla="*/ 2147483647 w 654"/>
              <a:gd name="T79" fmla="*/ 2147483647 h 340"/>
              <a:gd name="T80" fmla="*/ 2147483647 w 654"/>
              <a:gd name="T81" fmla="*/ 2147483647 h 340"/>
              <a:gd name="T82" fmla="*/ 2147483647 w 654"/>
              <a:gd name="T83" fmla="*/ 2147483647 h 340"/>
              <a:gd name="T84" fmla="*/ 2147483647 w 654"/>
              <a:gd name="T85" fmla="*/ 2147483647 h 340"/>
              <a:gd name="T86" fmla="*/ 2147483647 w 654"/>
              <a:gd name="T87" fmla="*/ 2147483647 h 340"/>
              <a:gd name="T88" fmla="*/ 2147483647 w 654"/>
              <a:gd name="T89" fmla="*/ 2147483647 h 340"/>
              <a:gd name="T90" fmla="*/ 2147483647 w 654"/>
              <a:gd name="T91" fmla="*/ 2147483647 h 340"/>
              <a:gd name="T92" fmla="*/ 2147483647 w 654"/>
              <a:gd name="T93" fmla="*/ 2147483647 h 340"/>
              <a:gd name="T94" fmla="*/ 2147483647 w 654"/>
              <a:gd name="T95" fmla="*/ 2147483647 h 340"/>
              <a:gd name="T96" fmla="*/ 2147483647 w 654"/>
              <a:gd name="T97" fmla="*/ 2147483647 h 340"/>
              <a:gd name="T98" fmla="*/ 2147483647 w 654"/>
              <a:gd name="T99" fmla="*/ 2147483647 h 340"/>
              <a:gd name="T100" fmla="*/ 0 w 654"/>
              <a:gd name="T101" fmla="*/ 2147483647 h 340"/>
              <a:gd name="T102" fmla="*/ 2147483647 w 654"/>
              <a:gd name="T103" fmla="*/ 2147483647 h 340"/>
              <a:gd name="T104" fmla="*/ 2147483647 w 654"/>
              <a:gd name="T105" fmla="*/ 2147483647 h 340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0" t="0" r="r" b="b"/>
            <a:pathLst>
              <a:path w="654" h="340">
                <a:moveTo>
                  <a:pt x="28" y="276"/>
                </a:moveTo>
                <a:lnTo>
                  <a:pt x="38" y="292"/>
                </a:lnTo>
                <a:lnTo>
                  <a:pt x="54" y="296"/>
                </a:lnTo>
                <a:lnTo>
                  <a:pt x="72" y="274"/>
                </a:lnTo>
                <a:lnTo>
                  <a:pt x="82" y="280"/>
                </a:lnTo>
                <a:lnTo>
                  <a:pt x="82" y="294"/>
                </a:lnTo>
                <a:lnTo>
                  <a:pt x="98" y="290"/>
                </a:lnTo>
                <a:lnTo>
                  <a:pt x="112" y="304"/>
                </a:lnTo>
                <a:lnTo>
                  <a:pt x="136" y="302"/>
                </a:lnTo>
                <a:lnTo>
                  <a:pt x="136" y="284"/>
                </a:lnTo>
                <a:lnTo>
                  <a:pt x="148" y="276"/>
                </a:lnTo>
                <a:lnTo>
                  <a:pt x="200" y="272"/>
                </a:lnTo>
                <a:lnTo>
                  <a:pt x="234" y="258"/>
                </a:lnTo>
                <a:lnTo>
                  <a:pt x="238" y="266"/>
                </a:lnTo>
                <a:lnTo>
                  <a:pt x="226" y="270"/>
                </a:lnTo>
                <a:lnTo>
                  <a:pt x="228" y="282"/>
                </a:lnTo>
                <a:lnTo>
                  <a:pt x="244" y="286"/>
                </a:lnTo>
                <a:lnTo>
                  <a:pt x="244" y="300"/>
                </a:lnTo>
                <a:lnTo>
                  <a:pt x="262" y="314"/>
                </a:lnTo>
                <a:lnTo>
                  <a:pt x="284" y="320"/>
                </a:lnTo>
                <a:lnTo>
                  <a:pt x="332" y="324"/>
                </a:lnTo>
                <a:lnTo>
                  <a:pt x="374" y="328"/>
                </a:lnTo>
                <a:lnTo>
                  <a:pt x="406" y="332"/>
                </a:lnTo>
                <a:lnTo>
                  <a:pt x="414" y="336"/>
                </a:lnTo>
                <a:lnTo>
                  <a:pt x="448" y="340"/>
                </a:lnTo>
                <a:lnTo>
                  <a:pt x="478" y="310"/>
                </a:lnTo>
                <a:lnTo>
                  <a:pt x="534" y="302"/>
                </a:lnTo>
                <a:lnTo>
                  <a:pt x="542" y="292"/>
                </a:lnTo>
                <a:lnTo>
                  <a:pt x="558" y="288"/>
                </a:lnTo>
                <a:lnTo>
                  <a:pt x="572" y="292"/>
                </a:lnTo>
                <a:lnTo>
                  <a:pt x="574" y="272"/>
                </a:lnTo>
                <a:lnTo>
                  <a:pt x="584" y="262"/>
                </a:lnTo>
                <a:lnTo>
                  <a:pt x="598" y="248"/>
                </a:lnTo>
                <a:lnTo>
                  <a:pt x="610" y="246"/>
                </a:lnTo>
                <a:lnTo>
                  <a:pt x="616" y="230"/>
                </a:lnTo>
                <a:lnTo>
                  <a:pt x="608" y="224"/>
                </a:lnTo>
                <a:lnTo>
                  <a:pt x="608" y="194"/>
                </a:lnTo>
                <a:lnTo>
                  <a:pt x="620" y="190"/>
                </a:lnTo>
                <a:lnTo>
                  <a:pt x="624" y="176"/>
                </a:lnTo>
                <a:lnTo>
                  <a:pt x="618" y="166"/>
                </a:lnTo>
                <a:lnTo>
                  <a:pt x="600" y="162"/>
                </a:lnTo>
                <a:lnTo>
                  <a:pt x="610" y="150"/>
                </a:lnTo>
                <a:lnTo>
                  <a:pt x="624" y="150"/>
                </a:lnTo>
                <a:lnTo>
                  <a:pt x="632" y="156"/>
                </a:lnTo>
                <a:lnTo>
                  <a:pt x="652" y="150"/>
                </a:lnTo>
                <a:lnTo>
                  <a:pt x="654" y="100"/>
                </a:lnTo>
                <a:lnTo>
                  <a:pt x="642" y="88"/>
                </a:lnTo>
                <a:lnTo>
                  <a:pt x="628" y="68"/>
                </a:lnTo>
                <a:lnTo>
                  <a:pt x="628" y="50"/>
                </a:lnTo>
                <a:lnTo>
                  <a:pt x="636" y="28"/>
                </a:lnTo>
                <a:lnTo>
                  <a:pt x="616" y="24"/>
                </a:lnTo>
                <a:lnTo>
                  <a:pt x="596" y="14"/>
                </a:lnTo>
                <a:lnTo>
                  <a:pt x="582" y="26"/>
                </a:lnTo>
                <a:lnTo>
                  <a:pt x="556" y="26"/>
                </a:lnTo>
                <a:lnTo>
                  <a:pt x="542" y="14"/>
                </a:lnTo>
                <a:lnTo>
                  <a:pt x="522" y="16"/>
                </a:lnTo>
                <a:lnTo>
                  <a:pt x="506" y="6"/>
                </a:lnTo>
                <a:lnTo>
                  <a:pt x="476" y="0"/>
                </a:lnTo>
                <a:lnTo>
                  <a:pt x="464" y="0"/>
                </a:lnTo>
                <a:lnTo>
                  <a:pt x="462" y="30"/>
                </a:lnTo>
                <a:lnTo>
                  <a:pt x="450" y="30"/>
                </a:lnTo>
                <a:lnTo>
                  <a:pt x="444" y="42"/>
                </a:lnTo>
                <a:lnTo>
                  <a:pt x="440" y="58"/>
                </a:lnTo>
                <a:lnTo>
                  <a:pt x="422" y="50"/>
                </a:lnTo>
                <a:lnTo>
                  <a:pt x="410" y="60"/>
                </a:lnTo>
                <a:lnTo>
                  <a:pt x="386" y="56"/>
                </a:lnTo>
                <a:lnTo>
                  <a:pt x="384" y="44"/>
                </a:lnTo>
                <a:lnTo>
                  <a:pt x="366" y="36"/>
                </a:lnTo>
                <a:lnTo>
                  <a:pt x="364" y="62"/>
                </a:lnTo>
                <a:lnTo>
                  <a:pt x="334" y="62"/>
                </a:lnTo>
                <a:lnTo>
                  <a:pt x="336" y="86"/>
                </a:lnTo>
                <a:lnTo>
                  <a:pt x="328" y="98"/>
                </a:lnTo>
                <a:lnTo>
                  <a:pt x="308" y="100"/>
                </a:lnTo>
                <a:lnTo>
                  <a:pt x="278" y="124"/>
                </a:lnTo>
                <a:lnTo>
                  <a:pt x="302" y="158"/>
                </a:lnTo>
                <a:lnTo>
                  <a:pt x="298" y="176"/>
                </a:lnTo>
                <a:lnTo>
                  <a:pt x="306" y="176"/>
                </a:lnTo>
                <a:lnTo>
                  <a:pt x="312" y="184"/>
                </a:lnTo>
                <a:lnTo>
                  <a:pt x="310" y="194"/>
                </a:lnTo>
                <a:lnTo>
                  <a:pt x="300" y="208"/>
                </a:lnTo>
                <a:lnTo>
                  <a:pt x="286" y="198"/>
                </a:lnTo>
                <a:lnTo>
                  <a:pt x="286" y="188"/>
                </a:lnTo>
                <a:lnTo>
                  <a:pt x="276" y="180"/>
                </a:lnTo>
                <a:lnTo>
                  <a:pt x="258" y="190"/>
                </a:lnTo>
                <a:lnTo>
                  <a:pt x="256" y="182"/>
                </a:lnTo>
                <a:lnTo>
                  <a:pt x="232" y="180"/>
                </a:lnTo>
                <a:lnTo>
                  <a:pt x="230" y="194"/>
                </a:lnTo>
                <a:lnTo>
                  <a:pt x="184" y="196"/>
                </a:lnTo>
                <a:lnTo>
                  <a:pt x="164" y="210"/>
                </a:lnTo>
                <a:lnTo>
                  <a:pt x="136" y="224"/>
                </a:lnTo>
                <a:lnTo>
                  <a:pt x="116" y="204"/>
                </a:lnTo>
                <a:lnTo>
                  <a:pt x="80" y="202"/>
                </a:lnTo>
                <a:lnTo>
                  <a:pt x="78" y="224"/>
                </a:lnTo>
                <a:lnTo>
                  <a:pt x="60" y="238"/>
                </a:lnTo>
                <a:lnTo>
                  <a:pt x="56" y="230"/>
                </a:lnTo>
                <a:lnTo>
                  <a:pt x="48" y="226"/>
                </a:lnTo>
                <a:lnTo>
                  <a:pt x="46" y="214"/>
                </a:lnTo>
                <a:lnTo>
                  <a:pt x="22" y="200"/>
                </a:lnTo>
                <a:lnTo>
                  <a:pt x="12" y="214"/>
                </a:lnTo>
                <a:lnTo>
                  <a:pt x="10" y="216"/>
                </a:lnTo>
                <a:lnTo>
                  <a:pt x="4" y="228"/>
                </a:lnTo>
                <a:lnTo>
                  <a:pt x="0" y="236"/>
                </a:lnTo>
                <a:lnTo>
                  <a:pt x="10" y="238"/>
                </a:lnTo>
                <a:lnTo>
                  <a:pt x="14" y="252"/>
                </a:lnTo>
                <a:lnTo>
                  <a:pt x="10" y="268"/>
                </a:lnTo>
                <a:lnTo>
                  <a:pt x="28" y="276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71" name="Freeform 24"/>
          <p:cNvSpPr>
            <a:spLocks/>
          </p:cNvSpPr>
          <p:nvPr/>
        </p:nvSpPr>
        <p:spPr bwMode="auto">
          <a:xfrm>
            <a:off x="5422900" y="3827463"/>
            <a:ext cx="731838" cy="411162"/>
          </a:xfrm>
          <a:custGeom>
            <a:avLst/>
            <a:gdLst>
              <a:gd name="T0" fmla="*/ 2147483647 w 566"/>
              <a:gd name="T1" fmla="*/ 0 h 318"/>
              <a:gd name="T2" fmla="*/ 2147483647 w 566"/>
              <a:gd name="T3" fmla="*/ 2147483647 h 318"/>
              <a:gd name="T4" fmla="*/ 2147483647 w 566"/>
              <a:gd name="T5" fmla="*/ 2147483647 h 318"/>
              <a:gd name="T6" fmla="*/ 2147483647 w 566"/>
              <a:gd name="T7" fmla="*/ 2147483647 h 318"/>
              <a:gd name="T8" fmla="*/ 2147483647 w 566"/>
              <a:gd name="T9" fmla="*/ 2147483647 h 318"/>
              <a:gd name="T10" fmla="*/ 2147483647 w 566"/>
              <a:gd name="T11" fmla="*/ 2147483647 h 318"/>
              <a:gd name="T12" fmla="*/ 2147483647 w 566"/>
              <a:gd name="T13" fmla="*/ 2147483647 h 318"/>
              <a:gd name="T14" fmla="*/ 2147483647 w 566"/>
              <a:gd name="T15" fmla="*/ 2147483647 h 318"/>
              <a:gd name="T16" fmla="*/ 2147483647 w 566"/>
              <a:gd name="T17" fmla="*/ 2147483647 h 318"/>
              <a:gd name="T18" fmla="*/ 2147483647 w 566"/>
              <a:gd name="T19" fmla="*/ 2147483647 h 318"/>
              <a:gd name="T20" fmla="*/ 2147483647 w 566"/>
              <a:gd name="T21" fmla="*/ 2147483647 h 318"/>
              <a:gd name="T22" fmla="*/ 2147483647 w 566"/>
              <a:gd name="T23" fmla="*/ 2147483647 h 318"/>
              <a:gd name="T24" fmla="*/ 2147483647 w 566"/>
              <a:gd name="T25" fmla="*/ 2147483647 h 318"/>
              <a:gd name="T26" fmla="*/ 2147483647 w 566"/>
              <a:gd name="T27" fmla="*/ 2147483647 h 318"/>
              <a:gd name="T28" fmla="*/ 2147483647 w 566"/>
              <a:gd name="T29" fmla="*/ 2147483647 h 318"/>
              <a:gd name="T30" fmla="*/ 2147483647 w 566"/>
              <a:gd name="T31" fmla="*/ 2147483647 h 318"/>
              <a:gd name="T32" fmla="*/ 2147483647 w 566"/>
              <a:gd name="T33" fmla="*/ 2147483647 h 318"/>
              <a:gd name="T34" fmla="*/ 2147483647 w 566"/>
              <a:gd name="T35" fmla="*/ 2147483647 h 318"/>
              <a:gd name="T36" fmla="*/ 2147483647 w 566"/>
              <a:gd name="T37" fmla="*/ 2147483647 h 318"/>
              <a:gd name="T38" fmla="*/ 2147483647 w 566"/>
              <a:gd name="T39" fmla="*/ 2147483647 h 318"/>
              <a:gd name="T40" fmla="*/ 2147483647 w 566"/>
              <a:gd name="T41" fmla="*/ 2147483647 h 318"/>
              <a:gd name="T42" fmla="*/ 2147483647 w 566"/>
              <a:gd name="T43" fmla="*/ 2147483647 h 318"/>
              <a:gd name="T44" fmla="*/ 2147483647 w 566"/>
              <a:gd name="T45" fmla="*/ 2147483647 h 318"/>
              <a:gd name="T46" fmla="*/ 2147483647 w 566"/>
              <a:gd name="T47" fmla="*/ 2147483647 h 318"/>
              <a:gd name="T48" fmla="*/ 2147483647 w 566"/>
              <a:gd name="T49" fmla="*/ 2147483647 h 318"/>
              <a:gd name="T50" fmla="*/ 2147483647 w 566"/>
              <a:gd name="T51" fmla="*/ 2147483647 h 318"/>
              <a:gd name="T52" fmla="*/ 2147483647 w 566"/>
              <a:gd name="T53" fmla="*/ 2147483647 h 318"/>
              <a:gd name="T54" fmla="*/ 2147483647 w 566"/>
              <a:gd name="T55" fmla="*/ 2147483647 h 318"/>
              <a:gd name="T56" fmla="*/ 2147483647 w 566"/>
              <a:gd name="T57" fmla="*/ 2147483647 h 318"/>
              <a:gd name="T58" fmla="*/ 2147483647 w 566"/>
              <a:gd name="T59" fmla="*/ 2147483647 h 318"/>
              <a:gd name="T60" fmla="*/ 2147483647 w 566"/>
              <a:gd name="T61" fmla="*/ 2147483647 h 318"/>
              <a:gd name="T62" fmla="*/ 2147483647 w 566"/>
              <a:gd name="T63" fmla="*/ 2147483647 h 318"/>
              <a:gd name="T64" fmla="*/ 2147483647 w 566"/>
              <a:gd name="T65" fmla="*/ 2147483647 h 318"/>
              <a:gd name="T66" fmla="*/ 2147483647 w 566"/>
              <a:gd name="T67" fmla="*/ 2147483647 h 318"/>
              <a:gd name="T68" fmla="*/ 2147483647 w 566"/>
              <a:gd name="T69" fmla="*/ 2147483647 h 318"/>
              <a:gd name="T70" fmla="*/ 2147483647 w 566"/>
              <a:gd name="T71" fmla="*/ 2147483647 h 318"/>
              <a:gd name="T72" fmla="*/ 2147483647 w 566"/>
              <a:gd name="T73" fmla="*/ 2147483647 h 318"/>
              <a:gd name="T74" fmla="*/ 2147483647 w 566"/>
              <a:gd name="T75" fmla="*/ 2147483647 h 318"/>
              <a:gd name="T76" fmla="*/ 2147483647 w 566"/>
              <a:gd name="T77" fmla="*/ 2147483647 h 318"/>
              <a:gd name="T78" fmla="*/ 2147483647 w 566"/>
              <a:gd name="T79" fmla="*/ 2147483647 h 318"/>
              <a:gd name="T80" fmla="*/ 2147483647 w 566"/>
              <a:gd name="T81" fmla="*/ 2147483647 h 318"/>
              <a:gd name="T82" fmla="*/ 0 w 566"/>
              <a:gd name="T83" fmla="*/ 2147483647 h 318"/>
              <a:gd name="T84" fmla="*/ 2147483647 w 566"/>
              <a:gd name="T85" fmla="*/ 2147483647 h 318"/>
              <a:gd name="T86" fmla="*/ 2147483647 w 566"/>
              <a:gd name="T87" fmla="*/ 2147483647 h 318"/>
              <a:gd name="T88" fmla="*/ 2147483647 w 566"/>
              <a:gd name="T89" fmla="*/ 2147483647 h 318"/>
              <a:gd name="T90" fmla="*/ 2147483647 w 566"/>
              <a:gd name="T91" fmla="*/ 2147483647 h 318"/>
              <a:gd name="T92" fmla="*/ 2147483647 w 566"/>
              <a:gd name="T93" fmla="*/ 2147483647 h 318"/>
              <a:gd name="T94" fmla="*/ 2147483647 w 566"/>
              <a:gd name="T95" fmla="*/ 2147483647 h 318"/>
              <a:gd name="T96" fmla="*/ 2147483647 w 566"/>
              <a:gd name="T97" fmla="*/ 2147483647 h 318"/>
              <a:gd name="T98" fmla="*/ 2147483647 w 566"/>
              <a:gd name="T99" fmla="*/ 0 h 318"/>
              <a:gd name="T100" fmla="*/ 2147483647 w 566"/>
              <a:gd name="T101" fmla="*/ 2147483647 h 318"/>
              <a:gd name="T102" fmla="*/ 2147483647 w 566"/>
              <a:gd name="T103" fmla="*/ 2147483647 h 318"/>
              <a:gd name="T104" fmla="*/ 2147483647 w 566"/>
              <a:gd name="T105" fmla="*/ 0 h 318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0" t="0" r="r" b="b"/>
            <a:pathLst>
              <a:path w="566" h="318">
                <a:moveTo>
                  <a:pt x="226" y="0"/>
                </a:moveTo>
                <a:lnTo>
                  <a:pt x="248" y="0"/>
                </a:lnTo>
                <a:lnTo>
                  <a:pt x="256" y="6"/>
                </a:lnTo>
                <a:lnTo>
                  <a:pt x="256" y="16"/>
                </a:lnTo>
                <a:lnTo>
                  <a:pt x="270" y="26"/>
                </a:lnTo>
                <a:lnTo>
                  <a:pt x="302" y="32"/>
                </a:lnTo>
                <a:lnTo>
                  <a:pt x="316" y="38"/>
                </a:lnTo>
                <a:lnTo>
                  <a:pt x="320" y="42"/>
                </a:lnTo>
                <a:lnTo>
                  <a:pt x="334" y="38"/>
                </a:lnTo>
                <a:lnTo>
                  <a:pt x="346" y="36"/>
                </a:lnTo>
                <a:lnTo>
                  <a:pt x="354" y="46"/>
                </a:lnTo>
                <a:lnTo>
                  <a:pt x="336" y="68"/>
                </a:lnTo>
                <a:lnTo>
                  <a:pt x="352" y="78"/>
                </a:lnTo>
                <a:lnTo>
                  <a:pt x="364" y="88"/>
                </a:lnTo>
                <a:lnTo>
                  <a:pt x="366" y="96"/>
                </a:lnTo>
                <a:lnTo>
                  <a:pt x="376" y="106"/>
                </a:lnTo>
                <a:lnTo>
                  <a:pt x="406" y="82"/>
                </a:lnTo>
                <a:lnTo>
                  <a:pt x="396" y="72"/>
                </a:lnTo>
                <a:lnTo>
                  <a:pt x="396" y="62"/>
                </a:lnTo>
                <a:lnTo>
                  <a:pt x="406" y="60"/>
                </a:lnTo>
                <a:lnTo>
                  <a:pt x="426" y="72"/>
                </a:lnTo>
                <a:lnTo>
                  <a:pt x="436" y="78"/>
                </a:lnTo>
                <a:lnTo>
                  <a:pt x="456" y="78"/>
                </a:lnTo>
                <a:lnTo>
                  <a:pt x="466" y="70"/>
                </a:lnTo>
                <a:lnTo>
                  <a:pt x="466" y="86"/>
                </a:lnTo>
                <a:lnTo>
                  <a:pt x="458" y="90"/>
                </a:lnTo>
                <a:lnTo>
                  <a:pt x="458" y="96"/>
                </a:lnTo>
                <a:lnTo>
                  <a:pt x="466" y="98"/>
                </a:lnTo>
                <a:lnTo>
                  <a:pt x="474" y="112"/>
                </a:lnTo>
                <a:lnTo>
                  <a:pt x="492" y="102"/>
                </a:lnTo>
                <a:lnTo>
                  <a:pt x="512" y="108"/>
                </a:lnTo>
                <a:lnTo>
                  <a:pt x="530" y="112"/>
                </a:lnTo>
                <a:lnTo>
                  <a:pt x="542" y="120"/>
                </a:lnTo>
                <a:lnTo>
                  <a:pt x="542" y="128"/>
                </a:lnTo>
                <a:lnTo>
                  <a:pt x="552" y="142"/>
                </a:lnTo>
                <a:lnTo>
                  <a:pt x="564" y="144"/>
                </a:lnTo>
                <a:lnTo>
                  <a:pt x="566" y="162"/>
                </a:lnTo>
                <a:lnTo>
                  <a:pt x="552" y="166"/>
                </a:lnTo>
                <a:lnTo>
                  <a:pt x="532" y="178"/>
                </a:lnTo>
                <a:lnTo>
                  <a:pt x="532" y="192"/>
                </a:lnTo>
                <a:lnTo>
                  <a:pt x="514" y="200"/>
                </a:lnTo>
                <a:lnTo>
                  <a:pt x="512" y="228"/>
                </a:lnTo>
                <a:lnTo>
                  <a:pt x="500" y="230"/>
                </a:lnTo>
                <a:lnTo>
                  <a:pt x="496" y="246"/>
                </a:lnTo>
                <a:lnTo>
                  <a:pt x="468" y="264"/>
                </a:lnTo>
                <a:lnTo>
                  <a:pt x="438" y="262"/>
                </a:lnTo>
                <a:lnTo>
                  <a:pt x="422" y="286"/>
                </a:lnTo>
                <a:lnTo>
                  <a:pt x="402" y="282"/>
                </a:lnTo>
                <a:lnTo>
                  <a:pt x="382" y="272"/>
                </a:lnTo>
                <a:lnTo>
                  <a:pt x="368" y="284"/>
                </a:lnTo>
                <a:lnTo>
                  <a:pt x="342" y="284"/>
                </a:lnTo>
                <a:lnTo>
                  <a:pt x="328" y="272"/>
                </a:lnTo>
                <a:lnTo>
                  <a:pt x="308" y="274"/>
                </a:lnTo>
                <a:lnTo>
                  <a:pt x="292" y="262"/>
                </a:lnTo>
                <a:lnTo>
                  <a:pt x="262" y="258"/>
                </a:lnTo>
                <a:lnTo>
                  <a:pt x="250" y="258"/>
                </a:lnTo>
                <a:lnTo>
                  <a:pt x="248" y="288"/>
                </a:lnTo>
                <a:lnTo>
                  <a:pt x="236" y="288"/>
                </a:lnTo>
                <a:lnTo>
                  <a:pt x="230" y="300"/>
                </a:lnTo>
                <a:lnTo>
                  <a:pt x="226" y="316"/>
                </a:lnTo>
                <a:lnTo>
                  <a:pt x="208" y="308"/>
                </a:lnTo>
                <a:lnTo>
                  <a:pt x="196" y="318"/>
                </a:lnTo>
                <a:lnTo>
                  <a:pt x="172" y="314"/>
                </a:lnTo>
                <a:lnTo>
                  <a:pt x="170" y="302"/>
                </a:lnTo>
                <a:lnTo>
                  <a:pt x="152" y="294"/>
                </a:lnTo>
                <a:lnTo>
                  <a:pt x="146" y="282"/>
                </a:lnTo>
                <a:lnTo>
                  <a:pt x="132" y="272"/>
                </a:lnTo>
                <a:lnTo>
                  <a:pt x="112" y="270"/>
                </a:lnTo>
                <a:lnTo>
                  <a:pt x="114" y="262"/>
                </a:lnTo>
                <a:lnTo>
                  <a:pt x="104" y="256"/>
                </a:lnTo>
                <a:lnTo>
                  <a:pt x="98" y="254"/>
                </a:lnTo>
                <a:lnTo>
                  <a:pt x="92" y="244"/>
                </a:lnTo>
                <a:lnTo>
                  <a:pt x="76" y="228"/>
                </a:lnTo>
                <a:lnTo>
                  <a:pt x="62" y="228"/>
                </a:lnTo>
                <a:lnTo>
                  <a:pt x="42" y="202"/>
                </a:lnTo>
                <a:lnTo>
                  <a:pt x="38" y="186"/>
                </a:lnTo>
                <a:lnTo>
                  <a:pt x="28" y="176"/>
                </a:lnTo>
                <a:lnTo>
                  <a:pt x="34" y="164"/>
                </a:lnTo>
                <a:lnTo>
                  <a:pt x="32" y="148"/>
                </a:lnTo>
                <a:lnTo>
                  <a:pt x="20" y="142"/>
                </a:lnTo>
                <a:lnTo>
                  <a:pt x="16" y="140"/>
                </a:lnTo>
                <a:lnTo>
                  <a:pt x="6" y="128"/>
                </a:lnTo>
                <a:lnTo>
                  <a:pt x="4" y="116"/>
                </a:lnTo>
                <a:lnTo>
                  <a:pt x="0" y="104"/>
                </a:lnTo>
                <a:lnTo>
                  <a:pt x="10" y="104"/>
                </a:lnTo>
                <a:lnTo>
                  <a:pt x="18" y="118"/>
                </a:lnTo>
                <a:lnTo>
                  <a:pt x="26" y="100"/>
                </a:lnTo>
                <a:lnTo>
                  <a:pt x="36" y="90"/>
                </a:lnTo>
                <a:lnTo>
                  <a:pt x="50" y="84"/>
                </a:lnTo>
                <a:lnTo>
                  <a:pt x="70" y="86"/>
                </a:lnTo>
                <a:lnTo>
                  <a:pt x="94" y="60"/>
                </a:lnTo>
                <a:lnTo>
                  <a:pt x="110" y="60"/>
                </a:lnTo>
                <a:lnTo>
                  <a:pt x="122" y="44"/>
                </a:lnTo>
                <a:lnTo>
                  <a:pt x="140" y="44"/>
                </a:lnTo>
                <a:lnTo>
                  <a:pt x="146" y="34"/>
                </a:lnTo>
                <a:lnTo>
                  <a:pt x="162" y="32"/>
                </a:lnTo>
                <a:lnTo>
                  <a:pt x="176" y="22"/>
                </a:lnTo>
                <a:lnTo>
                  <a:pt x="182" y="16"/>
                </a:lnTo>
                <a:lnTo>
                  <a:pt x="172" y="4"/>
                </a:lnTo>
                <a:lnTo>
                  <a:pt x="190" y="0"/>
                </a:lnTo>
                <a:lnTo>
                  <a:pt x="196" y="6"/>
                </a:lnTo>
                <a:lnTo>
                  <a:pt x="202" y="20"/>
                </a:lnTo>
                <a:lnTo>
                  <a:pt x="208" y="28"/>
                </a:lnTo>
                <a:lnTo>
                  <a:pt x="216" y="26"/>
                </a:lnTo>
                <a:lnTo>
                  <a:pt x="224" y="12"/>
                </a:lnTo>
                <a:lnTo>
                  <a:pt x="226" y="0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72" name="Freeform 25"/>
          <p:cNvSpPr>
            <a:spLocks/>
          </p:cNvSpPr>
          <p:nvPr/>
        </p:nvSpPr>
        <p:spPr bwMode="auto">
          <a:xfrm>
            <a:off x="6540500" y="3224213"/>
            <a:ext cx="1225550" cy="1301750"/>
          </a:xfrm>
          <a:custGeom>
            <a:avLst/>
            <a:gdLst>
              <a:gd name="T0" fmla="*/ 2147483647 w 946"/>
              <a:gd name="T1" fmla="*/ 2147483647 h 1005"/>
              <a:gd name="T2" fmla="*/ 2147483647 w 946"/>
              <a:gd name="T3" fmla="*/ 2147483647 h 1005"/>
              <a:gd name="T4" fmla="*/ 2147483647 w 946"/>
              <a:gd name="T5" fmla="*/ 2147483647 h 1005"/>
              <a:gd name="T6" fmla="*/ 2147483647 w 946"/>
              <a:gd name="T7" fmla="*/ 2147483647 h 1005"/>
              <a:gd name="T8" fmla="*/ 2147483647 w 946"/>
              <a:gd name="T9" fmla="*/ 2147483647 h 1005"/>
              <a:gd name="T10" fmla="*/ 2147483647 w 946"/>
              <a:gd name="T11" fmla="*/ 2147483647 h 1005"/>
              <a:gd name="T12" fmla="*/ 2147483647 w 946"/>
              <a:gd name="T13" fmla="*/ 2147483647 h 1005"/>
              <a:gd name="T14" fmla="*/ 2147483647 w 946"/>
              <a:gd name="T15" fmla="*/ 2147483647 h 1005"/>
              <a:gd name="T16" fmla="*/ 2147483647 w 946"/>
              <a:gd name="T17" fmla="*/ 2147483647 h 1005"/>
              <a:gd name="T18" fmla="*/ 2147483647 w 946"/>
              <a:gd name="T19" fmla="*/ 2147483647 h 1005"/>
              <a:gd name="T20" fmla="*/ 2147483647 w 946"/>
              <a:gd name="T21" fmla="*/ 2147483647 h 1005"/>
              <a:gd name="T22" fmla="*/ 2147483647 w 946"/>
              <a:gd name="T23" fmla="*/ 2147483647 h 1005"/>
              <a:gd name="T24" fmla="*/ 2147483647 w 946"/>
              <a:gd name="T25" fmla="*/ 2147483647 h 1005"/>
              <a:gd name="T26" fmla="*/ 2147483647 w 946"/>
              <a:gd name="T27" fmla="*/ 2147483647 h 1005"/>
              <a:gd name="T28" fmla="*/ 2147483647 w 946"/>
              <a:gd name="T29" fmla="*/ 2147483647 h 1005"/>
              <a:gd name="T30" fmla="*/ 2147483647 w 946"/>
              <a:gd name="T31" fmla="*/ 2147483647 h 1005"/>
              <a:gd name="T32" fmla="*/ 2147483647 w 946"/>
              <a:gd name="T33" fmla="*/ 2147483647 h 1005"/>
              <a:gd name="T34" fmla="*/ 2147483647 w 946"/>
              <a:gd name="T35" fmla="*/ 2147483647 h 1005"/>
              <a:gd name="T36" fmla="*/ 2147483647 w 946"/>
              <a:gd name="T37" fmla="*/ 2147483647 h 1005"/>
              <a:gd name="T38" fmla="*/ 2147483647 w 946"/>
              <a:gd name="T39" fmla="*/ 2147483647 h 1005"/>
              <a:gd name="T40" fmla="*/ 2147483647 w 946"/>
              <a:gd name="T41" fmla="*/ 2147483647 h 1005"/>
              <a:gd name="T42" fmla="*/ 2147483647 w 946"/>
              <a:gd name="T43" fmla="*/ 2147483647 h 1005"/>
              <a:gd name="T44" fmla="*/ 2147483647 w 946"/>
              <a:gd name="T45" fmla="*/ 2147483647 h 1005"/>
              <a:gd name="T46" fmla="*/ 2147483647 w 946"/>
              <a:gd name="T47" fmla="*/ 2147483647 h 1005"/>
              <a:gd name="T48" fmla="*/ 2147483647 w 946"/>
              <a:gd name="T49" fmla="*/ 2147483647 h 1005"/>
              <a:gd name="T50" fmla="*/ 2147483647 w 946"/>
              <a:gd name="T51" fmla="*/ 2147483647 h 1005"/>
              <a:gd name="T52" fmla="*/ 2147483647 w 946"/>
              <a:gd name="T53" fmla="*/ 2147483647 h 1005"/>
              <a:gd name="T54" fmla="*/ 2147483647 w 946"/>
              <a:gd name="T55" fmla="*/ 2147483647 h 1005"/>
              <a:gd name="T56" fmla="*/ 2147483647 w 946"/>
              <a:gd name="T57" fmla="*/ 2147483647 h 1005"/>
              <a:gd name="T58" fmla="*/ 2147483647 w 946"/>
              <a:gd name="T59" fmla="*/ 2147483647 h 1005"/>
              <a:gd name="T60" fmla="*/ 2147483647 w 946"/>
              <a:gd name="T61" fmla="*/ 2147483647 h 1005"/>
              <a:gd name="T62" fmla="*/ 2147483647 w 946"/>
              <a:gd name="T63" fmla="*/ 2147483647 h 1005"/>
              <a:gd name="T64" fmla="*/ 2147483647 w 946"/>
              <a:gd name="T65" fmla="*/ 2147483647 h 1005"/>
              <a:gd name="T66" fmla="*/ 2147483647 w 946"/>
              <a:gd name="T67" fmla="*/ 2147483647 h 1005"/>
              <a:gd name="T68" fmla="*/ 2147483647 w 946"/>
              <a:gd name="T69" fmla="*/ 2147483647 h 1005"/>
              <a:gd name="T70" fmla="*/ 2147483647 w 946"/>
              <a:gd name="T71" fmla="*/ 2147483647 h 1005"/>
              <a:gd name="T72" fmla="*/ 2147483647 w 946"/>
              <a:gd name="T73" fmla="*/ 2147483647 h 1005"/>
              <a:gd name="T74" fmla="*/ 2147483647 w 946"/>
              <a:gd name="T75" fmla="*/ 2147483647 h 1005"/>
              <a:gd name="T76" fmla="*/ 2147483647 w 946"/>
              <a:gd name="T77" fmla="*/ 2147483647 h 1005"/>
              <a:gd name="T78" fmla="*/ 2147483647 w 946"/>
              <a:gd name="T79" fmla="*/ 2147483647 h 1005"/>
              <a:gd name="T80" fmla="*/ 2147483647 w 946"/>
              <a:gd name="T81" fmla="*/ 2147483647 h 1005"/>
              <a:gd name="T82" fmla="*/ 2147483647 w 946"/>
              <a:gd name="T83" fmla="*/ 2147483647 h 1005"/>
              <a:gd name="T84" fmla="*/ 2147483647 w 946"/>
              <a:gd name="T85" fmla="*/ 2147483647 h 1005"/>
              <a:gd name="T86" fmla="*/ 2147483647 w 946"/>
              <a:gd name="T87" fmla="*/ 2147483647 h 1005"/>
              <a:gd name="T88" fmla="*/ 2147483647 w 946"/>
              <a:gd name="T89" fmla="*/ 2147483647 h 1005"/>
              <a:gd name="T90" fmla="*/ 2147483647 w 946"/>
              <a:gd name="T91" fmla="*/ 2147483647 h 1005"/>
              <a:gd name="T92" fmla="*/ 2147483647 w 946"/>
              <a:gd name="T93" fmla="*/ 2147483647 h 1005"/>
              <a:gd name="T94" fmla="*/ 2147483647 w 946"/>
              <a:gd name="T95" fmla="*/ 2147483647 h 1005"/>
              <a:gd name="T96" fmla="*/ 2147483647 w 946"/>
              <a:gd name="T97" fmla="*/ 2147483647 h 1005"/>
              <a:gd name="T98" fmla="*/ 2147483647 w 946"/>
              <a:gd name="T99" fmla="*/ 2147483647 h 1005"/>
              <a:gd name="T100" fmla="*/ 2147483647 w 946"/>
              <a:gd name="T101" fmla="*/ 2147483647 h 1005"/>
              <a:gd name="T102" fmla="*/ 2147483647 w 946"/>
              <a:gd name="T103" fmla="*/ 2147483647 h 1005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946" h="1005">
                <a:moveTo>
                  <a:pt x="44" y="309"/>
                </a:moveTo>
                <a:lnTo>
                  <a:pt x="56" y="293"/>
                </a:lnTo>
                <a:lnTo>
                  <a:pt x="68" y="291"/>
                </a:lnTo>
                <a:lnTo>
                  <a:pt x="78" y="297"/>
                </a:lnTo>
                <a:lnTo>
                  <a:pt x="98" y="277"/>
                </a:lnTo>
                <a:lnTo>
                  <a:pt x="100" y="257"/>
                </a:lnTo>
                <a:lnTo>
                  <a:pt x="138" y="247"/>
                </a:lnTo>
                <a:lnTo>
                  <a:pt x="160" y="229"/>
                </a:lnTo>
                <a:lnTo>
                  <a:pt x="216" y="223"/>
                </a:lnTo>
                <a:lnTo>
                  <a:pt x="264" y="227"/>
                </a:lnTo>
                <a:lnTo>
                  <a:pt x="320" y="219"/>
                </a:lnTo>
                <a:lnTo>
                  <a:pt x="336" y="235"/>
                </a:lnTo>
                <a:lnTo>
                  <a:pt x="354" y="231"/>
                </a:lnTo>
                <a:lnTo>
                  <a:pt x="368" y="231"/>
                </a:lnTo>
                <a:lnTo>
                  <a:pt x="370" y="245"/>
                </a:lnTo>
                <a:lnTo>
                  <a:pt x="382" y="245"/>
                </a:lnTo>
                <a:lnTo>
                  <a:pt x="382" y="229"/>
                </a:lnTo>
                <a:lnTo>
                  <a:pt x="402" y="227"/>
                </a:lnTo>
                <a:lnTo>
                  <a:pt x="410" y="213"/>
                </a:lnTo>
                <a:lnTo>
                  <a:pt x="424" y="225"/>
                </a:lnTo>
                <a:lnTo>
                  <a:pt x="436" y="215"/>
                </a:lnTo>
                <a:lnTo>
                  <a:pt x="448" y="229"/>
                </a:lnTo>
                <a:lnTo>
                  <a:pt x="458" y="227"/>
                </a:lnTo>
                <a:lnTo>
                  <a:pt x="458" y="217"/>
                </a:lnTo>
                <a:lnTo>
                  <a:pt x="480" y="197"/>
                </a:lnTo>
                <a:lnTo>
                  <a:pt x="494" y="215"/>
                </a:lnTo>
                <a:lnTo>
                  <a:pt x="506" y="227"/>
                </a:lnTo>
                <a:lnTo>
                  <a:pt x="518" y="215"/>
                </a:lnTo>
                <a:lnTo>
                  <a:pt x="526" y="203"/>
                </a:lnTo>
                <a:lnTo>
                  <a:pt x="540" y="209"/>
                </a:lnTo>
                <a:lnTo>
                  <a:pt x="560" y="193"/>
                </a:lnTo>
                <a:lnTo>
                  <a:pt x="572" y="193"/>
                </a:lnTo>
                <a:lnTo>
                  <a:pt x="582" y="205"/>
                </a:lnTo>
                <a:lnTo>
                  <a:pt x="596" y="211"/>
                </a:lnTo>
                <a:lnTo>
                  <a:pt x="608" y="203"/>
                </a:lnTo>
                <a:lnTo>
                  <a:pt x="592" y="181"/>
                </a:lnTo>
                <a:lnTo>
                  <a:pt x="592" y="153"/>
                </a:lnTo>
                <a:lnTo>
                  <a:pt x="598" y="123"/>
                </a:lnTo>
                <a:lnTo>
                  <a:pt x="606" y="100"/>
                </a:lnTo>
                <a:lnTo>
                  <a:pt x="626" y="98"/>
                </a:lnTo>
                <a:lnTo>
                  <a:pt x="642" y="86"/>
                </a:lnTo>
                <a:lnTo>
                  <a:pt x="670" y="78"/>
                </a:lnTo>
                <a:lnTo>
                  <a:pt x="684" y="82"/>
                </a:lnTo>
                <a:lnTo>
                  <a:pt x="704" y="72"/>
                </a:lnTo>
                <a:lnTo>
                  <a:pt x="706" y="38"/>
                </a:lnTo>
                <a:lnTo>
                  <a:pt x="744" y="34"/>
                </a:lnTo>
                <a:lnTo>
                  <a:pt x="764" y="12"/>
                </a:lnTo>
                <a:lnTo>
                  <a:pt x="782" y="6"/>
                </a:lnTo>
                <a:lnTo>
                  <a:pt x="794" y="8"/>
                </a:lnTo>
                <a:lnTo>
                  <a:pt x="808" y="0"/>
                </a:lnTo>
                <a:lnTo>
                  <a:pt x="840" y="16"/>
                </a:lnTo>
                <a:lnTo>
                  <a:pt x="848" y="38"/>
                </a:lnTo>
                <a:lnTo>
                  <a:pt x="866" y="42"/>
                </a:lnTo>
                <a:lnTo>
                  <a:pt x="884" y="60"/>
                </a:lnTo>
                <a:lnTo>
                  <a:pt x="862" y="74"/>
                </a:lnTo>
                <a:lnTo>
                  <a:pt x="878" y="92"/>
                </a:lnTo>
                <a:lnTo>
                  <a:pt x="880" y="106"/>
                </a:lnTo>
                <a:lnTo>
                  <a:pt x="888" y="108"/>
                </a:lnTo>
                <a:lnTo>
                  <a:pt x="888" y="121"/>
                </a:lnTo>
                <a:lnTo>
                  <a:pt x="898" y="123"/>
                </a:lnTo>
                <a:lnTo>
                  <a:pt x="920" y="114"/>
                </a:lnTo>
                <a:lnTo>
                  <a:pt x="926" y="119"/>
                </a:lnTo>
                <a:lnTo>
                  <a:pt x="934" y="119"/>
                </a:lnTo>
                <a:lnTo>
                  <a:pt x="946" y="108"/>
                </a:lnTo>
                <a:lnTo>
                  <a:pt x="946" y="741"/>
                </a:lnTo>
                <a:lnTo>
                  <a:pt x="936" y="743"/>
                </a:lnTo>
                <a:lnTo>
                  <a:pt x="924" y="749"/>
                </a:lnTo>
                <a:lnTo>
                  <a:pt x="910" y="749"/>
                </a:lnTo>
                <a:lnTo>
                  <a:pt x="890" y="743"/>
                </a:lnTo>
                <a:lnTo>
                  <a:pt x="886" y="727"/>
                </a:lnTo>
                <a:lnTo>
                  <a:pt x="884" y="713"/>
                </a:lnTo>
                <a:lnTo>
                  <a:pt x="872" y="705"/>
                </a:lnTo>
                <a:lnTo>
                  <a:pt x="866" y="695"/>
                </a:lnTo>
                <a:lnTo>
                  <a:pt x="854" y="685"/>
                </a:lnTo>
                <a:lnTo>
                  <a:pt x="860" y="695"/>
                </a:lnTo>
                <a:lnTo>
                  <a:pt x="866" y="705"/>
                </a:lnTo>
                <a:lnTo>
                  <a:pt x="876" y="713"/>
                </a:lnTo>
                <a:lnTo>
                  <a:pt x="878" y="723"/>
                </a:lnTo>
                <a:lnTo>
                  <a:pt x="882" y="739"/>
                </a:lnTo>
                <a:lnTo>
                  <a:pt x="886" y="749"/>
                </a:lnTo>
                <a:lnTo>
                  <a:pt x="880" y="753"/>
                </a:lnTo>
                <a:lnTo>
                  <a:pt x="868" y="757"/>
                </a:lnTo>
                <a:lnTo>
                  <a:pt x="854" y="761"/>
                </a:lnTo>
                <a:lnTo>
                  <a:pt x="848" y="753"/>
                </a:lnTo>
                <a:lnTo>
                  <a:pt x="844" y="749"/>
                </a:lnTo>
                <a:lnTo>
                  <a:pt x="844" y="759"/>
                </a:lnTo>
                <a:lnTo>
                  <a:pt x="840" y="771"/>
                </a:lnTo>
                <a:lnTo>
                  <a:pt x="830" y="771"/>
                </a:lnTo>
                <a:lnTo>
                  <a:pt x="814" y="775"/>
                </a:lnTo>
                <a:lnTo>
                  <a:pt x="796" y="787"/>
                </a:lnTo>
                <a:lnTo>
                  <a:pt x="794" y="809"/>
                </a:lnTo>
                <a:lnTo>
                  <a:pt x="792" y="827"/>
                </a:lnTo>
                <a:lnTo>
                  <a:pt x="788" y="847"/>
                </a:lnTo>
                <a:lnTo>
                  <a:pt x="782" y="849"/>
                </a:lnTo>
                <a:lnTo>
                  <a:pt x="772" y="837"/>
                </a:lnTo>
                <a:lnTo>
                  <a:pt x="760" y="827"/>
                </a:lnTo>
                <a:lnTo>
                  <a:pt x="746" y="827"/>
                </a:lnTo>
                <a:lnTo>
                  <a:pt x="742" y="829"/>
                </a:lnTo>
                <a:lnTo>
                  <a:pt x="744" y="835"/>
                </a:lnTo>
                <a:lnTo>
                  <a:pt x="754" y="841"/>
                </a:lnTo>
                <a:lnTo>
                  <a:pt x="768" y="847"/>
                </a:lnTo>
                <a:lnTo>
                  <a:pt x="780" y="857"/>
                </a:lnTo>
                <a:lnTo>
                  <a:pt x="780" y="865"/>
                </a:lnTo>
                <a:lnTo>
                  <a:pt x="774" y="871"/>
                </a:lnTo>
                <a:lnTo>
                  <a:pt x="772" y="889"/>
                </a:lnTo>
                <a:lnTo>
                  <a:pt x="766" y="895"/>
                </a:lnTo>
                <a:lnTo>
                  <a:pt x="758" y="899"/>
                </a:lnTo>
                <a:lnTo>
                  <a:pt x="740" y="919"/>
                </a:lnTo>
                <a:lnTo>
                  <a:pt x="742" y="925"/>
                </a:lnTo>
                <a:lnTo>
                  <a:pt x="732" y="929"/>
                </a:lnTo>
                <a:lnTo>
                  <a:pt x="726" y="917"/>
                </a:lnTo>
                <a:lnTo>
                  <a:pt x="720" y="917"/>
                </a:lnTo>
                <a:lnTo>
                  <a:pt x="722" y="929"/>
                </a:lnTo>
                <a:lnTo>
                  <a:pt x="728" y="941"/>
                </a:lnTo>
                <a:lnTo>
                  <a:pt x="736" y="949"/>
                </a:lnTo>
                <a:lnTo>
                  <a:pt x="742" y="953"/>
                </a:lnTo>
                <a:lnTo>
                  <a:pt x="746" y="963"/>
                </a:lnTo>
                <a:lnTo>
                  <a:pt x="746" y="973"/>
                </a:lnTo>
                <a:lnTo>
                  <a:pt x="742" y="983"/>
                </a:lnTo>
                <a:lnTo>
                  <a:pt x="726" y="965"/>
                </a:lnTo>
                <a:lnTo>
                  <a:pt x="704" y="965"/>
                </a:lnTo>
                <a:lnTo>
                  <a:pt x="688" y="981"/>
                </a:lnTo>
                <a:lnTo>
                  <a:pt x="658" y="1005"/>
                </a:lnTo>
                <a:lnTo>
                  <a:pt x="634" y="1003"/>
                </a:lnTo>
                <a:lnTo>
                  <a:pt x="608" y="985"/>
                </a:lnTo>
                <a:lnTo>
                  <a:pt x="612" y="975"/>
                </a:lnTo>
                <a:lnTo>
                  <a:pt x="632" y="975"/>
                </a:lnTo>
                <a:lnTo>
                  <a:pt x="628" y="949"/>
                </a:lnTo>
                <a:lnTo>
                  <a:pt x="644" y="929"/>
                </a:lnTo>
                <a:lnTo>
                  <a:pt x="640" y="911"/>
                </a:lnTo>
                <a:lnTo>
                  <a:pt x="654" y="901"/>
                </a:lnTo>
                <a:lnTo>
                  <a:pt x="652" y="885"/>
                </a:lnTo>
                <a:lnTo>
                  <a:pt x="654" y="875"/>
                </a:lnTo>
                <a:lnTo>
                  <a:pt x="634" y="849"/>
                </a:lnTo>
                <a:lnTo>
                  <a:pt x="656" y="829"/>
                </a:lnTo>
                <a:lnTo>
                  <a:pt x="666" y="845"/>
                </a:lnTo>
                <a:lnTo>
                  <a:pt x="688" y="831"/>
                </a:lnTo>
                <a:lnTo>
                  <a:pt x="702" y="837"/>
                </a:lnTo>
                <a:lnTo>
                  <a:pt x="708" y="827"/>
                </a:lnTo>
                <a:lnTo>
                  <a:pt x="718" y="839"/>
                </a:lnTo>
                <a:lnTo>
                  <a:pt x="728" y="829"/>
                </a:lnTo>
                <a:lnTo>
                  <a:pt x="740" y="829"/>
                </a:lnTo>
                <a:lnTo>
                  <a:pt x="742" y="825"/>
                </a:lnTo>
                <a:lnTo>
                  <a:pt x="720" y="813"/>
                </a:lnTo>
                <a:lnTo>
                  <a:pt x="722" y="803"/>
                </a:lnTo>
                <a:lnTo>
                  <a:pt x="712" y="779"/>
                </a:lnTo>
                <a:lnTo>
                  <a:pt x="692" y="777"/>
                </a:lnTo>
                <a:lnTo>
                  <a:pt x="666" y="765"/>
                </a:lnTo>
                <a:lnTo>
                  <a:pt x="640" y="749"/>
                </a:lnTo>
                <a:lnTo>
                  <a:pt x="622" y="719"/>
                </a:lnTo>
                <a:lnTo>
                  <a:pt x="616" y="669"/>
                </a:lnTo>
                <a:lnTo>
                  <a:pt x="604" y="651"/>
                </a:lnTo>
                <a:lnTo>
                  <a:pt x="590" y="663"/>
                </a:lnTo>
                <a:lnTo>
                  <a:pt x="574" y="643"/>
                </a:lnTo>
                <a:lnTo>
                  <a:pt x="550" y="643"/>
                </a:lnTo>
                <a:lnTo>
                  <a:pt x="542" y="653"/>
                </a:lnTo>
                <a:lnTo>
                  <a:pt x="532" y="637"/>
                </a:lnTo>
                <a:lnTo>
                  <a:pt x="516" y="645"/>
                </a:lnTo>
                <a:lnTo>
                  <a:pt x="480" y="625"/>
                </a:lnTo>
                <a:lnTo>
                  <a:pt x="454" y="625"/>
                </a:lnTo>
                <a:lnTo>
                  <a:pt x="430" y="645"/>
                </a:lnTo>
                <a:lnTo>
                  <a:pt x="400" y="649"/>
                </a:lnTo>
                <a:lnTo>
                  <a:pt x="402" y="661"/>
                </a:lnTo>
                <a:lnTo>
                  <a:pt x="386" y="661"/>
                </a:lnTo>
                <a:lnTo>
                  <a:pt x="384" y="671"/>
                </a:lnTo>
                <a:lnTo>
                  <a:pt x="362" y="685"/>
                </a:lnTo>
                <a:lnTo>
                  <a:pt x="352" y="713"/>
                </a:lnTo>
                <a:lnTo>
                  <a:pt x="278" y="739"/>
                </a:lnTo>
                <a:lnTo>
                  <a:pt x="268" y="769"/>
                </a:lnTo>
                <a:lnTo>
                  <a:pt x="254" y="773"/>
                </a:lnTo>
                <a:lnTo>
                  <a:pt x="224" y="747"/>
                </a:lnTo>
                <a:lnTo>
                  <a:pt x="200" y="747"/>
                </a:lnTo>
                <a:lnTo>
                  <a:pt x="196" y="759"/>
                </a:lnTo>
                <a:lnTo>
                  <a:pt x="116" y="759"/>
                </a:lnTo>
                <a:lnTo>
                  <a:pt x="104" y="749"/>
                </a:lnTo>
                <a:lnTo>
                  <a:pt x="94" y="751"/>
                </a:lnTo>
                <a:lnTo>
                  <a:pt x="92" y="765"/>
                </a:lnTo>
                <a:lnTo>
                  <a:pt x="78" y="771"/>
                </a:lnTo>
                <a:lnTo>
                  <a:pt x="68" y="757"/>
                </a:lnTo>
                <a:lnTo>
                  <a:pt x="50" y="761"/>
                </a:lnTo>
                <a:lnTo>
                  <a:pt x="40" y="745"/>
                </a:lnTo>
                <a:lnTo>
                  <a:pt x="24" y="747"/>
                </a:lnTo>
                <a:lnTo>
                  <a:pt x="22" y="739"/>
                </a:lnTo>
                <a:lnTo>
                  <a:pt x="4" y="727"/>
                </a:lnTo>
                <a:lnTo>
                  <a:pt x="0" y="705"/>
                </a:lnTo>
                <a:lnTo>
                  <a:pt x="12" y="685"/>
                </a:lnTo>
                <a:lnTo>
                  <a:pt x="14" y="655"/>
                </a:lnTo>
                <a:lnTo>
                  <a:pt x="20" y="639"/>
                </a:lnTo>
                <a:lnTo>
                  <a:pt x="46" y="639"/>
                </a:lnTo>
                <a:lnTo>
                  <a:pt x="48" y="631"/>
                </a:lnTo>
                <a:lnTo>
                  <a:pt x="36" y="623"/>
                </a:lnTo>
                <a:lnTo>
                  <a:pt x="32" y="603"/>
                </a:lnTo>
                <a:lnTo>
                  <a:pt x="24" y="585"/>
                </a:lnTo>
                <a:lnTo>
                  <a:pt x="22" y="571"/>
                </a:lnTo>
                <a:lnTo>
                  <a:pt x="56" y="505"/>
                </a:lnTo>
                <a:lnTo>
                  <a:pt x="78" y="473"/>
                </a:lnTo>
                <a:lnTo>
                  <a:pt x="88" y="455"/>
                </a:lnTo>
                <a:lnTo>
                  <a:pt x="104" y="451"/>
                </a:lnTo>
                <a:lnTo>
                  <a:pt x="114" y="435"/>
                </a:lnTo>
                <a:lnTo>
                  <a:pt x="112" y="415"/>
                </a:lnTo>
                <a:lnTo>
                  <a:pt x="98" y="403"/>
                </a:lnTo>
                <a:lnTo>
                  <a:pt x="98" y="395"/>
                </a:lnTo>
                <a:lnTo>
                  <a:pt x="108" y="393"/>
                </a:lnTo>
                <a:lnTo>
                  <a:pt x="108" y="387"/>
                </a:lnTo>
                <a:lnTo>
                  <a:pt x="80" y="363"/>
                </a:lnTo>
                <a:lnTo>
                  <a:pt x="80" y="355"/>
                </a:lnTo>
                <a:lnTo>
                  <a:pt x="60" y="339"/>
                </a:lnTo>
                <a:lnTo>
                  <a:pt x="60" y="325"/>
                </a:lnTo>
                <a:lnTo>
                  <a:pt x="52" y="309"/>
                </a:lnTo>
                <a:lnTo>
                  <a:pt x="44" y="309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73" name="Freeform 26"/>
          <p:cNvSpPr>
            <a:spLocks/>
          </p:cNvSpPr>
          <p:nvPr/>
        </p:nvSpPr>
        <p:spPr bwMode="auto">
          <a:xfrm>
            <a:off x="6519863" y="2771775"/>
            <a:ext cx="914400" cy="852488"/>
          </a:xfrm>
          <a:custGeom>
            <a:avLst/>
            <a:gdLst>
              <a:gd name="T0" fmla="*/ 2147483647 w 706"/>
              <a:gd name="T1" fmla="*/ 2147483647 h 659"/>
              <a:gd name="T2" fmla="*/ 2147483647 w 706"/>
              <a:gd name="T3" fmla="*/ 2147483647 h 659"/>
              <a:gd name="T4" fmla="*/ 2147483647 w 706"/>
              <a:gd name="T5" fmla="*/ 2147483647 h 659"/>
              <a:gd name="T6" fmla="*/ 2147483647 w 706"/>
              <a:gd name="T7" fmla="*/ 2147483647 h 659"/>
              <a:gd name="T8" fmla="*/ 2147483647 w 706"/>
              <a:gd name="T9" fmla="*/ 2147483647 h 659"/>
              <a:gd name="T10" fmla="*/ 2147483647 w 706"/>
              <a:gd name="T11" fmla="*/ 2147483647 h 659"/>
              <a:gd name="T12" fmla="*/ 2147483647 w 706"/>
              <a:gd name="T13" fmla="*/ 2147483647 h 659"/>
              <a:gd name="T14" fmla="*/ 2147483647 w 706"/>
              <a:gd name="T15" fmla="*/ 2147483647 h 659"/>
              <a:gd name="T16" fmla="*/ 2147483647 w 706"/>
              <a:gd name="T17" fmla="*/ 2147483647 h 659"/>
              <a:gd name="T18" fmla="*/ 2147483647 w 706"/>
              <a:gd name="T19" fmla="*/ 2147483647 h 659"/>
              <a:gd name="T20" fmla="*/ 2147483647 w 706"/>
              <a:gd name="T21" fmla="*/ 2147483647 h 659"/>
              <a:gd name="T22" fmla="*/ 2147483647 w 706"/>
              <a:gd name="T23" fmla="*/ 2147483647 h 659"/>
              <a:gd name="T24" fmla="*/ 2147483647 w 706"/>
              <a:gd name="T25" fmla="*/ 2147483647 h 659"/>
              <a:gd name="T26" fmla="*/ 2147483647 w 706"/>
              <a:gd name="T27" fmla="*/ 2147483647 h 659"/>
              <a:gd name="T28" fmla="*/ 2147483647 w 706"/>
              <a:gd name="T29" fmla="*/ 2147483647 h 659"/>
              <a:gd name="T30" fmla="*/ 2147483647 w 706"/>
              <a:gd name="T31" fmla="*/ 2147483647 h 659"/>
              <a:gd name="T32" fmla="*/ 2147483647 w 706"/>
              <a:gd name="T33" fmla="*/ 2147483647 h 659"/>
              <a:gd name="T34" fmla="*/ 2147483647 w 706"/>
              <a:gd name="T35" fmla="*/ 2147483647 h 659"/>
              <a:gd name="T36" fmla="*/ 2147483647 w 706"/>
              <a:gd name="T37" fmla="*/ 2147483647 h 659"/>
              <a:gd name="T38" fmla="*/ 2147483647 w 706"/>
              <a:gd name="T39" fmla="*/ 2147483647 h 659"/>
              <a:gd name="T40" fmla="*/ 2147483647 w 706"/>
              <a:gd name="T41" fmla="*/ 2147483647 h 659"/>
              <a:gd name="T42" fmla="*/ 2147483647 w 706"/>
              <a:gd name="T43" fmla="*/ 2147483647 h 659"/>
              <a:gd name="T44" fmla="*/ 2147483647 w 706"/>
              <a:gd name="T45" fmla="*/ 2147483647 h 659"/>
              <a:gd name="T46" fmla="*/ 2147483647 w 706"/>
              <a:gd name="T47" fmla="*/ 2147483647 h 659"/>
              <a:gd name="T48" fmla="*/ 2147483647 w 706"/>
              <a:gd name="T49" fmla="*/ 2147483647 h 659"/>
              <a:gd name="T50" fmla="*/ 2147483647 w 706"/>
              <a:gd name="T51" fmla="*/ 2147483647 h 659"/>
              <a:gd name="T52" fmla="*/ 2147483647 w 706"/>
              <a:gd name="T53" fmla="*/ 2147483647 h 659"/>
              <a:gd name="T54" fmla="*/ 2147483647 w 706"/>
              <a:gd name="T55" fmla="*/ 2147483647 h 659"/>
              <a:gd name="T56" fmla="*/ 2147483647 w 706"/>
              <a:gd name="T57" fmla="*/ 2147483647 h 659"/>
              <a:gd name="T58" fmla="*/ 2147483647 w 706"/>
              <a:gd name="T59" fmla="*/ 2147483647 h 659"/>
              <a:gd name="T60" fmla="*/ 2147483647 w 706"/>
              <a:gd name="T61" fmla="*/ 2147483647 h 659"/>
              <a:gd name="T62" fmla="*/ 2147483647 w 706"/>
              <a:gd name="T63" fmla="*/ 2147483647 h 659"/>
              <a:gd name="T64" fmla="*/ 2147483647 w 706"/>
              <a:gd name="T65" fmla="*/ 2147483647 h 659"/>
              <a:gd name="T66" fmla="*/ 2147483647 w 706"/>
              <a:gd name="T67" fmla="*/ 2147483647 h 659"/>
              <a:gd name="T68" fmla="*/ 2147483647 w 706"/>
              <a:gd name="T69" fmla="*/ 2147483647 h 659"/>
              <a:gd name="T70" fmla="*/ 2147483647 w 706"/>
              <a:gd name="T71" fmla="*/ 2147483647 h 659"/>
              <a:gd name="T72" fmla="*/ 2147483647 w 706"/>
              <a:gd name="T73" fmla="*/ 2147483647 h 659"/>
              <a:gd name="T74" fmla="*/ 2147483647 w 706"/>
              <a:gd name="T75" fmla="*/ 2147483647 h 659"/>
              <a:gd name="T76" fmla="*/ 2147483647 w 706"/>
              <a:gd name="T77" fmla="*/ 2147483647 h 659"/>
              <a:gd name="T78" fmla="*/ 2147483647 w 706"/>
              <a:gd name="T79" fmla="*/ 2147483647 h 659"/>
              <a:gd name="T80" fmla="*/ 2147483647 w 706"/>
              <a:gd name="T81" fmla="*/ 2147483647 h 659"/>
              <a:gd name="T82" fmla="*/ 2147483647 w 706"/>
              <a:gd name="T83" fmla="*/ 2147483647 h 659"/>
              <a:gd name="T84" fmla="*/ 2147483647 w 706"/>
              <a:gd name="T85" fmla="*/ 2147483647 h 659"/>
              <a:gd name="T86" fmla="*/ 2147483647 w 706"/>
              <a:gd name="T87" fmla="*/ 2147483647 h 659"/>
              <a:gd name="T88" fmla="*/ 2147483647 w 706"/>
              <a:gd name="T89" fmla="*/ 2147483647 h 659"/>
              <a:gd name="T90" fmla="*/ 2147483647 w 706"/>
              <a:gd name="T91" fmla="*/ 2147483647 h 659"/>
              <a:gd name="T92" fmla="*/ 2147483647 w 706"/>
              <a:gd name="T93" fmla="*/ 2147483647 h 659"/>
              <a:gd name="T94" fmla="*/ 2147483647 w 706"/>
              <a:gd name="T95" fmla="*/ 2147483647 h 659"/>
              <a:gd name="T96" fmla="*/ 2147483647 w 706"/>
              <a:gd name="T97" fmla="*/ 2147483647 h 659"/>
              <a:gd name="T98" fmla="*/ 2147483647 w 706"/>
              <a:gd name="T99" fmla="*/ 2147483647 h 659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0" t="0" r="r" b="b"/>
            <a:pathLst>
              <a:path w="706" h="659">
                <a:moveTo>
                  <a:pt x="0" y="358"/>
                </a:moveTo>
                <a:lnTo>
                  <a:pt x="12" y="358"/>
                </a:lnTo>
                <a:lnTo>
                  <a:pt x="38" y="344"/>
                </a:lnTo>
                <a:lnTo>
                  <a:pt x="52" y="340"/>
                </a:lnTo>
                <a:lnTo>
                  <a:pt x="66" y="350"/>
                </a:lnTo>
                <a:lnTo>
                  <a:pt x="84" y="330"/>
                </a:lnTo>
                <a:lnTo>
                  <a:pt x="98" y="330"/>
                </a:lnTo>
                <a:lnTo>
                  <a:pt x="100" y="322"/>
                </a:lnTo>
                <a:lnTo>
                  <a:pt x="92" y="312"/>
                </a:lnTo>
                <a:lnTo>
                  <a:pt x="100" y="306"/>
                </a:lnTo>
                <a:lnTo>
                  <a:pt x="110" y="306"/>
                </a:lnTo>
                <a:lnTo>
                  <a:pt x="124" y="290"/>
                </a:lnTo>
                <a:lnTo>
                  <a:pt x="132" y="286"/>
                </a:lnTo>
                <a:lnTo>
                  <a:pt x="136" y="280"/>
                </a:lnTo>
                <a:lnTo>
                  <a:pt x="144" y="282"/>
                </a:lnTo>
                <a:lnTo>
                  <a:pt x="146" y="296"/>
                </a:lnTo>
                <a:lnTo>
                  <a:pt x="160" y="292"/>
                </a:lnTo>
                <a:lnTo>
                  <a:pt x="164" y="282"/>
                </a:lnTo>
                <a:lnTo>
                  <a:pt x="160" y="272"/>
                </a:lnTo>
                <a:lnTo>
                  <a:pt x="144" y="270"/>
                </a:lnTo>
                <a:lnTo>
                  <a:pt x="146" y="248"/>
                </a:lnTo>
                <a:lnTo>
                  <a:pt x="152" y="238"/>
                </a:lnTo>
                <a:lnTo>
                  <a:pt x="144" y="224"/>
                </a:lnTo>
                <a:lnTo>
                  <a:pt x="146" y="202"/>
                </a:lnTo>
                <a:lnTo>
                  <a:pt x="154" y="188"/>
                </a:lnTo>
                <a:lnTo>
                  <a:pt x="172" y="180"/>
                </a:lnTo>
                <a:lnTo>
                  <a:pt x="170" y="162"/>
                </a:lnTo>
                <a:lnTo>
                  <a:pt x="182" y="152"/>
                </a:lnTo>
                <a:lnTo>
                  <a:pt x="196" y="156"/>
                </a:lnTo>
                <a:lnTo>
                  <a:pt x="206" y="130"/>
                </a:lnTo>
                <a:lnTo>
                  <a:pt x="178" y="128"/>
                </a:lnTo>
                <a:lnTo>
                  <a:pt x="180" y="86"/>
                </a:lnTo>
                <a:lnTo>
                  <a:pt x="198" y="78"/>
                </a:lnTo>
                <a:lnTo>
                  <a:pt x="198" y="68"/>
                </a:lnTo>
                <a:lnTo>
                  <a:pt x="208" y="58"/>
                </a:lnTo>
                <a:lnTo>
                  <a:pt x="222" y="62"/>
                </a:lnTo>
                <a:lnTo>
                  <a:pt x="248" y="58"/>
                </a:lnTo>
                <a:lnTo>
                  <a:pt x="250" y="30"/>
                </a:lnTo>
                <a:lnTo>
                  <a:pt x="266" y="2"/>
                </a:lnTo>
                <a:lnTo>
                  <a:pt x="276" y="0"/>
                </a:lnTo>
                <a:lnTo>
                  <a:pt x="284" y="6"/>
                </a:lnTo>
                <a:lnTo>
                  <a:pt x="294" y="8"/>
                </a:lnTo>
                <a:lnTo>
                  <a:pt x="296" y="2"/>
                </a:lnTo>
                <a:lnTo>
                  <a:pt x="312" y="2"/>
                </a:lnTo>
                <a:lnTo>
                  <a:pt x="322" y="16"/>
                </a:lnTo>
                <a:lnTo>
                  <a:pt x="342" y="0"/>
                </a:lnTo>
                <a:lnTo>
                  <a:pt x="368" y="0"/>
                </a:lnTo>
                <a:lnTo>
                  <a:pt x="374" y="8"/>
                </a:lnTo>
                <a:lnTo>
                  <a:pt x="370" y="20"/>
                </a:lnTo>
                <a:lnTo>
                  <a:pt x="386" y="34"/>
                </a:lnTo>
                <a:lnTo>
                  <a:pt x="398" y="16"/>
                </a:lnTo>
                <a:lnTo>
                  <a:pt x="414" y="2"/>
                </a:lnTo>
                <a:lnTo>
                  <a:pt x="446" y="0"/>
                </a:lnTo>
                <a:lnTo>
                  <a:pt x="464" y="10"/>
                </a:lnTo>
                <a:lnTo>
                  <a:pt x="476" y="20"/>
                </a:lnTo>
                <a:lnTo>
                  <a:pt x="488" y="16"/>
                </a:lnTo>
                <a:lnTo>
                  <a:pt x="498" y="40"/>
                </a:lnTo>
                <a:lnTo>
                  <a:pt x="492" y="54"/>
                </a:lnTo>
                <a:lnTo>
                  <a:pt x="514" y="76"/>
                </a:lnTo>
                <a:lnTo>
                  <a:pt x="510" y="96"/>
                </a:lnTo>
                <a:lnTo>
                  <a:pt x="508" y="114"/>
                </a:lnTo>
                <a:lnTo>
                  <a:pt x="526" y="124"/>
                </a:lnTo>
                <a:lnTo>
                  <a:pt x="542" y="132"/>
                </a:lnTo>
                <a:lnTo>
                  <a:pt x="540" y="146"/>
                </a:lnTo>
                <a:lnTo>
                  <a:pt x="556" y="156"/>
                </a:lnTo>
                <a:lnTo>
                  <a:pt x="568" y="174"/>
                </a:lnTo>
                <a:lnTo>
                  <a:pt x="590" y="184"/>
                </a:lnTo>
                <a:lnTo>
                  <a:pt x="614" y="186"/>
                </a:lnTo>
                <a:lnTo>
                  <a:pt x="618" y="200"/>
                </a:lnTo>
                <a:lnTo>
                  <a:pt x="618" y="220"/>
                </a:lnTo>
                <a:lnTo>
                  <a:pt x="632" y="216"/>
                </a:lnTo>
                <a:lnTo>
                  <a:pt x="642" y="210"/>
                </a:lnTo>
                <a:lnTo>
                  <a:pt x="662" y="210"/>
                </a:lnTo>
                <a:lnTo>
                  <a:pt x="672" y="216"/>
                </a:lnTo>
                <a:lnTo>
                  <a:pt x="676" y="232"/>
                </a:lnTo>
                <a:lnTo>
                  <a:pt x="706" y="246"/>
                </a:lnTo>
                <a:lnTo>
                  <a:pt x="704" y="258"/>
                </a:lnTo>
                <a:lnTo>
                  <a:pt x="690" y="262"/>
                </a:lnTo>
                <a:lnTo>
                  <a:pt x="690" y="278"/>
                </a:lnTo>
                <a:lnTo>
                  <a:pt x="674" y="300"/>
                </a:lnTo>
                <a:lnTo>
                  <a:pt x="666" y="302"/>
                </a:lnTo>
                <a:lnTo>
                  <a:pt x="658" y="304"/>
                </a:lnTo>
                <a:lnTo>
                  <a:pt x="654" y="302"/>
                </a:lnTo>
                <a:lnTo>
                  <a:pt x="640" y="294"/>
                </a:lnTo>
                <a:lnTo>
                  <a:pt x="626" y="296"/>
                </a:lnTo>
                <a:lnTo>
                  <a:pt x="618" y="298"/>
                </a:lnTo>
                <a:lnTo>
                  <a:pt x="614" y="300"/>
                </a:lnTo>
                <a:lnTo>
                  <a:pt x="612" y="326"/>
                </a:lnTo>
                <a:lnTo>
                  <a:pt x="626" y="342"/>
                </a:lnTo>
                <a:lnTo>
                  <a:pt x="642" y="348"/>
                </a:lnTo>
                <a:lnTo>
                  <a:pt x="642" y="368"/>
                </a:lnTo>
                <a:lnTo>
                  <a:pt x="652" y="376"/>
                </a:lnTo>
                <a:lnTo>
                  <a:pt x="656" y="398"/>
                </a:lnTo>
                <a:lnTo>
                  <a:pt x="666" y="412"/>
                </a:lnTo>
                <a:lnTo>
                  <a:pt x="686" y="428"/>
                </a:lnTo>
                <a:lnTo>
                  <a:pt x="658" y="436"/>
                </a:lnTo>
                <a:lnTo>
                  <a:pt x="642" y="448"/>
                </a:lnTo>
                <a:lnTo>
                  <a:pt x="622" y="450"/>
                </a:lnTo>
                <a:lnTo>
                  <a:pt x="614" y="473"/>
                </a:lnTo>
                <a:lnTo>
                  <a:pt x="608" y="499"/>
                </a:lnTo>
                <a:lnTo>
                  <a:pt x="608" y="531"/>
                </a:lnTo>
                <a:lnTo>
                  <a:pt x="624" y="553"/>
                </a:lnTo>
                <a:lnTo>
                  <a:pt x="612" y="561"/>
                </a:lnTo>
                <a:lnTo>
                  <a:pt x="598" y="555"/>
                </a:lnTo>
                <a:lnTo>
                  <a:pt x="588" y="543"/>
                </a:lnTo>
                <a:lnTo>
                  <a:pt x="576" y="543"/>
                </a:lnTo>
                <a:lnTo>
                  <a:pt x="556" y="559"/>
                </a:lnTo>
                <a:lnTo>
                  <a:pt x="542" y="553"/>
                </a:lnTo>
                <a:lnTo>
                  <a:pt x="534" y="565"/>
                </a:lnTo>
                <a:lnTo>
                  <a:pt x="522" y="577"/>
                </a:lnTo>
                <a:lnTo>
                  <a:pt x="508" y="563"/>
                </a:lnTo>
                <a:lnTo>
                  <a:pt x="496" y="547"/>
                </a:lnTo>
                <a:lnTo>
                  <a:pt x="474" y="567"/>
                </a:lnTo>
                <a:lnTo>
                  <a:pt x="474" y="577"/>
                </a:lnTo>
                <a:lnTo>
                  <a:pt x="464" y="579"/>
                </a:lnTo>
                <a:lnTo>
                  <a:pt x="452" y="565"/>
                </a:lnTo>
                <a:lnTo>
                  <a:pt x="440" y="575"/>
                </a:lnTo>
                <a:lnTo>
                  <a:pt x="426" y="563"/>
                </a:lnTo>
                <a:lnTo>
                  <a:pt x="418" y="577"/>
                </a:lnTo>
                <a:lnTo>
                  <a:pt x="398" y="579"/>
                </a:lnTo>
                <a:lnTo>
                  <a:pt x="398" y="595"/>
                </a:lnTo>
                <a:lnTo>
                  <a:pt x="386" y="595"/>
                </a:lnTo>
                <a:lnTo>
                  <a:pt x="384" y="581"/>
                </a:lnTo>
                <a:lnTo>
                  <a:pt x="368" y="581"/>
                </a:lnTo>
                <a:lnTo>
                  <a:pt x="352" y="585"/>
                </a:lnTo>
                <a:lnTo>
                  <a:pt x="336" y="569"/>
                </a:lnTo>
                <a:lnTo>
                  <a:pt x="284" y="577"/>
                </a:lnTo>
                <a:lnTo>
                  <a:pt x="242" y="573"/>
                </a:lnTo>
                <a:lnTo>
                  <a:pt x="228" y="573"/>
                </a:lnTo>
                <a:lnTo>
                  <a:pt x="176" y="579"/>
                </a:lnTo>
                <a:lnTo>
                  <a:pt x="154" y="597"/>
                </a:lnTo>
                <a:lnTo>
                  <a:pt x="116" y="607"/>
                </a:lnTo>
                <a:lnTo>
                  <a:pt x="114" y="627"/>
                </a:lnTo>
                <a:lnTo>
                  <a:pt x="94" y="647"/>
                </a:lnTo>
                <a:lnTo>
                  <a:pt x="84" y="641"/>
                </a:lnTo>
                <a:lnTo>
                  <a:pt x="72" y="643"/>
                </a:lnTo>
                <a:lnTo>
                  <a:pt x="60" y="659"/>
                </a:lnTo>
                <a:lnTo>
                  <a:pt x="56" y="645"/>
                </a:lnTo>
                <a:lnTo>
                  <a:pt x="56" y="635"/>
                </a:lnTo>
                <a:lnTo>
                  <a:pt x="62" y="631"/>
                </a:lnTo>
                <a:lnTo>
                  <a:pt x="60" y="599"/>
                </a:lnTo>
                <a:lnTo>
                  <a:pt x="52" y="587"/>
                </a:lnTo>
                <a:lnTo>
                  <a:pt x="36" y="577"/>
                </a:lnTo>
                <a:lnTo>
                  <a:pt x="18" y="577"/>
                </a:lnTo>
                <a:lnTo>
                  <a:pt x="18" y="561"/>
                </a:lnTo>
                <a:lnTo>
                  <a:pt x="24" y="537"/>
                </a:lnTo>
                <a:lnTo>
                  <a:pt x="38" y="527"/>
                </a:lnTo>
                <a:lnTo>
                  <a:pt x="64" y="505"/>
                </a:lnTo>
                <a:lnTo>
                  <a:pt x="48" y="450"/>
                </a:lnTo>
                <a:lnTo>
                  <a:pt x="38" y="434"/>
                </a:lnTo>
                <a:lnTo>
                  <a:pt x="28" y="416"/>
                </a:lnTo>
                <a:lnTo>
                  <a:pt x="0" y="35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74" name="Freeform 27"/>
          <p:cNvSpPr>
            <a:spLocks/>
          </p:cNvSpPr>
          <p:nvPr/>
        </p:nvSpPr>
        <p:spPr bwMode="auto">
          <a:xfrm>
            <a:off x="6126163" y="3043238"/>
            <a:ext cx="314325" cy="166687"/>
          </a:xfrm>
          <a:custGeom>
            <a:avLst/>
            <a:gdLst>
              <a:gd name="T0" fmla="*/ 0 w 242"/>
              <a:gd name="T1" fmla="*/ 2147483647 h 128"/>
              <a:gd name="T2" fmla="*/ 2147483647 w 242"/>
              <a:gd name="T3" fmla="*/ 2147483647 h 128"/>
              <a:gd name="T4" fmla="*/ 2147483647 w 242"/>
              <a:gd name="T5" fmla="*/ 2147483647 h 128"/>
              <a:gd name="T6" fmla="*/ 2147483647 w 242"/>
              <a:gd name="T7" fmla="*/ 2147483647 h 128"/>
              <a:gd name="T8" fmla="*/ 2147483647 w 242"/>
              <a:gd name="T9" fmla="*/ 2147483647 h 128"/>
              <a:gd name="T10" fmla="*/ 2147483647 w 242"/>
              <a:gd name="T11" fmla="*/ 2147483647 h 128"/>
              <a:gd name="T12" fmla="*/ 2147483647 w 242"/>
              <a:gd name="T13" fmla="*/ 2147483647 h 128"/>
              <a:gd name="T14" fmla="*/ 2147483647 w 242"/>
              <a:gd name="T15" fmla="*/ 2147483647 h 128"/>
              <a:gd name="T16" fmla="*/ 2147483647 w 242"/>
              <a:gd name="T17" fmla="*/ 2147483647 h 128"/>
              <a:gd name="T18" fmla="*/ 2147483647 w 242"/>
              <a:gd name="T19" fmla="*/ 2147483647 h 128"/>
              <a:gd name="T20" fmla="*/ 2147483647 w 242"/>
              <a:gd name="T21" fmla="*/ 2147483647 h 128"/>
              <a:gd name="T22" fmla="*/ 2147483647 w 242"/>
              <a:gd name="T23" fmla="*/ 2147483647 h 128"/>
              <a:gd name="T24" fmla="*/ 2147483647 w 242"/>
              <a:gd name="T25" fmla="*/ 2147483647 h 128"/>
              <a:gd name="T26" fmla="*/ 2147483647 w 242"/>
              <a:gd name="T27" fmla="*/ 2147483647 h 128"/>
              <a:gd name="T28" fmla="*/ 2147483647 w 242"/>
              <a:gd name="T29" fmla="*/ 2147483647 h 128"/>
              <a:gd name="T30" fmla="*/ 2147483647 w 242"/>
              <a:gd name="T31" fmla="*/ 2147483647 h 128"/>
              <a:gd name="T32" fmla="*/ 2147483647 w 242"/>
              <a:gd name="T33" fmla="*/ 2147483647 h 128"/>
              <a:gd name="T34" fmla="*/ 2147483647 w 242"/>
              <a:gd name="T35" fmla="*/ 2147483647 h 128"/>
              <a:gd name="T36" fmla="*/ 2147483647 w 242"/>
              <a:gd name="T37" fmla="*/ 0 h 128"/>
              <a:gd name="T38" fmla="*/ 2147483647 w 242"/>
              <a:gd name="T39" fmla="*/ 2147483647 h 128"/>
              <a:gd name="T40" fmla="*/ 2147483647 w 242"/>
              <a:gd name="T41" fmla="*/ 2147483647 h 128"/>
              <a:gd name="T42" fmla="*/ 2147483647 w 242"/>
              <a:gd name="T43" fmla="*/ 2147483647 h 128"/>
              <a:gd name="T44" fmla="*/ 2147483647 w 242"/>
              <a:gd name="T45" fmla="*/ 2147483647 h 128"/>
              <a:gd name="T46" fmla="*/ 2147483647 w 242"/>
              <a:gd name="T47" fmla="*/ 2147483647 h 128"/>
              <a:gd name="T48" fmla="*/ 2147483647 w 242"/>
              <a:gd name="T49" fmla="*/ 2147483647 h 128"/>
              <a:gd name="T50" fmla="*/ 2147483647 w 242"/>
              <a:gd name="T51" fmla="*/ 2147483647 h 128"/>
              <a:gd name="T52" fmla="*/ 2147483647 w 242"/>
              <a:gd name="T53" fmla="*/ 2147483647 h 128"/>
              <a:gd name="T54" fmla="*/ 2147483647 w 242"/>
              <a:gd name="T55" fmla="*/ 2147483647 h 128"/>
              <a:gd name="T56" fmla="*/ 2147483647 w 242"/>
              <a:gd name="T57" fmla="*/ 2147483647 h 128"/>
              <a:gd name="T58" fmla="*/ 2147483647 w 242"/>
              <a:gd name="T59" fmla="*/ 2147483647 h 128"/>
              <a:gd name="T60" fmla="*/ 2147483647 w 242"/>
              <a:gd name="T61" fmla="*/ 2147483647 h 128"/>
              <a:gd name="T62" fmla="*/ 2147483647 w 242"/>
              <a:gd name="T63" fmla="*/ 2147483647 h 128"/>
              <a:gd name="T64" fmla="*/ 2147483647 w 242"/>
              <a:gd name="T65" fmla="*/ 2147483647 h 128"/>
              <a:gd name="T66" fmla="*/ 2147483647 w 242"/>
              <a:gd name="T67" fmla="*/ 2147483647 h 128"/>
              <a:gd name="T68" fmla="*/ 2147483647 w 242"/>
              <a:gd name="T69" fmla="*/ 2147483647 h 128"/>
              <a:gd name="T70" fmla="*/ 2147483647 w 242"/>
              <a:gd name="T71" fmla="*/ 2147483647 h 128"/>
              <a:gd name="T72" fmla="*/ 2147483647 w 242"/>
              <a:gd name="T73" fmla="*/ 2147483647 h 128"/>
              <a:gd name="T74" fmla="*/ 2147483647 w 242"/>
              <a:gd name="T75" fmla="*/ 2147483647 h 128"/>
              <a:gd name="T76" fmla="*/ 2147483647 w 242"/>
              <a:gd name="T77" fmla="*/ 2147483647 h 128"/>
              <a:gd name="T78" fmla="*/ 2147483647 w 242"/>
              <a:gd name="T79" fmla="*/ 2147483647 h 128"/>
              <a:gd name="T80" fmla="*/ 2147483647 w 242"/>
              <a:gd name="T81" fmla="*/ 2147483647 h 128"/>
              <a:gd name="T82" fmla="*/ 2147483647 w 242"/>
              <a:gd name="T83" fmla="*/ 2147483647 h 128"/>
              <a:gd name="T84" fmla="*/ 2147483647 w 242"/>
              <a:gd name="T85" fmla="*/ 2147483647 h 128"/>
              <a:gd name="T86" fmla="*/ 2147483647 w 242"/>
              <a:gd name="T87" fmla="*/ 2147483647 h 128"/>
              <a:gd name="T88" fmla="*/ 2147483647 w 242"/>
              <a:gd name="T89" fmla="*/ 2147483647 h 128"/>
              <a:gd name="T90" fmla="*/ 2147483647 w 242"/>
              <a:gd name="T91" fmla="*/ 2147483647 h 128"/>
              <a:gd name="T92" fmla="*/ 2147483647 w 242"/>
              <a:gd name="T93" fmla="*/ 2147483647 h 128"/>
              <a:gd name="T94" fmla="*/ 0 w 242"/>
              <a:gd name="T95" fmla="*/ 2147483647 h 128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0" t="0" r="r" b="b"/>
            <a:pathLst>
              <a:path w="242" h="128">
                <a:moveTo>
                  <a:pt x="0" y="126"/>
                </a:moveTo>
                <a:lnTo>
                  <a:pt x="12" y="110"/>
                </a:lnTo>
                <a:lnTo>
                  <a:pt x="20" y="94"/>
                </a:lnTo>
                <a:lnTo>
                  <a:pt x="22" y="84"/>
                </a:lnTo>
                <a:lnTo>
                  <a:pt x="18" y="72"/>
                </a:lnTo>
                <a:lnTo>
                  <a:pt x="14" y="64"/>
                </a:lnTo>
                <a:lnTo>
                  <a:pt x="20" y="54"/>
                </a:lnTo>
                <a:lnTo>
                  <a:pt x="34" y="52"/>
                </a:lnTo>
                <a:lnTo>
                  <a:pt x="48" y="52"/>
                </a:lnTo>
                <a:lnTo>
                  <a:pt x="62" y="48"/>
                </a:lnTo>
                <a:lnTo>
                  <a:pt x="70" y="52"/>
                </a:lnTo>
                <a:lnTo>
                  <a:pt x="82" y="54"/>
                </a:lnTo>
                <a:lnTo>
                  <a:pt x="102" y="52"/>
                </a:lnTo>
                <a:lnTo>
                  <a:pt x="112" y="46"/>
                </a:lnTo>
                <a:lnTo>
                  <a:pt x="108" y="34"/>
                </a:lnTo>
                <a:lnTo>
                  <a:pt x="102" y="20"/>
                </a:lnTo>
                <a:lnTo>
                  <a:pt x="104" y="10"/>
                </a:lnTo>
                <a:lnTo>
                  <a:pt x="104" y="2"/>
                </a:lnTo>
                <a:lnTo>
                  <a:pt x="112" y="0"/>
                </a:lnTo>
                <a:lnTo>
                  <a:pt x="126" y="6"/>
                </a:lnTo>
                <a:lnTo>
                  <a:pt x="154" y="18"/>
                </a:lnTo>
                <a:lnTo>
                  <a:pt x="172" y="24"/>
                </a:lnTo>
                <a:lnTo>
                  <a:pt x="186" y="18"/>
                </a:lnTo>
                <a:lnTo>
                  <a:pt x="208" y="18"/>
                </a:lnTo>
                <a:lnTo>
                  <a:pt x="216" y="22"/>
                </a:lnTo>
                <a:lnTo>
                  <a:pt x="228" y="32"/>
                </a:lnTo>
                <a:lnTo>
                  <a:pt x="238" y="42"/>
                </a:lnTo>
                <a:lnTo>
                  <a:pt x="232" y="56"/>
                </a:lnTo>
                <a:lnTo>
                  <a:pt x="232" y="72"/>
                </a:lnTo>
                <a:lnTo>
                  <a:pt x="230" y="86"/>
                </a:lnTo>
                <a:lnTo>
                  <a:pt x="242" y="96"/>
                </a:lnTo>
                <a:lnTo>
                  <a:pt x="226" y="108"/>
                </a:lnTo>
                <a:lnTo>
                  <a:pt x="176" y="120"/>
                </a:lnTo>
                <a:lnTo>
                  <a:pt x="140" y="126"/>
                </a:lnTo>
                <a:lnTo>
                  <a:pt x="86" y="126"/>
                </a:lnTo>
                <a:lnTo>
                  <a:pt x="38" y="126"/>
                </a:lnTo>
                <a:lnTo>
                  <a:pt x="16" y="128"/>
                </a:lnTo>
                <a:lnTo>
                  <a:pt x="26" y="116"/>
                </a:lnTo>
                <a:lnTo>
                  <a:pt x="42" y="106"/>
                </a:lnTo>
                <a:lnTo>
                  <a:pt x="58" y="94"/>
                </a:lnTo>
                <a:lnTo>
                  <a:pt x="54" y="86"/>
                </a:lnTo>
                <a:lnTo>
                  <a:pt x="42" y="88"/>
                </a:lnTo>
                <a:lnTo>
                  <a:pt x="28" y="88"/>
                </a:lnTo>
                <a:lnTo>
                  <a:pt x="22" y="98"/>
                </a:lnTo>
                <a:lnTo>
                  <a:pt x="16" y="108"/>
                </a:lnTo>
                <a:lnTo>
                  <a:pt x="10" y="116"/>
                </a:lnTo>
                <a:lnTo>
                  <a:pt x="2" y="128"/>
                </a:lnTo>
                <a:lnTo>
                  <a:pt x="0" y="126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75" name="Freeform 28"/>
          <p:cNvSpPr>
            <a:spLocks/>
          </p:cNvSpPr>
          <p:nvPr/>
        </p:nvSpPr>
        <p:spPr bwMode="auto">
          <a:xfrm>
            <a:off x="7102475" y="6240463"/>
            <a:ext cx="396875" cy="111125"/>
          </a:xfrm>
          <a:custGeom>
            <a:avLst/>
            <a:gdLst>
              <a:gd name="T0" fmla="*/ 2147483647 w 306"/>
              <a:gd name="T1" fmla="*/ 2147483647 h 86"/>
              <a:gd name="T2" fmla="*/ 2147483647 w 306"/>
              <a:gd name="T3" fmla="*/ 2147483647 h 86"/>
              <a:gd name="T4" fmla="*/ 2147483647 w 306"/>
              <a:gd name="T5" fmla="*/ 2147483647 h 86"/>
              <a:gd name="T6" fmla="*/ 2147483647 w 306"/>
              <a:gd name="T7" fmla="*/ 2147483647 h 86"/>
              <a:gd name="T8" fmla="*/ 2147483647 w 306"/>
              <a:gd name="T9" fmla="*/ 2147483647 h 86"/>
              <a:gd name="T10" fmla="*/ 2147483647 w 306"/>
              <a:gd name="T11" fmla="*/ 2147483647 h 86"/>
              <a:gd name="T12" fmla="*/ 2147483647 w 306"/>
              <a:gd name="T13" fmla="*/ 2147483647 h 86"/>
              <a:gd name="T14" fmla="*/ 2147483647 w 306"/>
              <a:gd name="T15" fmla="*/ 2147483647 h 86"/>
              <a:gd name="T16" fmla="*/ 2147483647 w 306"/>
              <a:gd name="T17" fmla="*/ 2147483647 h 86"/>
              <a:gd name="T18" fmla="*/ 2147483647 w 306"/>
              <a:gd name="T19" fmla="*/ 2147483647 h 86"/>
              <a:gd name="T20" fmla="*/ 2147483647 w 306"/>
              <a:gd name="T21" fmla="*/ 2147483647 h 86"/>
              <a:gd name="T22" fmla="*/ 2147483647 w 306"/>
              <a:gd name="T23" fmla="*/ 2147483647 h 86"/>
              <a:gd name="T24" fmla="*/ 2147483647 w 306"/>
              <a:gd name="T25" fmla="*/ 2147483647 h 86"/>
              <a:gd name="T26" fmla="*/ 2147483647 w 306"/>
              <a:gd name="T27" fmla="*/ 2147483647 h 86"/>
              <a:gd name="T28" fmla="*/ 2147483647 w 306"/>
              <a:gd name="T29" fmla="*/ 2147483647 h 86"/>
              <a:gd name="T30" fmla="*/ 2147483647 w 306"/>
              <a:gd name="T31" fmla="*/ 2147483647 h 86"/>
              <a:gd name="T32" fmla="*/ 2147483647 w 306"/>
              <a:gd name="T33" fmla="*/ 2147483647 h 86"/>
              <a:gd name="T34" fmla="*/ 2147483647 w 306"/>
              <a:gd name="T35" fmla="*/ 2147483647 h 86"/>
              <a:gd name="T36" fmla="*/ 2147483647 w 306"/>
              <a:gd name="T37" fmla="*/ 2147483647 h 86"/>
              <a:gd name="T38" fmla="*/ 2147483647 w 306"/>
              <a:gd name="T39" fmla="*/ 2147483647 h 86"/>
              <a:gd name="T40" fmla="*/ 2147483647 w 306"/>
              <a:gd name="T41" fmla="*/ 2147483647 h 86"/>
              <a:gd name="T42" fmla="*/ 2147483647 w 306"/>
              <a:gd name="T43" fmla="*/ 2147483647 h 86"/>
              <a:gd name="T44" fmla="*/ 2147483647 w 306"/>
              <a:gd name="T45" fmla="*/ 2147483647 h 86"/>
              <a:gd name="T46" fmla="*/ 2147483647 w 306"/>
              <a:gd name="T47" fmla="*/ 2147483647 h 86"/>
              <a:gd name="T48" fmla="*/ 2147483647 w 306"/>
              <a:gd name="T49" fmla="*/ 2147483647 h 86"/>
              <a:gd name="T50" fmla="*/ 2147483647 w 306"/>
              <a:gd name="T51" fmla="*/ 2147483647 h 86"/>
              <a:gd name="T52" fmla="*/ 2147483647 w 306"/>
              <a:gd name="T53" fmla="*/ 2147483647 h 86"/>
              <a:gd name="T54" fmla="*/ 2147483647 w 306"/>
              <a:gd name="T55" fmla="*/ 2147483647 h 86"/>
              <a:gd name="T56" fmla="*/ 2147483647 w 306"/>
              <a:gd name="T57" fmla="*/ 2147483647 h 86"/>
              <a:gd name="T58" fmla="*/ 2147483647 w 306"/>
              <a:gd name="T59" fmla="*/ 2147483647 h 86"/>
              <a:gd name="T60" fmla="*/ 2147483647 w 306"/>
              <a:gd name="T61" fmla="*/ 2147483647 h 86"/>
              <a:gd name="T62" fmla="*/ 2147483647 w 306"/>
              <a:gd name="T63" fmla="*/ 2147483647 h 86"/>
              <a:gd name="T64" fmla="*/ 2147483647 w 306"/>
              <a:gd name="T65" fmla="*/ 2147483647 h 86"/>
              <a:gd name="T66" fmla="*/ 2147483647 w 306"/>
              <a:gd name="T67" fmla="*/ 2147483647 h 86"/>
              <a:gd name="T68" fmla="*/ 2147483647 w 306"/>
              <a:gd name="T69" fmla="*/ 2147483647 h 86"/>
              <a:gd name="T70" fmla="*/ 2147483647 w 306"/>
              <a:gd name="T71" fmla="*/ 2147483647 h 86"/>
              <a:gd name="T72" fmla="*/ 2147483647 w 306"/>
              <a:gd name="T73" fmla="*/ 2147483647 h 86"/>
              <a:gd name="T74" fmla="*/ 2147483647 w 306"/>
              <a:gd name="T75" fmla="*/ 2147483647 h 86"/>
              <a:gd name="T76" fmla="*/ 2147483647 w 306"/>
              <a:gd name="T77" fmla="*/ 2147483647 h 86"/>
              <a:gd name="T78" fmla="*/ 2147483647 w 306"/>
              <a:gd name="T79" fmla="*/ 2147483647 h 86"/>
              <a:gd name="T80" fmla="*/ 2147483647 w 306"/>
              <a:gd name="T81" fmla="*/ 2147483647 h 86"/>
              <a:gd name="T82" fmla="*/ 2147483647 w 306"/>
              <a:gd name="T83" fmla="*/ 2147483647 h 86"/>
              <a:gd name="T84" fmla="*/ 2147483647 w 306"/>
              <a:gd name="T85" fmla="*/ 2147483647 h 8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0" t="0" r="r" b="b"/>
            <a:pathLst>
              <a:path w="306" h="86">
                <a:moveTo>
                  <a:pt x="2" y="26"/>
                </a:moveTo>
                <a:lnTo>
                  <a:pt x="8" y="34"/>
                </a:lnTo>
                <a:lnTo>
                  <a:pt x="20" y="32"/>
                </a:lnTo>
                <a:lnTo>
                  <a:pt x="18" y="24"/>
                </a:lnTo>
                <a:lnTo>
                  <a:pt x="14" y="20"/>
                </a:lnTo>
                <a:lnTo>
                  <a:pt x="14" y="10"/>
                </a:lnTo>
                <a:lnTo>
                  <a:pt x="20" y="12"/>
                </a:lnTo>
                <a:lnTo>
                  <a:pt x="24" y="20"/>
                </a:lnTo>
                <a:lnTo>
                  <a:pt x="32" y="26"/>
                </a:lnTo>
                <a:lnTo>
                  <a:pt x="40" y="26"/>
                </a:lnTo>
                <a:lnTo>
                  <a:pt x="50" y="24"/>
                </a:lnTo>
                <a:lnTo>
                  <a:pt x="56" y="20"/>
                </a:lnTo>
                <a:lnTo>
                  <a:pt x="58" y="12"/>
                </a:lnTo>
                <a:lnTo>
                  <a:pt x="66" y="12"/>
                </a:lnTo>
                <a:lnTo>
                  <a:pt x="70" y="18"/>
                </a:lnTo>
                <a:lnTo>
                  <a:pt x="66" y="26"/>
                </a:lnTo>
                <a:lnTo>
                  <a:pt x="70" y="30"/>
                </a:lnTo>
                <a:lnTo>
                  <a:pt x="78" y="28"/>
                </a:lnTo>
                <a:lnTo>
                  <a:pt x="84" y="38"/>
                </a:lnTo>
                <a:lnTo>
                  <a:pt x="90" y="40"/>
                </a:lnTo>
                <a:lnTo>
                  <a:pt x="104" y="34"/>
                </a:lnTo>
                <a:lnTo>
                  <a:pt x="114" y="30"/>
                </a:lnTo>
                <a:lnTo>
                  <a:pt x="124" y="24"/>
                </a:lnTo>
                <a:lnTo>
                  <a:pt x="144" y="22"/>
                </a:lnTo>
                <a:lnTo>
                  <a:pt x="154" y="18"/>
                </a:lnTo>
                <a:lnTo>
                  <a:pt x="166" y="16"/>
                </a:lnTo>
                <a:lnTo>
                  <a:pt x="172" y="20"/>
                </a:lnTo>
                <a:lnTo>
                  <a:pt x="182" y="22"/>
                </a:lnTo>
                <a:lnTo>
                  <a:pt x="194" y="22"/>
                </a:lnTo>
                <a:lnTo>
                  <a:pt x="200" y="18"/>
                </a:lnTo>
                <a:lnTo>
                  <a:pt x="202" y="18"/>
                </a:lnTo>
                <a:lnTo>
                  <a:pt x="206" y="20"/>
                </a:lnTo>
                <a:lnTo>
                  <a:pt x="216" y="18"/>
                </a:lnTo>
                <a:lnTo>
                  <a:pt x="228" y="12"/>
                </a:lnTo>
                <a:lnTo>
                  <a:pt x="234" y="10"/>
                </a:lnTo>
                <a:lnTo>
                  <a:pt x="238" y="10"/>
                </a:lnTo>
                <a:lnTo>
                  <a:pt x="240" y="20"/>
                </a:lnTo>
                <a:lnTo>
                  <a:pt x="242" y="30"/>
                </a:lnTo>
                <a:lnTo>
                  <a:pt x="250" y="38"/>
                </a:lnTo>
                <a:lnTo>
                  <a:pt x="258" y="32"/>
                </a:lnTo>
                <a:lnTo>
                  <a:pt x="264" y="22"/>
                </a:lnTo>
                <a:lnTo>
                  <a:pt x="272" y="20"/>
                </a:lnTo>
                <a:lnTo>
                  <a:pt x="282" y="18"/>
                </a:lnTo>
                <a:lnTo>
                  <a:pt x="292" y="14"/>
                </a:lnTo>
                <a:lnTo>
                  <a:pt x="294" y="8"/>
                </a:lnTo>
                <a:lnTo>
                  <a:pt x="296" y="4"/>
                </a:lnTo>
                <a:lnTo>
                  <a:pt x="300" y="0"/>
                </a:lnTo>
                <a:lnTo>
                  <a:pt x="302" y="8"/>
                </a:lnTo>
                <a:lnTo>
                  <a:pt x="304" y="16"/>
                </a:lnTo>
                <a:lnTo>
                  <a:pt x="306" y="28"/>
                </a:lnTo>
                <a:lnTo>
                  <a:pt x="300" y="42"/>
                </a:lnTo>
                <a:lnTo>
                  <a:pt x="290" y="44"/>
                </a:lnTo>
                <a:lnTo>
                  <a:pt x="270" y="46"/>
                </a:lnTo>
                <a:lnTo>
                  <a:pt x="264" y="48"/>
                </a:lnTo>
                <a:lnTo>
                  <a:pt x="258" y="52"/>
                </a:lnTo>
                <a:lnTo>
                  <a:pt x="244" y="56"/>
                </a:lnTo>
                <a:lnTo>
                  <a:pt x="232" y="56"/>
                </a:lnTo>
                <a:lnTo>
                  <a:pt x="226" y="62"/>
                </a:lnTo>
                <a:lnTo>
                  <a:pt x="216" y="64"/>
                </a:lnTo>
                <a:lnTo>
                  <a:pt x="208" y="64"/>
                </a:lnTo>
                <a:lnTo>
                  <a:pt x="200" y="70"/>
                </a:lnTo>
                <a:lnTo>
                  <a:pt x="188" y="76"/>
                </a:lnTo>
                <a:lnTo>
                  <a:pt x="176" y="80"/>
                </a:lnTo>
                <a:lnTo>
                  <a:pt x="164" y="84"/>
                </a:lnTo>
                <a:lnTo>
                  <a:pt x="148" y="86"/>
                </a:lnTo>
                <a:lnTo>
                  <a:pt x="144" y="82"/>
                </a:lnTo>
                <a:lnTo>
                  <a:pt x="142" y="80"/>
                </a:lnTo>
                <a:lnTo>
                  <a:pt x="144" y="72"/>
                </a:lnTo>
                <a:lnTo>
                  <a:pt x="136" y="66"/>
                </a:lnTo>
                <a:lnTo>
                  <a:pt x="132" y="68"/>
                </a:lnTo>
                <a:lnTo>
                  <a:pt x="122" y="70"/>
                </a:lnTo>
                <a:lnTo>
                  <a:pt x="114" y="66"/>
                </a:lnTo>
                <a:lnTo>
                  <a:pt x="98" y="62"/>
                </a:lnTo>
                <a:lnTo>
                  <a:pt x="86" y="62"/>
                </a:lnTo>
                <a:lnTo>
                  <a:pt x="72" y="64"/>
                </a:lnTo>
                <a:lnTo>
                  <a:pt x="62" y="64"/>
                </a:lnTo>
                <a:lnTo>
                  <a:pt x="52" y="62"/>
                </a:lnTo>
                <a:lnTo>
                  <a:pt x="42" y="64"/>
                </a:lnTo>
                <a:lnTo>
                  <a:pt x="32" y="66"/>
                </a:lnTo>
                <a:lnTo>
                  <a:pt x="26" y="68"/>
                </a:lnTo>
                <a:lnTo>
                  <a:pt x="14" y="70"/>
                </a:lnTo>
                <a:lnTo>
                  <a:pt x="4" y="66"/>
                </a:lnTo>
                <a:lnTo>
                  <a:pt x="2" y="52"/>
                </a:lnTo>
                <a:lnTo>
                  <a:pt x="2" y="44"/>
                </a:lnTo>
                <a:lnTo>
                  <a:pt x="0" y="34"/>
                </a:lnTo>
                <a:lnTo>
                  <a:pt x="2" y="2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76" name="Freeform 29"/>
          <p:cNvSpPr>
            <a:spLocks/>
          </p:cNvSpPr>
          <p:nvPr/>
        </p:nvSpPr>
        <p:spPr bwMode="auto">
          <a:xfrm>
            <a:off x="6530975" y="5170488"/>
            <a:ext cx="771525" cy="985837"/>
          </a:xfrm>
          <a:custGeom>
            <a:avLst/>
            <a:gdLst>
              <a:gd name="T0" fmla="*/ 2147483647 w 596"/>
              <a:gd name="T1" fmla="*/ 2147483647 h 762"/>
              <a:gd name="T2" fmla="*/ 2147483647 w 596"/>
              <a:gd name="T3" fmla="*/ 2147483647 h 762"/>
              <a:gd name="T4" fmla="*/ 2147483647 w 596"/>
              <a:gd name="T5" fmla="*/ 2147483647 h 762"/>
              <a:gd name="T6" fmla="*/ 2147483647 w 596"/>
              <a:gd name="T7" fmla="*/ 2147483647 h 762"/>
              <a:gd name="T8" fmla="*/ 2147483647 w 596"/>
              <a:gd name="T9" fmla="*/ 2147483647 h 762"/>
              <a:gd name="T10" fmla="*/ 2147483647 w 596"/>
              <a:gd name="T11" fmla="*/ 2147483647 h 762"/>
              <a:gd name="T12" fmla="*/ 2147483647 w 596"/>
              <a:gd name="T13" fmla="*/ 2147483647 h 762"/>
              <a:gd name="T14" fmla="*/ 2147483647 w 596"/>
              <a:gd name="T15" fmla="*/ 2147483647 h 762"/>
              <a:gd name="T16" fmla="*/ 2147483647 w 596"/>
              <a:gd name="T17" fmla="*/ 2147483647 h 762"/>
              <a:gd name="T18" fmla="*/ 2147483647 w 596"/>
              <a:gd name="T19" fmla="*/ 2147483647 h 762"/>
              <a:gd name="T20" fmla="*/ 2147483647 w 596"/>
              <a:gd name="T21" fmla="*/ 2147483647 h 762"/>
              <a:gd name="T22" fmla="*/ 2147483647 w 596"/>
              <a:gd name="T23" fmla="*/ 2147483647 h 762"/>
              <a:gd name="T24" fmla="*/ 2147483647 w 596"/>
              <a:gd name="T25" fmla="*/ 2147483647 h 762"/>
              <a:gd name="T26" fmla="*/ 2147483647 w 596"/>
              <a:gd name="T27" fmla="*/ 2147483647 h 762"/>
              <a:gd name="T28" fmla="*/ 2147483647 w 596"/>
              <a:gd name="T29" fmla="*/ 2147483647 h 762"/>
              <a:gd name="T30" fmla="*/ 2147483647 w 596"/>
              <a:gd name="T31" fmla="*/ 2147483647 h 762"/>
              <a:gd name="T32" fmla="*/ 2147483647 w 596"/>
              <a:gd name="T33" fmla="*/ 2147483647 h 762"/>
              <a:gd name="T34" fmla="*/ 2147483647 w 596"/>
              <a:gd name="T35" fmla="*/ 2147483647 h 762"/>
              <a:gd name="T36" fmla="*/ 2147483647 w 596"/>
              <a:gd name="T37" fmla="*/ 2147483647 h 762"/>
              <a:gd name="T38" fmla="*/ 2147483647 w 596"/>
              <a:gd name="T39" fmla="*/ 2147483647 h 762"/>
              <a:gd name="T40" fmla="*/ 2147483647 w 596"/>
              <a:gd name="T41" fmla="*/ 2147483647 h 762"/>
              <a:gd name="T42" fmla="*/ 2147483647 w 596"/>
              <a:gd name="T43" fmla="*/ 2147483647 h 762"/>
              <a:gd name="T44" fmla="*/ 2147483647 w 596"/>
              <a:gd name="T45" fmla="*/ 2147483647 h 762"/>
              <a:gd name="T46" fmla="*/ 2147483647 w 596"/>
              <a:gd name="T47" fmla="*/ 2147483647 h 762"/>
              <a:gd name="T48" fmla="*/ 2147483647 w 596"/>
              <a:gd name="T49" fmla="*/ 2147483647 h 762"/>
              <a:gd name="T50" fmla="*/ 2147483647 w 596"/>
              <a:gd name="T51" fmla="*/ 2147483647 h 762"/>
              <a:gd name="T52" fmla="*/ 2147483647 w 596"/>
              <a:gd name="T53" fmla="*/ 2147483647 h 762"/>
              <a:gd name="T54" fmla="*/ 2147483647 w 596"/>
              <a:gd name="T55" fmla="*/ 2147483647 h 762"/>
              <a:gd name="T56" fmla="*/ 2147483647 w 596"/>
              <a:gd name="T57" fmla="*/ 2147483647 h 762"/>
              <a:gd name="T58" fmla="*/ 2147483647 w 596"/>
              <a:gd name="T59" fmla="*/ 2147483647 h 762"/>
              <a:gd name="T60" fmla="*/ 2147483647 w 596"/>
              <a:gd name="T61" fmla="*/ 2147483647 h 762"/>
              <a:gd name="T62" fmla="*/ 2147483647 w 596"/>
              <a:gd name="T63" fmla="*/ 2147483647 h 762"/>
              <a:gd name="T64" fmla="*/ 2147483647 w 596"/>
              <a:gd name="T65" fmla="*/ 2147483647 h 762"/>
              <a:gd name="T66" fmla="*/ 2147483647 w 596"/>
              <a:gd name="T67" fmla="*/ 2147483647 h 762"/>
              <a:gd name="T68" fmla="*/ 2147483647 w 596"/>
              <a:gd name="T69" fmla="*/ 2147483647 h 762"/>
              <a:gd name="T70" fmla="*/ 2147483647 w 596"/>
              <a:gd name="T71" fmla="*/ 2147483647 h 762"/>
              <a:gd name="T72" fmla="*/ 2147483647 w 596"/>
              <a:gd name="T73" fmla="*/ 2147483647 h 762"/>
              <a:gd name="T74" fmla="*/ 2147483647 w 596"/>
              <a:gd name="T75" fmla="*/ 2147483647 h 762"/>
              <a:gd name="T76" fmla="*/ 2147483647 w 596"/>
              <a:gd name="T77" fmla="*/ 2147483647 h 762"/>
              <a:gd name="T78" fmla="*/ 2147483647 w 596"/>
              <a:gd name="T79" fmla="*/ 2147483647 h 762"/>
              <a:gd name="T80" fmla="*/ 2147483647 w 596"/>
              <a:gd name="T81" fmla="*/ 2147483647 h 762"/>
              <a:gd name="T82" fmla="*/ 2147483647 w 596"/>
              <a:gd name="T83" fmla="*/ 2147483647 h 762"/>
              <a:gd name="T84" fmla="*/ 2147483647 w 596"/>
              <a:gd name="T85" fmla="*/ 2147483647 h 762"/>
              <a:gd name="T86" fmla="*/ 2147483647 w 596"/>
              <a:gd name="T87" fmla="*/ 2147483647 h 762"/>
              <a:gd name="T88" fmla="*/ 2147483647 w 596"/>
              <a:gd name="T89" fmla="*/ 2147483647 h 762"/>
              <a:gd name="T90" fmla="*/ 2147483647 w 596"/>
              <a:gd name="T91" fmla="*/ 2147483647 h 762"/>
              <a:gd name="T92" fmla="*/ 2147483647 w 596"/>
              <a:gd name="T93" fmla="*/ 2147483647 h 762"/>
              <a:gd name="T94" fmla="*/ 2147483647 w 596"/>
              <a:gd name="T95" fmla="*/ 2147483647 h 762"/>
              <a:gd name="T96" fmla="*/ 2147483647 w 596"/>
              <a:gd name="T97" fmla="*/ 2147483647 h 762"/>
              <a:gd name="T98" fmla="*/ 2147483647 w 596"/>
              <a:gd name="T99" fmla="*/ 2147483647 h 762"/>
              <a:gd name="T100" fmla="*/ 2147483647 w 596"/>
              <a:gd name="T101" fmla="*/ 2147483647 h 762"/>
              <a:gd name="T102" fmla="*/ 2147483647 w 596"/>
              <a:gd name="T103" fmla="*/ 2147483647 h 762"/>
              <a:gd name="T104" fmla="*/ 2147483647 w 596"/>
              <a:gd name="T105" fmla="*/ 2147483647 h 762"/>
              <a:gd name="T106" fmla="*/ 2147483647 w 596"/>
              <a:gd name="T107" fmla="*/ 2147483647 h 762"/>
              <a:gd name="T108" fmla="*/ 2147483647 w 596"/>
              <a:gd name="T109" fmla="*/ 2147483647 h 762"/>
              <a:gd name="T110" fmla="*/ 2147483647 w 596"/>
              <a:gd name="T111" fmla="*/ 2147483647 h 762"/>
              <a:gd name="T112" fmla="*/ 2147483647 w 596"/>
              <a:gd name="T113" fmla="*/ 2147483647 h 762"/>
              <a:gd name="T114" fmla="*/ 2147483647 w 596"/>
              <a:gd name="T115" fmla="*/ 2147483647 h 762"/>
              <a:gd name="T116" fmla="*/ 2147483647 w 596"/>
              <a:gd name="T117" fmla="*/ 2147483647 h 762"/>
              <a:gd name="T118" fmla="*/ 2147483647 w 596"/>
              <a:gd name="T119" fmla="*/ 2147483647 h 762"/>
              <a:gd name="T120" fmla="*/ 2147483647 w 596"/>
              <a:gd name="T121" fmla="*/ 2147483647 h 762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0" t="0" r="r" b="b"/>
            <a:pathLst>
              <a:path w="596" h="762">
                <a:moveTo>
                  <a:pt x="240" y="116"/>
                </a:moveTo>
                <a:lnTo>
                  <a:pt x="264" y="114"/>
                </a:lnTo>
                <a:lnTo>
                  <a:pt x="274" y="104"/>
                </a:lnTo>
                <a:lnTo>
                  <a:pt x="306" y="100"/>
                </a:lnTo>
                <a:lnTo>
                  <a:pt x="342" y="80"/>
                </a:lnTo>
                <a:lnTo>
                  <a:pt x="356" y="64"/>
                </a:lnTo>
                <a:lnTo>
                  <a:pt x="376" y="66"/>
                </a:lnTo>
                <a:lnTo>
                  <a:pt x="384" y="58"/>
                </a:lnTo>
                <a:lnTo>
                  <a:pt x="420" y="82"/>
                </a:lnTo>
                <a:lnTo>
                  <a:pt x="422" y="72"/>
                </a:lnTo>
                <a:lnTo>
                  <a:pt x="448" y="72"/>
                </a:lnTo>
                <a:lnTo>
                  <a:pt x="468" y="86"/>
                </a:lnTo>
                <a:lnTo>
                  <a:pt x="500" y="66"/>
                </a:lnTo>
                <a:lnTo>
                  <a:pt x="530" y="60"/>
                </a:lnTo>
                <a:lnTo>
                  <a:pt x="552" y="46"/>
                </a:lnTo>
                <a:lnTo>
                  <a:pt x="548" y="26"/>
                </a:lnTo>
                <a:lnTo>
                  <a:pt x="530" y="10"/>
                </a:lnTo>
                <a:lnTo>
                  <a:pt x="540" y="0"/>
                </a:lnTo>
                <a:lnTo>
                  <a:pt x="556" y="4"/>
                </a:lnTo>
                <a:lnTo>
                  <a:pt x="580" y="6"/>
                </a:lnTo>
                <a:lnTo>
                  <a:pt x="596" y="36"/>
                </a:lnTo>
                <a:lnTo>
                  <a:pt x="572" y="62"/>
                </a:lnTo>
                <a:lnTo>
                  <a:pt x="572" y="80"/>
                </a:lnTo>
                <a:lnTo>
                  <a:pt x="580" y="100"/>
                </a:lnTo>
                <a:lnTo>
                  <a:pt x="568" y="114"/>
                </a:lnTo>
                <a:lnTo>
                  <a:pt x="558" y="136"/>
                </a:lnTo>
                <a:lnTo>
                  <a:pt x="552" y="122"/>
                </a:lnTo>
                <a:lnTo>
                  <a:pt x="528" y="122"/>
                </a:lnTo>
                <a:lnTo>
                  <a:pt x="526" y="128"/>
                </a:lnTo>
                <a:lnTo>
                  <a:pt x="488" y="128"/>
                </a:lnTo>
                <a:lnTo>
                  <a:pt x="484" y="124"/>
                </a:lnTo>
                <a:lnTo>
                  <a:pt x="468" y="126"/>
                </a:lnTo>
                <a:lnTo>
                  <a:pt x="458" y="118"/>
                </a:lnTo>
                <a:lnTo>
                  <a:pt x="430" y="144"/>
                </a:lnTo>
                <a:lnTo>
                  <a:pt x="414" y="144"/>
                </a:lnTo>
                <a:lnTo>
                  <a:pt x="396" y="138"/>
                </a:lnTo>
                <a:lnTo>
                  <a:pt x="388" y="150"/>
                </a:lnTo>
                <a:lnTo>
                  <a:pt x="376" y="170"/>
                </a:lnTo>
                <a:lnTo>
                  <a:pt x="364" y="174"/>
                </a:lnTo>
                <a:lnTo>
                  <a:pt x="352" y="176"/>
                </a:lnTo>
                <a:lnTo>
                  <a:pt x="344" y="168"/>
                </a:lnTo>
                <a:lnTo>
                  <a:pt x="334" y="174"/>
                </a:lnTo>
                <a:lnTo>
                  <a:pt x="330" y="184"/>
                </a:lnTo>
                <a:lnTo>
                  <a:pt x="338" y="192"/>
                </a:lnTo>
                <a:lnTo>
                  <a:pt x="346" y="200"/>
                </a:lnTo>
                <a:lnTo>
                  <a:pt x="348" y="212"/>
                </a:lnTo>
                <a:lnTo>
                  <a:pt x="360" y="220"/>
                </a:lnTo>
                <a:lnTo>
                  <a:pt x="374" y="220"/>
                </a:lnTo>
                <a:lnTo>
                  <a:pt x="388" y="224"/>
                </a:lnTo>
                <a:lnTo>
                  <a:pt x="400" y="230"/>
                </a:lnTo>
                <a:lnTo>
                  <a:pt x="408" y="238"/>
                </a:lnTo>
                <a:lnTo>
                  <a:pt x="410" y="244"/>
                </a:lnTo>
                <a:lnTo>
                  <a:pt x="406" y="250"/>
                </a:lnTo>
                <a:lnTo>
                  <a:pt x="394" y="240"/>
                </a:lnTo>
                <a:lnTo>
                  <a:pt x="384" y="230"/>
                </a:lnTo>
                <a:lnTo>
                  <a:pt x="368" y="230"/>
                </a:lnTo>
                <a:lnTo>
                  <a:pt x="360" y="226"/>
                </a:lnTo>
                <a:lnTo>
                  <a:pt x="352" y="224"/>
                </a:lnTo>
                <a:lnTo>
                  <a:pt x="346" y="228"/>
                </a:lnTo>
                <a:lnTo>
                  <a:pt x="340" y="238"/>
                </a:lnTo>
                <a:lnTo>
                  <a:pt x="344" y="244"/>
                </a:lnTo>
                <a:lnTo>
                  <a:pt x="356" y="250"/>
                </a:lnTo>
                <a:lnTo>
                  <a:pt x="370" y="254"/>
                </a:lnTo>
                <a:lnTo>
                  <a:pt x="376" y="264"/>
                </a:lnTo>
                <a:lnTo>
                  <a:pt x="378" y="272"/>
                </a:lnTo>
                <a:lnTo>
                  <a:pt x="372" y="278"/>
                </a:lnTo>
                <a:lnTo>
                  <a:pt x="356" y="274"/>
                </a:lnTo>
                <a:lnTo>
                  <a:pt x="354" y="266"/>
                </a:lnTo>
                <a:lnTo>
                  <a:pt x="346" y="256"/>
                </a:lnTo>
                <a:lnTo>
                  <a:pt x="336" y="250"/>
                </a:lnTo>
                <a:lnTo>
                  <a:pt x="324" y="246"/>
                </a:lnTo>
                <a:lnTo>
                  <a:pt x="310" y="246"/>
                </a:lnTo>
                <a:lnTo>
                  <a:pt x="306" y="256"/>
                </a:lnTo>
                <a:lnTo>
                  <a:pt x="310" y="262"/>
                </a:lnTo>
                <a:lnTo>
                  <a:pt x="322" y="270"/>
                </a:lnTo>
                <a:lnTo>
                  <a:pt x="330" y="278"/>
                </a:lnTo>
                <a:lnTo>
                  <a:pt x="332" y="280"/>
                </a:lnTo>
                <a:lnTo>
                  <a:pt x="346" y="280"/>
                </a:lnTo>
                <a:lnTo>
                  <a:pt x="344" y="288"/>
                </a:lnTo>
                <a:lnTo>
                  <a:pt x="332" y="286"/>
                </a:lnTo>
                <a:lnTo>
                  <a:pt x="326" y="284"/>
                </a:lnTo>
                <a:lnTo>
                  <a:pt x="316" y="284"/>
                </a:lnTo>
                <a:lnTo>
                  <a:pt x="308" y="276"/>
                </a:lnTo>
                <a:lnTo>
                  <a:pt x="304" y="266"/>
                </a:lnTo>
                <a:lnTo>
                  <a:pt x="302" y="256"/>
                </a:lnTo>
                <a:lnTo>
                  <a:pt x="292" y="252"/>
                </a:lnTo>
                <a:lnTo>
                  <a:pt x="276" y="248"/>
                </a:lnTo>
                <a:lnTo>
                  <a:pt x="264" y="240"/>
                </a:lnTo>
                <a:lnTo>
                  <a:pt x="250" y="232"/>
                </a:lnTo>
                <a:lnTo>
                  <a:pt x="258" y="220"/>
                </a:lnTo>
                <a:lnTo>
                  <a:pt x="256" y="206"/>
                </a:lnTo>
                <a:lnTo>
                  <a:pt x="242" y="220"/>
                </a:lnTo>
                <a:lnTo>
                  <a:pt x="226" y="236"/>
                </a:lnTo>
                <a:lnTo>
                  <a:pt x="234" y="252"/>
                </a:lnTo>
                <a:lnTo>
                  <a:pt x="228" y="270"/>
                </a:lnTo>
                <a:lnTo>
                  <a:pt x="236" y="296"/>
                </a:lnTo>
                <a:lnTo>
                  <a:pt x="254" y="308"/>
                </a:lnTo>
                <a:lnTo>
                  <a:pt x="276" y="328"/>
                </a:lnTo>
                <a:lnTo>
                  <a:pt x="276" y="340"/>
                </a:lnTo>
                <a:lnTo>
                  <a:pt x="300" y="350"/>
                </a:lnTo>
                <a:lnTo>
                  <a:pt x="310" y="360"/>
                </a:lnTo>
                <a:lnTo>
                  <a:pt x="326" y="376"/>
                </a:lnTo>
                <a:lnTo>
                  <a:pt x="332" y="384"/>
                </a:lnTo>
                <a:lnTo>
                  <a:pt x="328" y="394"/>
                </a:lnTo>
                <a:lnTo>
                  <a:pt x="318" y="394"/>
                </a:lnTo>
                <a:lnTo>
                  <a:pt x="314" y="384"/>
                </a:lnTo>
                <a:lnTo>
                  <a:pt x="306" y="376"/>
                </a:lnTo>
                <a:lnTo>
                  <a:pt x="292" y="372"/>
                </a:lnTo>
                <a:lnTo>
                  <a:pt x="284" y="374"/>
                </a:lnTo>
                <a:lnTo>
                  <a:pt x="290" y="386"/>
                </a:lnTo>
                <a:lnTo>
                  <a:pt x="306" y="402"/>
                </a:lnTo>
                <a:lnTo>
                  <a:pt x="324" y="404"/>
                </a:lnTo>
                <a:lnTo>
                  <a:pt x="336" y="410"/>
                </a:lnTo>
                <a:lnTo>
                  <a:pt x="350" y="422"/>
                </a:lnTo>
                <a:lnTo>
                  <a:pt x="368" y="436"/>
                </a:lnTo>
                <a:lnTo>
                  <a:pt x="380" y="434"/>
                </a:lnTo>
                <a:lnTo>
                  <a:pt x="392" y="440"/>
                </a:lnTo>
                <a:lnTo>
                  <a:pt x="412" y="438"/>
                </a:lnTo>
                <a:lnTo>
                  <a:pt x="422" y="440"/>
                </a:lnTo>
                <a:lnTo>
                  <a:pt x="428" y="450"/>
                </a:lnTo>
                <a:lnTo>
                  <a:pt x="434" y="454"/>
                </a:lnTo>
                <a:lnTo>
                  <a:pt x="436" y="472"/>
                </a:lnTo>
                <a:lnTo>
                  <a:pt x="446" y="484"/>
                </a:lnTo>
                <a:lnTo>
                  <a:pt x="454" y="496"/>
                </a:lnTo>
                <a:lnTo>
                  <a:pt x="464" y="498"/>
                </a:lnTo>
                <a:lnTo>
                  <a:pt x="480" y="500"/>
                </a:lnTo>
                <a:lnTo>
                  <a:pt x="486" y="504"/>
                </a:lnTo>
                <a:lnTo>
                  <a:pt x="486" y="516"/>
                </a:lnTo>
                <a:lnTo>
                  <a:pt x="480" y="522"/>
                </a:lnTo>
                <a:lnTo>
                  <a:pt x="472" y="518"/>
                </a:lnTo>
                <a:lnTo>
                  <a:pt x="466" y="522"/>
                </a:lnTo>
                <a:lnTo>
                  <a:pt x="458" y="516"/>
                </a:lnTo>
                <a:lnTo>
                  <a:pt x="456" y="510"/>
                </a:lnTo>
                <a:lnTo>
                  <a:pt x="444" y="508"/>
                </a:lnTo>
                <a:lnTo>
                  <a:pt x="442" y="500"/>
                </a:lnTo>
                <a:lnTo>
                  <a:pt x="436" y="492"/>
                </a:lnTo>
                <a:lnTo>
                  <a:pt x="426" y="482"/>
                </a:lnTo>
                <a:lnTo>
                  <a:pt x="418" y="476"/>
                </a:lnTo>
                <a:lnTo>
                  <a:pt x="408" y="480"/>
                </a:lnTo>
                <a:lnTo>
                  <a:pt x="392" y="482"/>
                </a:lnTo>
                <a:lnTo>
                  <a:pt x="380" y="480"/>
                </a:lnTo>
                <a:lnTo>
                  <a:pt x="378" y="476"/>
                </a:lnTo>
                <a:lnTo>
                  <a:pt x="374" y="468"/>
                </a:lnTo>
                <a:lnTo>
                  <a:pt x="372" y="462"/>
                </a:lnTo>
                <a:lnTo>
                  <a:pt x="364" y="460"/>
                </a:lnTo>
                <a:lnTo>
                  <a:pt x="348" y="446"/>
                </a:lnTo>
                <a:lnTo>
                  <a:pt x="332" y="436"/>
                </a:lnTo>
                <a:lnTo>
                  <a:pt x="322" y="434"/>
                </a:lnTo>
                <a:lnTo>
                  <a:pt x="312" y="434"/>
                </a:lnTo>
                <a:lnTo>
                  <a:pt x="312" y="428"/>
                </a:lnTo>
                <a:lnTo>
                  <a:pt x="304" y="426"/>
                </a:lnTo>
                <a:lnTo>
                  <a:pt x="302" y="432"/>
                </a:lnTo>
                <a:lnTo>
                  <a:pt x="302" y="440"/>
                </a:lnTo>
                <a:lnTo>
                  <a:pt x="292" y="442"/>
                </a:lnTo>
                <a:lnTo>
                  <a:pt x="290" y="434"/>
                </a:lnTo>
                <a:lnTo>
                  <a:pt x="284" y="430"/>
                </a:lnTo>
                <a:lnTo>
                  <a:pt x="284" y="438"/>
                </a:lnTo>
                <a:lnTo>
                  <a:pt x="274" y="436"/>
                </a:lnTo>
                <a:lnTo>
                  <a:pt x="260" y="438"/>
                </a:lnTo>
                <a:lnTo>
                  <a:pt x="264" y="444"/>
                </a:lnTo>
                <a:lnTo>
                  <a:pt x="278" y="444"/>
                </a:lnTo>
                <a:lnTo>
                  <a:pt x="284" y="448"/>
                </a:lnTo>
                <a:lnTo>
                  <a:pt x="308" y="448"/>
                </a:lnTo>
                <a:lnTo>
                  <a:pt x="314" y="454"/>
                </a:lnTo>
                <a:lnTo>
                  <a:pt x="320" y="460"/>
                </a:lnTo>
                <a:lnTo>
                  <a:pt x="326" y="458"/>
                </a:lnTo>
                <a:lnTo>
                  <a:pt x="330" y="454"/>
                </a:lnTo>
                <a:lnTo>
                  <a:pt x="338" y="456"/>
                </a:lnTo>
                <a:lnTo>
                  <a:pt x="342" y="460"/>
                </a:lnTo>
                <a:lnTo>
                  <a:pt x="344" y="470"/>
                </a:lnTo>
                <a:lnTo>
                  <a:pt x="350" y="472"/>
                </a:lnTo>
                <a:lnTo>
                  <a:pt x="358" y="470"/>
                </a:lnTo>
                <a:lnTo>
                  <a:pt x="370" y="472"/>
                </a:lnTo>
                <a:lnTo>
                  <a:pt x="372" y="476"/>
                </a:lnTo>
                <a:lnTo>
                  <a:pt x="376" y="482"/>
                </a:lnTo>
                <a:lnTo>
                  <a:pt x="382" y="486"/>
                </a:lnTo>
                <a:lnTo>
                  <a:pt x="394" y="488"/>
                </a:lnTo>
                <a:lnTo>
                  <a:pt x="408" y="492"/>
                </a:lnTo>
                <a:lnTo>
                  <a:pt x="418" y="494"/>
                </a:lnTo>
                <a:lnTo>
                  <a:pt x="428" y="500"/>
                </a:lnTo>
                <a:lnTo>
                  <a:pt x="428" y="506"/>
                </a:lnTo>
                <a:lnTo>
                  <a:pt x="426" y="514"/>
                </a:lnTo>
                <a:lnTo>
                  <a:pt x="430" y="526"/>
                </a:lnTo>
                <a:lnTo>
                  <a:pt x="430" y="538"/>
                </a:lnTo>
                <a:lnTo>
                  <a:pt x="440" y="544"/>
                </a:lnTo>
                <a:lnTo>
                  <a:pt x="442" y="554"/>
                </a:lnTo>
                <a:lnTo>
                  <a:pt x="446" y="562"/>
                </a:lnTo>
                <a:lnTo>
                  <a:pt x="440" y="564"/>
                </a:lnTo>
                <a:lnTo>
                  <a:pt x="440" y="572"/>
                </a:lnTo>
                <a:lnTo>
                  <a:pt x="430" y="568"/>
                </a:lnTo>
                <a:lnTo>
                  <a:pt x="422" y="558"/>
                </a:lnTo>
                <a:lnTo>
                  <a:pt x="412" y="556"/>
                </a:lnTo>
                <a:lnTo>
                  <a:pt x="406" y="550"/>
                </a:lnTo>
                <a:lnTo>
                  <a:pt x="402" y="542"/>
                </a:lnTo>
                <a:lnTo>
                  <a:pt x="392" y="540"/>
                </a:lnTo>
                <a:lnTo>
                  <a:pt x="384" y="542"/>
                </a:lnTo>
                <a:lnTo>
                  <a:pt x="380" y="546"/>
                </a:lnTo>
                <a:lnTo>
                  <a:pt x="376" y="552"/>
                </a:lnTo>
                <a:lnTo>
                  <a:pt x="368" y="550"/>
                </a:lnTo>
                <a:lnTo>
                  <a:pt x="368" y="544"/>
                </a:lnTo>
                <a:lnTo>
                  <a:pt x="372" y="538"/>
                </a:lnTo>
                <a:lnTo>
                  <a:pt x="370" y="536"/>
                </a:lnTo>
                <a:lnTo>
                  <a:pt x="366" y="540"/>
                </a:lnTo>
                <a:lnTo>
                  <a:pt x="362" y="544"/>
                </a:lnTo>
                <a:lnTo>
                  <a:pt x="354" y="544"/>
                </a:lnTo>
                <a:lnTo>
                  <a:pt x="346" y="548"/>
                </a:lnTo>
                <a:lnTo>
                  <a:pt x="342" y="554"/>
                </a:lnTo>
                <a:lnTo>
                  <a:pt x="334" y="556"/>
                </a:lnTo>
                <a:lnTo>
                  <a:pt x="328" y="560"/>
                </a:lnTo>
                <a:lnTo>
                  <a:pt x="330" y="566"/>
                </a:lnTo>
                <a:lnTo>
                  <a:pt x="338" y="568"/>
                </a:lnTo>
                <a:lnTo>
                  <a:pt x="346" y="570"/>
                </a:lnTo>
                <a:lnTo>
                  <a:pt x="346" y="574"/>
                </a:lnTo>
                <a:lnTo>
                  <a:pt x="348" y="586"/>
                </a:lnTo>
                <a:lnTo>
                  <a:pt x="352" y="592"/>
                </a:lnTo>
                <a:lnTo>
                  <a:pt x="356" y="596"/>
                </a:lnTo>
                <a:lnTo>
                  <a:pt x="366" y="600"/>
                </a:lnTo>
                <a:lnTo>
                  <a:pt x="372" y="598"/>
                </a:lnTo>
                <a:lnTo>
                  <a:pt x="370" y="592"/>
                </a:lnTo>
                <a:lnTo>
                  <a:pt x="370" y="586"/>
                </a:lnTo>
                <a:lnTo>
                  <a:pt x="376" y="584"/>
                </a:lnTo>
                <a:lnTo>
                  <a:pt x="376" y="592"/>
                </a:lnTo>
                <a:lnTo>
                  <a:pt x="378" y="596"/>
                </a:lnTo>
                <a:lnTo>
                  <a:pt x="386" y="598"/>
                </a:lnTo>
                <a:lnTo>
                  <a:pt x="388" y="604"/>
                </a:lnTo>
                <a:lnTo>
                  <a:pt x="392" y="612"/>
                </a:lnTo>
                <a:lnTo>
                  <a:pt x="386" y="616"/>
                </a:lnTo>
                <a:lnTo>
                  <a:pt x="376" y="616"/>
                </a:lnTo>
                <a:lnTo>
                  <a:pt x="366" y="622"/>
                </a:lnTo>
                <a:lnTo>
                  <a:pt x="364" y="628"/>
                </a:lnTo>
                <a:lnTo>
                  <a:pt x="360" y="632"/>
                </a:lnTo>
                <a:lnTo>
                  <a:pt x="358" y="640"/>
                </a:lnTo>
                <a:lnTo>
                  <a:pt x="352" y="634"/>
                </a:lnTo>
                <a:lnTo>
                  <a:pt x="350" y="626"/>
                </a:lnTo>
                <a:lnTo>
                  <a:pt x="352" y="618"/>
                </a:lnTo>
                <a:lnTo>
                  <a:pt x="344" y="614"/>
                </a:lnTo>
                <a:lnTo>
                  <a:pt x="334" y="610"/>
                </a:lnTo>
                <a:lnTo>
                  <a:pt x="322" y="610"/>
                </a:lnTo>
                <a:lnTo>
                  <a:pt x="312" y="606"/>
                </a:lnTo>
                <a:lnTo>
                  <a:pt x="310" y="610"/>
                </a:lnTo>
                <a:lnTo>
                  <a:pt x="310" y="624"/>
                </a:lnTo>
                <a:lnTo>
                  <a:pt x="322" y="636"/>
                </a:lnTo>
                <a:lnTo>
                  <a:pt x="332" y="650"/>
                </a:lnTo>
                <a:lnTo>
                  <a:pt x="338" y="662"/>
                </a:lnTo>
                <a:lnTo>
                  <a:pt x="346" y="670"/>
                </a:lnTo>
                <a:lnTo>
                  <a:pt x="352" y="684"/>
                </a:lnTo>
                <a:lnTo>
                  <a:pt x="356" y="694"/>
                </a:lnTo>
                <a:lnTo>
                  <a:pt x="362" y="700"/>
                </a:lnTo>
                <a:lnTo>
                  <a:pt x="362" y="706"/>
                </a:lnTo>
                <a:lnTo>
                  <a:pt x="358" y="712"/>
                </a:lnTo>
                <a:lnTo>
                  <a:pt x="358" y="720"/>
                </a:lnTo>
                <a:lnTo>
                  <a:pt x="362" y="726"/>
                </a:lnTo>
                <a:lnTo>
                  <a:pt x="368" y="732"/>
                </a:lnTo>
                <a:lnTo>
                  <a:pt x="374" y="736"/>
                </a:lnTo>
                <a:lnTo>
                  <a:pt x="378" y="740"/>
                </a:lnTo>
                <a:lnTo>
                  <a:pt x="380" y="746"/>
                </a:lnTo>
                <a:lnTo>
                  <a:pt x="372" y="750"/>
                </a:lnTo>
                <a:lnTo>
                  <a:pt x="366" y="744"/>
                </a:lnTo>
                <a:lnTo>
                  <a:pt x="362" y="740"/>
                </a:lnTo>
                <a:lnTo>
                  <a:pt x="356" y="740"/>
                </a:lnTo>
                <a:lnTo>
                  <a:pt x="352" y="732"/>
                </a:lnTo>
                <a:lnTo>
                  <a:pt x="346" y="730"/>
                </a:lnTo>
                <a:lnTo>
                  <a:pt x="340" y="724"/>
                </a:lnTo>
                <a:lnTo>
                  <a:pt x="334" y="724"/>
                </a:lnTo>
                <a:lnTo>
                  <a:pt x="334" y="718"/>
                </a:lnTo>
                <a:lnTo>
                  <a:pt x="334" y="710"/>
                </a:lnTo>
                <a:lnTo>
                  <a:pt x="324" y="710"/>
                </a:lnTo>
                <a:lnTo>
                  <a:pt x="310" y="712"/>
                </a:lnTo>
                <a:lnTo>
                  <a:pt x="308" y="718"/>
                </a:lnTo>
                <a:lnTo>
                  <a:pt x="306" y="726"/>
                </a:lnTo>
                <a:lnTo>
                  <a:pt x="304" y="736"/>
                </a:lnTo>
                <a:lnTo>
                  <a:pt x="304" y="748"/>
                </a:lnTo>
                <a:lnTo>
                  <a:pt x="308" y="752"/>
                </a:lnTo>
                <a:lnTo>
                  <a:pt x="310" y="756"/>
                </a:lnTo>
                <a:lnTo>
                  <a:pt x="308" y="762"/>
                </a:lnTo>
                <a:lnTo>
                  <a:pt x="302" y="760"/>
                </a:lnTo>
                <a:lnTo>
                  <a:pt x="298" y="756"/>
                </a:lnTo>
                <a:lnTo>
                  <a:pt x="290" y="754"/>
                </a:lnTo>
                <a:lnTo>
                  <a:pt x="294" y="744"/>
                </a:lnTo>
                <a:lnTo>
                  <a:pt x="292" y="736"/>
                </a:lnTo>
                <a:lnTo>
                  <a:pt x="288" y="730"/>
                </a:lnTo>
                <a:lnTo>
                  <a:pt x="282" y="720"/>
                </a:lnTo>
                <a:lnTo>
                  <a:pt x="278" y="716"/>
                </a:lnTo>
                <a:lnTo>
                  <a:pt x="274" y="708"/>
                </a:lnTo>
                <a:lnTo>
                  <a:pt x="268" y="706"/>
                </a:lnTo>
                <a:lnTo>
                  <a:pt x="262" y="706"/>
                </a:lnTo>
                <a:lnTo>
                  <a:pt x="260" y="702"/>
                </a:lnTo>
                <a:lnTo>
                  <a:pt x="258" y="696"/>
                </a:lnTo>
                <a:lnTo>
                  <a:pt x="252" y="692"/>
                </a:lnTo>
                <a:lnTo>
                  <a:pt x="244" y="694"/>
                </a:lnTo>
                <a:lnTo>
                  <a:pt x="238" y="698"/>
                </a:lnTo>
                <a:lnTo>
                  <a:pt x="236" y="706"/>
                </a:lnTo>
                <a:lnTo>
                  <a:pt x="238" y="712"/>
                </a:lnTo>
                <a:lnTo>
                  <a:pt x="240" y="716"/>
                </a:lnTo>
                <a:lnTo>
                  <a:pt x="242" y="724"/>
                </a:lnTo>
                <a:lnTo>
                  <a:pt x="238" y="732"/>
                </a:lnTo>
                <a:lnTo>
                  <a:pt x="232" y="728"/>
                </a:lnTo>
                <a:lnTo>
                  <a:pt x="228" y="726"/>
                </a:lnTo>
                <a:lnTo>
                  <a:pt x="222" y="726"/>
                </a:lnTo>
                <a:lnTo>
                  <a:pt x="218" y="730"/>
                </a:lnTo>
                <a:lnTo>
                  <a:pt x="216" y="722"/>
                </a:lnTo>
                <a:lnTo>
                  <a:pt x="212" y="712"/>
                </a:lnTo>
                <a:lnTo>
                  <a:pt x="212" y="706"/>
                </a:lnTo>
                <a:lnTo>
                  <a:pt x="204" y="698"/>
                </a:lnTo>
                <a:lnTo>
                  <a:pt x="196" y="690"/>
                </a:lnTo>
                <a:lnTo>
                  <a:pt x="196" y="680"/>
                </a:lnTo>
                <a:lnTo>
                  <a:pt x="200" y="668"/>
                </a:lnTo>
                <a:lnTo>
                  <a:pt x="206" y="660"/>
                </a:lnTo>
                <a:lnTo>
                  <a:pt x="196" y="642"/>
                </a:lnTo>
                <a:lnTo>
                  <a:pt x="186" y="632"/>
                </a:lnTo>
                <a:lnTo>
                  <a:pt x="178" y="626"/>
                </a:lnTo>
                <a:lnTo>
                  <a:pt x="168" y="622"/>
                </a:lnTo>
                <a:lnTo>
                  <a:pt x="158" y="614"/>
                </a:lnTo>
                <a:lnTo>
                  <a:pt x="150" y="602"/>
                </a:lnTo>
                <a:lnTo>
                  <a:pt x="138" y="600"/>
                </a:lnTo>
                <a:lnTo>
                  <a:pt x="132" y="596"/>
                </a:lnTo>
                <a:lnTo>
                  <a:pt x="134" y="588"/>
                </a:lnTo>
                <a:lnTo>
                  <a:pt x="150" y="578"/>
                </a:lnTo>
                <a:lnTo>
                  <a:pt x="150" y="564"/>
                </a:lnTo>
                <a:lnTo>
                  <a:pt x="152" y="550"/>
                </a:lnTo>
                <a:lnTo>
                  <a:pt x="160" y="546"/>
                </a:lnTo>
                <a:lnTo>
                  <a:pt x="170" y="552"/>
                </a:lnTo>
                <a:lnTo>
                  <a:pt x="182" y="548"/>
                </a:lnTo>
                <a:lnTo>
                  <a:pt x="190" y="538"/>
                </a:lnTo>
                <a:lnTo>
                  <a:pt x="194" y="528"/>
                </a:lnTo>
                <a:lnTo>
                  <a:pt x="202" y="524"/>
                </a:lnTo>
                <a:lnTo>
                  <a:pt x="212" y="522"/>
                </a:lnTo>
                <a:lnTo>
                  <a:pt x="222" y="530"/>
                </a:lnTo>
                <a:lnTo>
                  <a:pt x="240" y="538"/>
                </a:lnTo>
                <a:lnTo>
                  <a:pt x="258" y="534"/>
                </a:lnTo>
                <a:lnTo>
                  <a:pt x="276" y="540"/>
                </a:lnTo>
                <a:lnTo>
                  <a:pt x="288" y="546"/>
                </a:lnTo>
                <a:lnTo>
                  <a:pt x="298" y="550"/>
                </a:lnTo>
                <a:lnTo>
                  <a:pt x="306" y="556"/>
                </a:lnTo>
                <a:lnTo>
                  <a:pt x="314" y="556"/>
                </a:lnTo>
                <a:lnTo>
                  <a:pt x="320" y="550"/>
                </a:lnTo>
                <a:lnTo>
                  <a:pt x="312" y="542"/>
                </a:lnTo>
                <a:lnTo>
                  <a:pt x="318" y="538"/>
                </a:lnTo>
                <a:lnTo>
                  <a:pt x="330" y="536"/>
                </a:lnTo>
                <a:lnTo>
                  <a:pt x="340" y="530"/>
                </a:lnTo>
                <a:lnTo>
                  <a:pt x="344" y="522"/>
                </a:lnTo>
                <a:lnTo>
                  <a:pt x="336" y="520"/>
                </a:lnTo>
                <a:lnTo>
                  <a:pt x="330" y="518"/>
                </a:lnTo>
                <a:lnTo>
                  <a:pt x="322" y="522"/>
                </a:lnTo>
                <a:lnTo>
                  <a:pt x="314" y="522"/>
                </a:lnTo>
                <a:lnTo>
                  <a:pt x="304" y="520"/>
                </a:lnTo>
                <a:lnTo>
                  <a:pt x="298" y="514"/>
                </a:lnTo>
                <a:lnTo>
                  <a:pt x="286" y="514"/>
                </a:lnTo>
                <a:lnTo>
                  <a:pt x="276" y="516"/>
                </a:lnTo>
                <a:lnTo>
                  <a:pt x="272" y="510"/>
                </a:lnTo>
                <a:lnTo>
                  <a:pt x="268" y="504"/>
                </a:lnTo>
                <a:lnTo>
                  <a:pt x="256" y="508"/>
                </a:lnTo>
                <a:lnTo>
                  <a:pt x="252" y="512"/>
                </a:lnTo>
                <a:lnTo>
                  <a:pt x="242" y="514"/>
                </a:lnTo>
                <a:lnTo>
                  <a:pt x="234" y="512"/>
                </a:lnTo>
                <a:lnTo>
                  <a:pt x="220" y="512"/>
                </a:lnTo>
                <a:lnTo>
                  <a:pt x="206" y="514"/>
                </a:lnTo>
                <a:lnTo>
                  <a:pt x="198" y="518"/>
                </a:lnTo>
                <a:lnTo>
                  <a:pt x="190" y="520"/>
                </a:lnTo>
                <a:lnTo>
                  <a:pt x="184" y="524"/>
                </a:lnTo>
                <a:lnTo>
                  <a:pt x="174" y="526"/>
                </a:lnTo>
                <a:lnTo>
                  <a:pt x="166" y="532"/>
                </a:lnTo>
                <a:lnTo>
                  <a:pt x="152" y="526"/>
                </a:lnTo>
                <a:lnTo>
                  <a:pt x="146" y="520"/>
                </a:lnTo>
                <a:lnTo>
                  <a:pt x="142" y="526"/>
                </a:lnTo>
                <a:lnTo>
                  <a:pt x="138" y="534"/>
                </a:lnTo>
                <a:lnTo>
                  <a:pt x="126" y="534"/>
                </a:lnTo>
                <a:lnTo>
                  <a:pt x="120" y="526"/>
                </a:lnTo>
                <a:lnTo>
                  <a:pt x="116" y="516"/>
                </a:lnTo>
                <a:lnTo>
                  <a:pt x="108" y="512"/>
                </a:lnTo>
                <a:lnTo>
                  <a:pt x="108" y="502"/>
                </a:lnTo>
                <a:lnTo>
                  <a:pt x="94" y="494"/>
                </a:lnTo>
                <a:lnTo>
                  <a:pt x="90" y="484"/>
                </a:lnTo>
                <a:lnTo>
                  <a:pt x="82" y="484"/>
                </a:lnTo>
                <a:lnTo>
                  <a:pt x="76" y="488"/>
                </a:lnTo>
                <a:lnTo>
                  <a:pt x="78" y="496"/>
                </a:lnTo>
                <a:lnTo>
                  <a:pt x="78" y="504"/>
                </a:lnTo>
                <a:lnTo>
                  <a:pt x="72" y="506"/>
                </a:lnTo>
                <a:lnTo>
                  <a:pt x="64" y="508"/>
                </a:lnTo>
                <a:lnTo>
                  <a:pt x="60" y="502"/>
                </a:lnTo>
                <a:lnTo>
                  <a:pt x="60" y="490"/>
                </a:lnTo>
                <a:lnTo>
                  <a:pt x="64" y="482"/>
                </a:lnTo>
                <a:lnTo>
                  <a:pt x="70" y="476"/>
                </a:lnTo>
                <a:lnTo>
                  <a:pt x="74" y="470"/>
                </a:lnTo>
                <a:lnTo>
                  <a:pt x="80" y="460"/>
                </a:lnTo>
                <a:lnTo>
                  <a:pt x="92" y="460"/>
                </a:lnTo>
                <a:lnTo>
                  <a:pt x="100" y="460"/>
                </a:lnTo>
                <a:lnTo>
                  <a:pt x="108" y="464"/>
                </a:lnTo>
                <a:lnTo>
                  <a:pt x="112" y="456"/>
                </a:lnTo>
                <a:lnTo>
                  <a:pt x="112" y="448"/>
                </a:lnTo>
                <a:lnTo>
                  <a:pt x="106" y="444"/>
                </a:lnTo>
                <a:lnTo>
                  <a:pt x="96" y="450"/>
                </a:lnTo>
                <a:lnTo>
                  <a:pt x="92" y="448"/>
                </a:lnTo>
                <a:lnTo>
                  <a:pt x="84" y="446"/>
                </a:lnTo>
                <a:lnTo>
                  <a:pt x="78" y="448"/>
                </a:lnTo>
                <a:lnTo>
                  <a:pt x="76" y="454"/>
                </a:lnTo>
                <a:lnTo>
                  <a:pt x="70" y="458"/>
                </a:lnTo>
                <a:lnTo>
                  <a:pt x="64" y="446"/>
                </a:lnTo>
                <a:lnTo>
                  <a:pt x="44" y="434"/>
                </a:lnTo>
                <a:lnTo>
                  <a:pt x="32" y="422"/>
                </a:lnTo>
                <a:lnTo>
                  <a:pt x="20" y="418"/>
                </a:lnTo>
                <a:lnTo>
                  <a:pt x="10" y="398"/>
                </a:lnTo>
                <a:lnTo>
                  <a:pt x="2" y="392"/>
                </a:lnTo>
                <a:lnTo>
                  <a:pt x="0" y="376"/>
                </a:lnTo>
                <a:lnTo>
                  <a:pt x="14" y="368"/>
                </a:lnTo>
                <a:lnTo>
                  <a:pt x="14" y="358"/>
                </a:lnTo>
                <a:lnTo>
                  <a:pt x="22" y="358"/>
                </a:lnTo>
                <a:lnTo>
                  <a:pt x="22" y="348"/>
                </a:lnTo>
                <a:lnTo>
                  <a:pt x="12" y="334"/>
                </a:lnTo>
                <a:lnTo>
                  <a:pt x="24" y="316"/>
                </a:lnTo>
                <a:lnTo>
                  <a:pt x="38" y="316"/>
                </a:lnTo>
                <a:lnTo>
                  <a:pt x="44" y="308"/>
                </a:lnTo>
                <a:lnTo>
                  <a:pt x="44" y="288"/>
                </a:lnTo>
                <a:lnTo>
                  <a:pt x="52" y="262"/>
                </a:lnTo>
                <a:lnTo>
                  <a:pt x="64" y="260"/>
                </a:lnTo>
                <a:lnTo>
                  <a:pt x="72" y="234"/>
                </a:lnTo>
                <a:lnTo>
                  <a:pt x="62" y="226"/>
                </a:lnTo>
                <a:lnTo>
                  <a:pt x="60" y="212"/>
                </a:lnTo>
                <a:lnTo>
                  <a:pt x="88" y="204"/>
                </a:lnTo>
                <a:lnTo>
                  <a:pt x="102" y="196"/>
                </a:lnTo>
                <a:lnTo>
                  <a:pt x="120" y="200"/>
                </a:lnTo>
                <a:lnTo>
                  <a:pt x="132" y="186"/>
                </a:lnTo>
                <a:lnTo>
                  <a:pt x="154" y="156"/>
                </a:lnTo>
                <a:lnTo>
                  <a:pt x="166" y="156"/>
                </a:lnTo>
                <a:lnTo>
                  <a:pt x="182" y="150"/>
                </a:lnTo>
                <a:lnTo>
                  <a:pt x="202" y="150"/>
                </a:lnTo>
                <a:lnTo>
                  <a:pt x="226" y="140"/>
                </a:lnTo>
                <a:lnTo>
                  <a:pt x="224" y="118"/>
                </a:lnTo>
                <a:lnTo>
                  <a:pt x="240" y="116"/>
                </a:lnTo>
                <a:close/>
              </a:path>
            </a:pathLst>
          </a:custGeom>
          <a:solidFill>
            <a:srgbClr val="80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77" name="Freeform 30"/>
          <p:cNvSpPr>
            <a:spLocks/>
          </p:cNvSpPr>
          <p:nvPr/>
        </p:nvSpPr>
        <p:spPr bwMode="auto">
          <a:xfrm>
            <a:off x="6589713" y="5851525"/>
            <a:ext cx="65087" cy="66675"/>
          </a:xfrm>
          <a:custGeom>
            <a:avLst/>
            <a:gdLst>
              <a:gd name="T0" fmla="*/ 2147483647 w 50"/>
              <a:gd name="T1" fmla="*/ 2147483647 h 52"/>
              <a:gd name="T2" fmla="*/ 2147483647 w 50"/>
              <a:gd name="T3" fmla="*/ 2147483647 h 52"/>
              <a:gd name="T4" fmla="*/ 2147483647 w 50"/>
              <a:gd name="T5" fmla="*/ 2147483647 h 52"/>
              <a:gd name="T6" fmla="*/ 2147483647 w 50"/>
              <a:gd name="T7" fmla="*/ 2147483647 h 52"/>
              <a:gd name="T8" fmla="*/ 2147483647 w 50"/>
              <a:gd name="T9" fmla="*/ 2147483647 h 52"/>
              <a:gd name="T10" fmla="*/ 2147483647 w 50"/>
              <a:gd name="T11" fmla="*/ 2147483647 h 52"/>
              <a:gd name="T12" fmla="*/ 2147483647 w 50"/>
              <a:gd name="T13" fmla="*/ 2147483647 h 52"/>
              <a:gd name="T14" fmla="*/ 2147483647 w 50"/>
              <a:gd name="T15" fmla="*/ 2147483647 h 52"/>
              <a:gd name="T16" fmla="*/ 2147483647 w 50"/>
              <a:gd name="T17" fmla="*/ 2147483647 h 52"/>
              <a:gd name="T18" fmla="*/ 2147483647 w 50"/>
              <a:gd name="T19" fmla="*/ 2147483647 h 52"/>
              <a:gd name="T20" fmla="*/ 2147483647 w 50"/>
              <a:gd name="T21" fmla="*/ 2147483647 h 52"/>
              <a:gd name="T22" fmla="*/ 2147483647 w 50"/>
              <a:gd name="T23" fmla="*/ 2147483647 h 52"/>
              <a:gd name="T24" fmla="*/ 2147483647 w 50"/>
              <a:gd name="T25" fmla="*/ 2147483647 h 52"/>
              <a:gd name="T26" fmla="*/ 2147483647 w 50"/>
              <a:gd name="T27" fmla="*/ 2147483647 h 52"/>
              <a:gd name="T28" fmla="*/ 2147483647 w 50"/>
              <a:gd name="T29" fmla="*/ 2147483647 h 52"/>
              <a:gd name="T30" fmla="*/ 2147483647 w 50"/>
              <a:gd name="T31" fmla="*/ 2147483647 h 52"/>
              <a:gd name="T32" fmla="*/ 2147483647 w 50"/>
              <a:gd name="T33" fmla="*/ 2147483647 h 52"/>
              <a:gd name="T34" fmla="*/ 2147483647 w 50"/>
              <a:gd name="T35" fmla="*/ 2147483647 h 52"/>
              <a:gd name="T36" fmla="*/ 2147483647 w 50"/>
              <a:gd name="T37" fmla="*/ 2147483647 h 52"/>
              <a:gd name="T38" fmla="*/ 2147483647 w 50"/>
              <a:gd name="T39" fmla="*/ 2147483647 h 52"/>
              <a:gd name="T40" fmla="*/ 0 w 50"/>
              <a:gd name="T41" fmla="*/ 2147483647 h 52"/>
              <a:gd name="T42" fmla="*/ 0 w 50"/>
              <a:gd name="T43" fmla="*/ 2147483647 h 52"/>
              <a:gd name="T44" fmla="*/ 2147483647 w 50"/>
              <a:gd name="T45" fmla="*/ 2147483647 h 52"/>
              <a:gd name="T46" fmla="*/ 2147483647 w 50"/>
              <a:gd name="T47" fmla="*/ 2147483647 h 52"/>
              <a:gd name="T48" fmla="*/ 2147483647 w 50"/>
              <a:gd name="T49" fmla="*/ 2147483647 h 52"/>
              <a:gd name="T50" fmla="*/ 2147483647 w 50"/>
              <a:gd name="T51" fmla="*/ 2147483647 h 52"/>
              <a:gd name="T52" fmla="*/ 2147483647 w 50"/>
              <a:gd name="T53" fmla="*/ 0 h 52"/>
              <a:gd name="T54" fmla="*/ 2147483647 w 50"/>
              <a:gd name="T55" fmla="*/ 0 h 52"/>
              <a:gd name="T56" fmla="*/ 2147483647 w 50"/>
              <a:gd name="T57" fmla="*/ 2147483647 h 52"/>
              <a:gd name="T58" fmla="*/ 2147483647 w 50"/>
              <a:gd name="T59" fmla="*/ 2147483647 h 52"/>
              <a:gd name="T60" fmla="*/ 2147483647 w 50"/>
              <a:gd name="T61" fmla="*/ 2147483647 h 52"/>
              <a:gd name="T62" fmla="*/ 2147483647 w 50"/>
              <a:gd name="T63" fmla="*/ 2147483647 h 52"/>
              <a:gd name="T64" fmla="*/ 2147483647 w 50"/>
              <a:gd name="T65" fmla="*/ 2147483647 h 52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0" t="0" r="r" b="b"/>
            <a:pathLst>
              <a:path w="50" h="52">
                <a:moveTo>
                  <a:pt x="36" y="16"/>
                </a:moveTo>
                <a:lnTo>
                  <a:pt x="26" y="16"/>
                </a:lnTo>
                <a:lnTo>
                  <a:pt x="26" y="22"/>
                </a:lnTo>
                <a:lnTo>
                  <a:pt x="32" y="28"/>
                </a:lnTo>
                <a:lnTo>
                  <a:pt x="38" y="30"/>
                </a:lnTo>
                <a:lnTo>
                  <a:pt x="44" y="36"/>
                </a:lnTo>
                <a:lnTo>
                  <a:pt x="50" y="42"/>
                </a:lnTo>
                <a:lnTo>
                  <a:pt x="50" y="46"/>
                </a:lnTo>
                <a:lnTo>
                  <a:pt x="48" y="48"/>
                </a:lnTo>
                <a:lnTo>
                  <a:pt x="46" y="50"/>
                </a:lnTo>
                <a:lnTo>
                  <a:pt x="40" y="52"/>
                </a:lnTo>
                <a:lnTo>
                  <a:pt x="34" y="52"/>
                </a:lnTo>
                <a:lnTo>
                  <a:pt x="22" y="50"/>
                </a:lnTo>
                <a:lnTo>
                  <a:pt x="18" y="46"/>
                </a:lnTo>
                <a:lnTo>
                  <a:pt x="16" y="44"/>
                </a:lnTo>
                <a:lnTo>
                  <a:pt x="14" y="42"/>
                </a:lnTo>
                <a:lnTo>
                  <a:pt x="14" y="34"/>
                </a:lnTo>
                <a:lnTo>
                  <a:pt x="10" y="34"/>
                </a:lnTo>
                <a:lnTo>
                  <a:pt x="8" y="42"/>
                </a:lnTo>
                <a:lnTo>
                  <a:pt x="2" y="42"/>
                </a:lnTo>
                <a:lnTo>
                  <a:pt x="0" y="32"/>
                </a:lnTo>
                <a:lnTo>
                  <a:pt x="0" y="24"/>
                </a:lnTo>
                <a:lnTo>
                  <a:pt x="8" y="20"/>
                </a:lnTo>
                <a:lnTo>
                  <a:pt x="18" y="16"/>
                </a:lnTo>
                <a:lnTo>
                  <a:pt x="18" y="6"/>
                </a:lnTo>
                <a:lnTo>
                  <a:pt x="26" y="6"/>
                </a:lnTo>
                <a:lnTo>
                  <a:pt x="26" y="0"/>
                </a:lnTo>
                <a:lnTo>
                  <a:pt x="32" y="0"/>
                </a:lnTo>
                <a:lnTo>
                  <a:pt x="34" y="6"/>
                </a:lnTo>
                <a:lnTo>
                  <a:pt x="40" y="10"/>
                </a:lnTo>
                <a:lnTo>
                  <a:pt x="42" y="16"/>
                </a:lnTo>
                <a:lnTo>
                  <a:pt x="38" y="20"/>
                </a:lnTo>
                <a:lnTo>
                  <a:pt x="36" y="1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78" name="Freeform 31"/>
          <p:cNvSpPr>
            <a:spLocks/>
          </p:cNvSpPr>
          <p:nvPr/>
        </p:nvSpPr>
        <p:spPr bwMode="auto">
          <a:xfrm>
            <a:off x="6634163" y="5945188"/>
            <a:ext cx="49212" cy="38100"/>
          </a:xfrm>
          <a:custGeom>
            <a:avLst/>
            <a:gdLst>
              <a:gd name="T0" fmla="*/ 2147483647 w 38"/>
              <a:gd name="T1" fmla="*/ 2147483647 h 30"/>
              <a:gd name="T2" fmla="*/ 2147483647 w 38"/>
              <a:gd name="T3" fmla="*/ 0 h 30"/>
              <a:gd name="T4" fmla="*/ 2147483647 w 38"/>
              <a:gd name="T5" fmla="*/ 2147483647 h 30"/>
              <a:gd name="T6" fmla="*/ 2147483647 w 38"/>
              <a:gd name="T7" fmla="*/ 2147483647 h 30"/>
              <a:gd name="T8" fmla="*/ 2147483647 w 38"/>
              <a:gd name="T9" fmla="*/ 2147483647 h 30"/>
              <a:gd name="T10" fmla="*/ 2147483647 w 38"/>
              <a:gd name="T11" fmla="*/ 2147483647 h 30"/>
              <a:gd name="T12" fmla="*/ 2147483647 w 38"/>
              <a:gd name="T13" fmla="*/ 2147483647 h 30"/>
              <a:gd name="T14" fmla="*/ 2147483647 w 38"/>
              <a:gd name="T15" fmla="*/ 2147483647 h 30"/>
              <a:gd name="T16" fmla="*/ 2147483647 w 38"/>
              <a:gd name="T17" fmla="*/ 2147483647 h 30"/>
              <a:gd name="T18" fmla="*/ 2147483647 w 38"/>
              <a:gd name="T19" fmla="*/ 2147483647 h 30"/>
              <a:gd name="T20" fmla="*/ 2147483647 w 38"/>
              <a:gd name="T21" fmla="*/ 2147483647 h 30"/>
              <a:gd name="T22" fmla="*/ 2147483647 w 38"/>
              <a:gd name="T23" fmla="*/ 2147483647 h 30"/>
              <a:gd name="T24" fmla="*/ 2147483647 w 38"/>
              <a:gd name="T25" fmla="*/ 2147483647 h 30"/>
              <a:gd name="T26" fmla="*/ 2147483647 w 38"/>
              <a:gd name="T27" fmla="*/ 2147483647 h 30"/>
              <a:gd name="T28" fmla="*/ 0 w 38"/>
              <a:gd name="T29" fmla="*/ 2147483647 h 30"/>
              <a:gd name="T30" fmla="*/ 2147483647 w 38"/>
              <a:gd name="T31" fmla="*/ 2147483647 h 3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38" h="30">
                <a:moveTo>
                  <a:pt x="2" y="4"/>
                </a:moveTo>
                <a:lnTo>
                  <a:pt x="8" y="0"/>
                </a:lnTo>
                <a:lnTo>
                  <a:pt x="12" y="4"/>
                </a:lnTo>
                <a:lnTo>
                  <a:pt x="16" y="6"/>
                </a:lnTo>
                <a:lnTo>
                  <a:pt x="26" y="8"/>
                </a:lnTo>
                <a:lnTo>
                  <a:pt x="28" y="8"/>
                </a:lnTo>
                <a:lnTo>
                  <a:pt x="32" y="12"/>
                </a:lnTo>
                <a:lnTo>
                  <a:pt x="38" y="18"/>
                </a:lnTo>
                <a:lnTo>
                  <a:pt x="32" y="22"/>
                </a:lnTo>
                <a:lnTo>
                  <a:pt x="30" y="28"/>
                </a:lnTo>
                <a:lnTo>
                  <a:pt x="22" y="30"/>
                </a:lnTo>
                <a:lnTo>
                  <a:pt x="18" y="28"/>
                </a:lnTo>
                <a:lnTo>
                  <a:pt x="10" y="22"/>
                </a:lnTo>
                <a:lnTo>
                  <a:pt x="2" y="16"/>
                </a:lnTo>
                <a:lnTo>
                  <a:pt x="0" y="12"/>
                </a:lnTo>
                <a:lnTo>
                  <a:pt x="2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79" name="Freeform 32"/>
          <p:cNvSpPr>
            <a:spLocks/>
          </p:cNvSpPr>
          <p:nvPr/>
        </p:nvSpPr>
        <p:spPr bwMode="auto">
          <a:xfrm>
            <a:off x="7297738" y="5945188"/>
            <a:ext cx="33337" cy="46037"/>
          </a:xfrm>
          <a:custGeom>
            <a:avLst/>
            <a:gdLst>
              <a:gd name="T0" fmla="*/ 2147483647 w 26"/>
              <a:gd name="T1" fmla="*/ 2147483647 h 36"/>
              <a:gd name="T2" fmla="*/ 2147483647 w 26"/>
              <a:gd name="T3" fmla="*/ 2147483647 h 36"/>
              <a:gd name="T4" fmla="*/ 2147483647 w 26"/>
              <a:gd name="T5" fmla="*/ 2147483647 h 36"/>
              <a:gd name="T6" fmla="*/ 2147483647 w 26"/>
              <a:gd name="T7" fmla="*/ 0 h 36"/>
              <a:gd name="T8" fmla="*/ 2147483647 w 26"/>
              <a:gd name="T9" fmla="*/ 2147483647 h 36"/>
              <a:gd name="T10" fmla="*/ 2147483647 w 26"/>
              <a:gd name="T11" fmla="*/ 2147483647 h 36"/>
              <a:gd name="T12" fmla="*/ 2147483647 w 26"/>
              <a:gd name="T13" fmla="*/ 2147483647 h 36"/>
              <a:gd name="T14" fmla="*/ 2147483647 w 26"/>
              <a:gd name="T15" fmla="*/ 2147483647 h 36"/>
              <a:gd name="T16" fmla="*/ 2147483647 w 26"/>
              <a:gd name="T17" fmla="*/ 2147483647 h 36"/>
              <a:gd name="T18" fmla="*/ 2147483647 w 26"/>
              <a:gd name="T19" fmla="*/ 2147483647 h 36"/>
              <a:gd name="T20" fmla="*/ 2147483647 w 26"/>
              <a:gd name="T21" fmla="*/ 2147483647 h 36"/>
              <a:gd name="T22" fmla="*/ 2147483647 w 26"/>
              <a:gd name="T23" fmla="*/ 2147483647 h 36"/>
              <a:gd name="T24" fmla="*/ 0 w 26"/>
              <a:gd name="T25" fmla="*/ 2147483647 h 36"/>
              <a:gd name="T26" fmla="*/ 2147483647 w 26"/>
              <a:gd name="T27" fmla="*/ 2147483647 h 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6" h="36">
                <a:moveTo>
                  <a:pt x="2" y="16"/>
                </a:moveTo>
                <a:lnTo>
                  <a:pt x="8" y="10"/>
                </a:lnTo>
                <a:lnTo>
                  <a:pt x="12" y="2"/>
                </a:lnTo>
                <a:lnTo>
                  <a:pt x="18" y="0"/>
                </a:lnTo>
                <a:lnTo>
                  <a:pt x="24" y="6"/>
                </a:lnTo>
                <a:lnTo>
                  <a:pt x="26" y="12"/>
                </a:lnTo>
                <a:lnTo>
                  <a:pt x="26" y="18"/>
                </a:lnTo>
                <a:lnTo>
                  <a:pt x="26" y="24"/>
                </a:lnTo>
                <a:lnTo>
                  <a:pt x="22" y="30"/>
                </a:lnTo>
                <a:lnTo>
                  <a:pt x="16" y="36"/>
                </a:lnTo>
                <a:lnTo>
                  <a:pt x="10" y="36"/>
                </a:lnTo>
                <a:lnTo>
                  <a:pt x="4" y="28"/>
                </a:lnTo>
                <a:lnTo>
                  <a:pt x="0" y="22"/>
                </a:lnTo>
                <a:lnTo>
                  <a:pt x="2" y="1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80" name="Freeform 33"/>
          <p:cNvSpPr>
            <a:spLocks/>
          </p:cNvSpPr>
          <p:nvPr/>
        </p:nvSpPr>
        <p:spPr bwMode="auto">
          <a:xfrm>
            <a:off x="7178675" y="5835650"/>
            <a:ext cx="49213" cy="44450"/>
          </a:xfrm>
          <a:custGeom>
            <a:avLst/>
            <a:gdLst>
              <a:gd name="T0" fmla="*/ 2147483647 w 38"/>
              <a:gd name="T1" fmla="*/ 2147483647 h 34"/>
              <a:gd name="T2" fmla="*/ 2147483647 w 38"/>
              <a:gd name="T3" fmla="*/ 2147483647 h 34"/>
              <a:gd name="T4" fmla="*/ 0 w 38"/>
              <a:gd name="T5" fmla="*/ 2147483647 h 34"/>
              <a:gd name="T6" fmla="*/ 2147483647 w 38"/>
              <a:gd name="T7" fmla="*/ 0 h 34"/>
              <a:gd name="T8" fmla="*/ 2147483647 w 38"/>
              <a:gd name="T9" fmla="*/ 0 h 34"/>
              <a:gd name="T10" fmla="*/ 2147483647 w 38"/>
              <a:gd name="T11" fmla="*/ 2147483647 h 34"/>
              <a:gd name="T12" fmla="*/ 2147483647 w 38"/>
              <a:gd name="T13" fmla="*/ 2147483647 h 34"/>
              <a:gd name="T14" fmla="*/ 2147483647 w 38"/>
              <a:gd name="T15" fmla="*/ 2147483647 h 34"/>
              <a:gd name="T16" fmla="*/ 2147483647 w 38"/>
              <a:gd name="T17" fmla="*/ 2147483647 h 34"/>
              <a:gd name="T18" fmla="*/ 2147483647 w 38"/>
              <a:gd name="T19" fmla="*/ 2147483647 h 34"/>
              <a:gd name="T20" fmla="*/ 2147483647 w 38"/>
              <a:gd name="T21" fmla="*/ 2147483647 h 34"/>
              <a:gd name="T22" fmla="*/ 2147483647 w 38"/>
              <a:gd name="T23" fmla="*/ 2147483647 h 34"/>
              <a:gd name="T24" fmla="*/ 2147483647 w 38"/>
              <a:gd name="T25" fmla="*/ 2147483647 h 34"/>
              <a:gd name="T26" fmla="*/ 2147483647 w 38"/>
              <a:gd name="T27" fmla="*/ 2147483647 h 34"/>
              <a:gd name="T28" fmla="*/ 2147483647 w 38"/>
              <a:gd name="T29" fmla="*/ 2147483647 h 34"/>
              <a:gd name="T30" fmla="*/ 2147483647 w 38"/>
              <a:gd name="T31" fmla="*/ 2147483647 h 34"/>
              <a:gd name="T32" fmla="*/ 2147483647 w 38"/>
              <a:gd name="T33" fmla="*/ 2147483647 h 34"/>
              <a:gd name="T34" fmla="*/ 2147483647 w 38"/>
              <a:gd name="T35" fmla="*/ 2147483647 h 34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0" t="0" r="r" b="b"/>
            <a:pathLst>
              <a:path w="38" h="34">
                <a:moveTo>
                  <a:pt x="14" y="16"/>
                </a:moveTo>
                <a:lnTo>
                  <a:pt x="6" y="14"/>
                </a:lnTo>
                <a:lnTo>
                  <a:pt x="0" y="8"/>
                </a:lnTo>
                <a:lnTo>
                  <a:pt x="2" y="0"/>
                </a:lnTo>
                <a:lnTo>
                  <a:pt x="8" y="0"/>
                </a:lnTo>
                <a:lnTo>
                  <a:pt x="12" y="2"/>
                </a:lnTo>
                <a:lnTo>
                  <a:pt x="16" y="4"/>
                </a:lnTo>
                <a:lnTo>
                  <a:pt x="20" y="8"/>
                </a:lnTo>
                <a:lnTo>
                  <a:pt x="28" y="6"/>
                </a:lnTo>
                <a:lnTo>
                  <a:pt x="30" y="10"/>
                </a:lnTo>
                <a:lnTo>
                  <a:pt x="32" y="14"/>
                </a:lnTo>
                <a:lnTo>
                  <a:pt x="32" y="20"/>
                </a:lnTo>
                <a:lnTo>
                  <a:pt x="38" y="26"/>
                </a:lnTo>
                <a:lnTo>
                  <a:pt x="36" y="34"/>
                </a:lnTo>
                <a:lnTo>
                  <a:pt x="26" y="30"/>
                </a:lnTo>
                <a:lnTo>
                  <a:pt x="24" y="24"/>
                </a:lnTo>
                <a:lnTo>
                  <a:pt x="18" y="20"/>
                </a:lnTo>
                <a:lnTo>
                  <a:pt x="14" y="16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81" name="Freeform 34"/>
          <p:cNvSpPr>
            <a:spLocks/>
          </p:cNvSpPr>
          <p:nvPr/>
        </p:nvSpPr>
        <p:spPr bwMode="auto">
          <a:xfrm>
            <a:off x="7227888" y="5876925"/>
            <a:ext cx="38100" cy="23813"/>
          </a:xfrm>
          <a:custGeom>
            <a:avLst/>
            <a:gdLst>
              <a:gd name="T0" fmla="*/ 0 w 30"/>
              <a:gd name="T1" fmla="*/ 2147483647 h 18"/>
              <a:gd name="T2" fmla="*/ 2147483647 w 30"/>
              <a:gd name="T3" fmla="*/ 2147483647 h 18"/>
              <a:gd name="T4" fmla="*/ 2147483647 w 30"/>
              <a:gd name="T5" fmla="*/ 0 h 18"/>
              <a:gd name="T6" fmla="*/ 2147483647 w 30"/>
              <a:gd name="T7" fmla="*/ 2147483647 h 18"/>
              <a:gd name="T8" fmla="*/ 2147483647 w 30"/>
              <a:gd name="T9" fmla="*/ 2147483647 h 18"/>
              <a:gd name="T10" fmla="*/ 2147483647 w 30"/>
              <a:gd name="T11" fmla="*/ 2147483647 h 18"/>
              <a:gd name="T12" fmla="*/ 2147483647 w 30"/>
              <a:gd name="T13" fmla="*/ 2147483647 h 18"/>
              <a:gd name="T14" fmla="*/ 2147483647 w 30"/>
              <a:gd name="T15" fmla="*/ 2147483647 h 18"/>
              <a:gd name="T16" fmla="*/ 2147483647 w 30"/>
              <a:gd name="T17" fmla="*/ 2147483647 h 18"/>
              <a:gd name="T18" fmla="*/ 2147483647 w 30"/>
              <a:gd name="T19" fmla="*/ 2147483647 h 18"/>
              <a:gd name="T20" fmla="*/ 0 w 30"/>
              <a:gd name="T21" fmla="*/ 2147483647 h 18"/>
              <a:gd name="T22" fmla="*/ 0 w 30"/>
              <a:gd name="T23" fmla="*/ 2147483647 h 18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0" t="0" r="r" b="b"/>
            <a:pathLst>
              <a:path w="30" h="18">
                <a:moveTo>
                  <a:pt x="0" y="2"/>
                </a:moveTo>
                <a:lnTo>
                  <a:pt x="8" y="2"/>
                </a:lnTo>
                <a:lnTo>
                  <a:pt x="16" y="0"/>
                </a:lnTo>
                <a:lnTo>
                  <a:pt x="24" y="2"/>
                </a:lnTo>
                <a:lnTo>
                  <a:pt x="30" y="6"/>
                </a:lnTo>
                <a:lnTo>
                  <a:pt x="28" y="14"/>
                </a:lnTo>
                <a:lnTo>
                  <a:pt x="24" y="18"/>
                </a:lnTo>
                <a:lnTo>
                  <a:pt x="16" y="16"/>
                </a:lnTo>
                <a:lnTo>
                  <a:pt x="8" y="12"/>
                </a:lnTo>
                <a:lnTo>
                  <a:pt x="4" y="10"/>
                </a:lnTo>
                <a:lnTo>
                  <a:pt x="0" y="8"/>
                </a:lnTo>
                <a:lnTo>
                  <a:pt x="0" y="2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82" name="Freeform 35"/>
          <p:cNvSpPr>
            <a:spLocks/>
          </p:cNvSpPr>
          <p:nvPr/>
        </p:nvSpPr>
        <p:spPr bwMode="auto">
          <a:xfrm>
            <a:off x="7265988" y="5959475"/>
            <a:ext cx="20637" cy="31750"/>
          </a:xfrm>
          <a:custGeom>
            <a:avLst/>
            <a:gdLst>
              <a:gd name="T0" fmla="*/ 2147483647 w 16"/>
              <a:gd name="T1" fmla="*/ 2147483647 h 24"/>
              <a:gd name="T2" fmla="*/ 2147483647 w 16"/>
              <a:gd name="T3" fmla="*/ 2147483647 h 24"/>
              <a:gd name="T4" fmla="*/ 2147483647 w 16"/>
              <a:gd name="T5" fmla="*/ 2147483647 h 24"/>
              <a:gd name="T6" fmla="*/ 2147483647 w 16"/>
              <a:gd name="T7" fmla="*/ 2147483647 h 24"/>
              <a:gd name="T8" fmla="*/ 2147483647 w 16"/>
              <a:gd name="T9" fmla="*/ 2147483647 h 24"/>
              <a:gd name="T10" fmla="*/ 0 w 16"/>
              <a:gd name="T11" fmla="*/ 2147483647 h 24"/>
              <a:gd name="T12" fmla="*/ 0 w 16"/>
              <a:gd name="T13" fmla="*/ 2147483647 h 24"/>
              <a:gd name="T14" fmla="*/ 2147483647 w 16"/>
              <a:gd name="T15" fmla="*/ 2147483647 h 24"/>
              <a:gd name="T16" fmla="*/ 2147483647 w 16"/>
              <a:gd name="T17" fmla="*/ 2147483647 h 24"/>
              <a:gd name="T18" fmla="*/ 2147483647 w 16"/>
              <a:gd name="T19" fmla="*/ 0 h 24"/>
              <a:gd name="T20" fmla="*/ 2147483647 w 16"/>
              <a:gd name="T21" fmla="*/ 2147483647 h 24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6" h="24">
                <a:moveTo>
                  <a:pt x="16" y="2"/>
                </a:moveTo>
                <a:lnTo>
                  <a:pt x="16" y="14"/>
                </a:lnTo>
                <a:lnTo>
                  <a:pt x="16" y="20"/>
                </a:lnTo>
                <a:lnTo>
                  <a:pt x="14" y="24"/>
                </a:lnTo>
                <a:lnTo>
                  <a:pt x="4" y="24"/>
                </a:lnTo>
                <a:lnTo>
                  <a:pt x="0" y="18"/>
                </a:lnTo>
                <a:lnTo>
                  <a:pt x="0" y="10"/>
                </a:lnTo>
                <a:lnTo>
                  <a:pt x="2" y="6"/>
                </a:lnTo>
                <a:lnTo>
                  <a:pt x="8" y="2"/>
                </a:lnTo>
                <a:lnTo>
                  <a:pt x="10" y="0"/>
                </a:lnTo>
                <a:lnTo>
                  <a:pt x="16" y="2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83" name="Freeform 36"/>
          <p:cNvSpPr>
            <a:spLocks/>
          </p:cNvSpPr>
          <p:nvPr/>
        </p:nvSpPr>
        <p:spPr bwMode="auto">
          <a:xfrm>
            <a:off x="7134225" y="5895975"/>
            <a:ext cx="15875" cy="28575"/>
          </a:xfrm>
          <a:custGeom>
            <a:avLst/>
            <a:gdLst>
              <a:gd name="T0" fmla="*/ 2147483647 w 12"/>
              <a:gd name="T1" fmla="*/ 2147483647 h 22"/>
              <a:gd name="T2" fmla="*/ 2147483647 w 12"/>
              <a:gd name="T3" fmla="*/ 2147483647 h 22"/>
              <a:gd name="T4" fmla="*/ 2147483647 w 12"/>
              <a:gd name="T5" fmla="*/ 2147483647 h 22"/>
              <a:gd name="T6" fmla="*/ 0 w 12"/>
              <a:gd name="T7" fmla="*/ 2147483647 h 22"/>
              <a:gd name="T8" fmla="*/ 0 w 12"/>
              <a:gd name="T9" fmla="*/ 2147483647 h 22"/>
              <a:gd name="T10" fmla="*/ 2147483647 w 12"/>
              <a:gd name="T11" fmla="*/ 2147483647 h 22"/>
              <a:gd name="T12" fmla="*/ 2147483647 w 12"/>
              <a:gd name="T13" fmla="*/ 2147483647 h 22"/>
              <a:gd name="T14" fmla="*/ 2147483647 w 12"/>
              <a:gd name="T15" fmla="*/ 0 h 22"/>
              <a:gd name="T16" fmla="*/ 2147483647 w 12"/>
              <a:gd name="T17" fmla="*/ 0 h 22"/>
              <a:gd name="T18" fmla="*/ 2147483647 w 12"/>
              <a:gd name="T19" fmla="*/ 2147483647 h 22"/>
              <a:gd name="T20" fmla="*/ 2147483647 w 12"/>
              <a:gd name="T21" fmla="*/ 2147483647 h 2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2" h="22">
                <a:moveTo>
                  <a:pt x="12" y="10"/>
                </a:moveTo>
                <a:lnTo>
                  <a:pt x="8" y="12"/>
                </a:lnTo>
                <a:lnTo>
                  <a:pt x="6" y="18"/>
                </a:lnTo>
                <a:lnTo>
                  <a:pt x="0" y="22"/>
                </a:lnTo>
                <a:lnTo>
                  <a:pt x="0" y="14"/>
                </a:lnTo>
                <a:lnTo>
                  <a:pt x="2" y="6"/>
                </a:lnTo>
                <a:lnTo>
                  <a:pt x="2" y="2"/>
                </a:lnTo>
                <a:lnTo>
                  <a:pt x="6" y="0"/>
                </a:lnTo>
                <a:lnTo>
                  <a:pt x="10" y="0"/>
                </a:lnTo>
                <a:lnTo>
                  <a:pt x="12" y="6"/>
                </a:lnTo>
                <a:lnTo>
                  <a:pt x="12" y="10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84" name="Freeform 37"/>
          <p:cNvSpPr>
            <a:spLocks/>
          </p:cNvSpPr>
          <p:nvPr/>
        </p:nvSpPr>
        <p:spPr bwMode="auto">
          <a:xfrm>
            <a:off x="7188200" y="5391150"/>
            <a:ext cx="28575" cy="20638"/>
          </a:xfrm>
          <a:custGeom>
            <a:avLst/>
            <a:gdLst>
              <a:gd name="T0" fmla="*/ 2147483647 w 22"/>
              <a:gd name="T1" fmla="*/ 0 h 16"/>
              <a:gd name="T2" fmla="*/ 2147483647 w 22"/>
              <a:gd name="T3" fmla="*/ 2147483647 h 16"/>
              <a:gd name="T4" fmla="*/ 2147483647 w 22"/>
              <a:gd name="T5" fmla="*/ 2147483647 h 16"/>
              <a:gd name="T6" fmla="*/ 2147483647 w 22"/>
              <a:gd name="T7" fmla="*/ 2147483647 h 16"/>
              <a:gd name="T8" fmla="*/ 2147483647 w 22"/>
              <a:gd name="T9" fmla="*/ 2147483647 h 16"/>
              <a:gd name="T10" fmla="*/ 2147483647 w 22"/>
              <a:gd name="T11" fmla="*/ 2147483647 h 16"/>
              <a:gd name="T12" fmla="*/ 2147483647 w 22"/>
              <a:gd name="T13" fmla="*/ 2147483647 h 16"/>
              <a:gd name="T14" fmla="*/ 0 w 22"/>
              <a:gd name="T15" fmla="*/ 2147483647 h 16"/>
              <a:gd name="T16" fmla="*/ 2147483647 w 22"/>
              <a:gd name="T17" fmla="*/ 2147483647 h 16"/>
              <a:gd name="T18" fmla="*/ 2147483647 w 22"/>
              <a:gd name="T19" fmla="*/ 2147483647 h 16"/>
              <a:gd name="T20" fmla="*/ 2147483647 w 22"/>
              <a:gd name="T21" fmla="*/ 0 h 1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22" h="16">
                <a:moveTo>
                  <a:pt x="10" y="0"/>
                </a:moveTo>
                <a:lnTo>
                  <a:pt x="18" y="2"/>
                </a:lnTo>
                <a:lnTo>
                  <a:pt x="22" y="6"/>
                </a:lnTo>
                <a:lnTo>
                  <a:pt x="22" y="10"/>
                </a:lnTo>
                <a:lnTo>
                  <a:pt x="20" y="14"/>
                </a:lnTo>
                <a:lnTo>
                  <a:pt x="14" y="16"/>
                </a:lnTo>
                <a:lnTo>
                  <a:pt x="6" y="16"/>
                </a:lnTo>
                <a:lnTo>
                  <a:pt x="0" y="12"/>
                </a:lnTo>
                <a:lnTo>
                  <a:pt x="2" y="6"/>
                </a:lnTo>
                <a:lnTo>
                  <a:pt x="4" y="2"/>
                </a:lnTo>
                <a:lnTo>
                  <a:pt x="10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85" name="Freeform 38"/>
          <p:cNvSpPr>
            <a:spLocks/>
          </p:cNvSpPr>
          <p:nvPr/>
        </p:nvSpPr>
        <p:spPr bwMode="auto">
          <a:xfrm>
            <a:off x="7154863" y="5481638"/>
            <a:ext cx="46037" cy="36512"/>
          </a:xfrm>
          <a:custGeom>
            <a:avLst/>
            <a:gdLst>
              <a:gd name="T0" fmla="*/ 2147483647 w 36"/>
              <a:gd name="T1" fmla="*/ 2147483647 h 28"/>
              <a:gd name="T2" fmla="*/ 2147483647 w 36"/>
              <a:gd name="T3" fmla="*/ 2147483647 h 28"/>
              <a:gd name="T4" fmla="*/ 2147483647 w 36"/>
              <a:gd name="T5" fmla="*/ 2147483647 h 28"/>
              <a:gd name="T6" fmla="*/ 2147483647 w 36"/>
              <a:gd name="T7" fmla="*/ 2147483647 h 28"/>
              <a:gd name="T8" fmla="*/ 2147483647 w 36"/>
              <a:gd name="T9" fmla="*/ 2147483647 h 28"/>
              <a:gd name="T10" fmla="*/ 2147483647 w 36"/>
              <a:gd name="T11" fmla="*/ 0 h 28"/>
              <a:gd name="T12" fmla="*/ 2147483647 w 36"/>
              <a:gd name="T13" fmla="*/ 2147483647 h 28"/>
              <a:gd name="T14" fmla="*/ 2147483647 w 36"/>
              <a:gd name="T15" fmla="*/ 2147483647 h 28"/>
              <a:gd name="T16" fmla="*/ 2147483647 w 36"/>
              <a:gd name="T17" fmla="*/ 2147483647 h 28"/>
              <a:gd name="T18" fmla="*/ 2147483647 w 36"/>
              <a:gd name="T19" fmla="*/ 2147483647 h 28"/>
              <a:gd name="T20" fmla="*/ 2147483647 w 36"/>
              <a:gd name="T21" fmla="*/ 2147483647 h 28"/>
              <a:gd name="T22" fmla="*/ 2147483647 w 36"/>
              <a:gd name="T23" fmla="*/ 2147483647 h 28"/>
              <a:gd name="T24" fmla="*/ 2147483647 w 36"/>
              <a:gd name="T25" fmla="*/ 2147483647 h 28"/>
              <a:gd name="T26" fmla="*/ 2147483647 w 36"/>
              <a:gd name="T27" fmla="*/ 2147483647 h 28"/>
              <a:gd name="T28" fmla="*/ 0 w 36"/>
              <a:gd name="T29" fmla="*/ 2147483647 h 28"/>
              <a:gd name="T30" fmla="*/ 2147483647 w 36"/>
              <a:gd name="T31" fmla="*/ 2147483647 h 28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36" h="28">
                <a:moveTo>
                  <a:pt x="6" y="8"/>
                </a:moveTo>
                <a:lnTo>
                  <a:pt x="14" y="4"/>
                </a:lnTo>
                <a:lnTo>
                  <a:pt x="22" y="8"/>
                </a:lnTo>
                <a:lnTo>
                  <a:pt x="26" y="6"/>
                </a:lnTo>
                <a:lnTo>
                  <a:pt x="30" y="2"/>
                </a:lnTo>
                <a:lnTo>
                  <a:pt x="36" y="0"/>
                </a:lnTo>
                <a:lnTo>
                  <a:pt x="36" y="10"/>
                </a:lnTo>
                <a:lnTo>
                  <a:pt x="36" y="16"/>
                </a:lnTo>
                <a:lnTo>
                  <a:pt x="32" y="26"/>
                </a:lnTo>
                <a:lnTo>
                  <a:pt x="22" y="28"/>
                </a:lnTo>
                <a:lnTo>
                  <a:pt x="16" y="26"/>
                </a:lnTo>
                <a:lnTo>
                  <a:pt x="12" y="28"/>
                </a:lnTo>
                <a:lnTo>
                  <a:pt x="4" y="28"/>
                </a:lnTo>
                <a:lnTo>
                  <a:pt x="2" y="20"/>
                </a:lnTo>
                <a:lnTo>
                  <a:pt x="0" y="14"/>
                </a:lnTo>
                <a:lnTo>
                  <a:pt x="6" y="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30086" name="Group 39"/>
          <p:cNvGrpSpPr>
            <a:grpSpLocks/>
          </p:cNvGrpSpPr>
          <p:nvPr/>
        </p:nvGrpSpPr>
        <p:grpSpPr bwMode="auto">
          <a:xfrm>
            <a:off x="7227888" y="5075238"/>
            <a:ext cx="538162" cy="1120775"/>
            <a:chOff x="4553" y="3197"/>
            <a:chExt cx="339" cy="706"/>
          </a:xfrm>
        </p:grpSpPr>
        <p:sp>
          <p:nvSpPr>
            <p:cNvPr id="130196" name="Freeform 40"/>
            <p:cNvSpPr>
              <a:spLocks/>
            </p:cNvSpPr>
            <p:nvPr/>
          </p:nvSpPr>
          <p:spPr bwMode="auto">
            <a:xfrm>
              <a:off x="4566" y="3197"/>
              <a:ext cx="230" cy="239"/>
            </a:xfrm>
            <a:custGeom>
              <a:avLst/>
              <a:gdLst>
                <a:gd name="T0" fmla="*/ 46 w 282"/>
                <a:gd name="T1" fmla="*/ 3 h 294"/>
                <a:gd name="T2" fmla="*/ 46 w 282"/>
                <a:gd name="T3" fmla="*/ 7 h 294"/>
                <a:gd name="T4" fmla="*/ 51 w 282"/>
                <a:gd name="T5" fmla="*/ 12 h 294"/>
                <a:gd name="T6" fmla="*/ 56 w 282"/>
                <a:gd name="T7" fmla="*/ 16 h 294"/>
                <a:gd name="T8" fmla="*/ 67 w 282"/>
                <a:gd name="T9" fmla="*/ 19 h 294"/>
                <a:gd name="T10" fmla="*/ 75 w 282"/>
                <a:gd name="T11" fmla="*/ 20 h 294"/>
                <a:gd name="T12" fmla="*/ 83 w 282"/>
                <a:gd name="T13" fmla="*/ 21 h 294"/>
                <a:gd name="T14" fmla="*/ 82 w 282"/>
                <a:gd name="T15" fmla="*/ 26 h 294"/>
                <a:gd name="T16" fmla="*/ 82 w 282"/>
                <a:gd name="T17" fmla="*/ 28 h 294"/>
                <a:gd name="T18" fmla="*/ 79 w 282"/>
                <a:gd name="T19" fmla="*/ 32 h 294"/>
                <a:gd name="T20" fmla="*/ 75 w 282"/>
                <a:gd name="T21" fmla="*/ 33 h 294"/>
                <a:gd name="T22" fmla="*/ 73 w 282"/>
                <a:gd name="T23" fmla="*/ 33 h 294"/>
                <a:gd name="T24" fmla="*/ 71 w 282"/>
                <a:gd name="T25" fmla="*/ 33 h 294"/>
                <a:gd name="T26" fmla="*/ 69 w 282"/>
                <a:gd name="T27" fmla="*/ 30 h 294"/>
                <a:gd name="T28" fmla="*/ 67 w 282"/>
                <a:gd name="T29" fmla="*/ 33 h 294"/>
                <a:gd name="T30" fmla="*/ 60 w 282"/>
                <a:gd name="T31" fmla="*/ 33 h 294"/>
                <a:gd name="T32" fmla="*/ 56 w 282"/>
                <a:gd name="T33" fmla="*/ 33 h 294"/>
                <a:gd name="T34" fmla="*/ 52 w 282"/>
                <a:gd name="T35" fmla="*/ 39 h 294"/>
                <a:gd name="T36" fmla="*/ 46 w 282"/>
                <a:gd name="T37" fmla="*/ 39 h 294"/>
                <a:gd name="T38" fmla="*/ 45 w 282"/>
                <a:gd name="T39" fmla="*/ 39 h 294"/>
                <a:gd name="T40" fmla="*/ 40 w 282"/>
                <a:gd name="T41" fmla="*/ 43 h 294"/>
                <a:gd name="T42" fmla="*/ 40 w 282"/>
                <a:gd name="T43" fmla="*/ 48 h 294"/>
                <a:gd name="T44" fmla="*/ 37 w 282"/>
                <a:gd name="T45" fmla="*/ 53 h 294"/>
                <a:gd name="T46" fmla="*/ 34 w 282"/>
                <a:gd name="T47" fmla="*/ 56 h 294"/>
                <a:gd name="T48" fmla="*/ 28 w 282"/>
                <a:gd name="T49" fmla="*/ 62 h 294"/>
                <a:gd name="T50" fmla="*/ 21 w 282"/>
                <a:gd name="T51" fmla="*/ 67 h 294"/>
                <a:gd name="T52" fmla="*/ 18 w 282"/>
                <a:gd name="T53" fmla="*/ 73 h 294"/>
                <a:gd name="T54" fmla="*/ 15 w 282"/>
                <a:gd name="T55" fmla="*/ 79 h 294"/>
                <a:gd name="T56" fmla="*/ 12 w 282"/>
                <a:gd name="T57" fmla="*/ 84 h 294"/>
                <a:gd name="T58" fmla="*/ 10 w 282"/>
                <a:gd name="T59" fmla="*/ 81 h 294"/>
                <a:gd name="T60" fmla="*/ 12 w 282"/>
                <a:gd name="T61" fmla="*/ 76 h 294"/>
                <a:gd name="T62" fmla="*/ 10 w 282"/>
                <a:gd name="T63" fmla="*/ 73 h 294"/>
                <a:gd name="T64" fmla="*/ 14 w 282"/>
                <a:gd name="T65" fmla="*/ 69 h 294"/>
                <a:gd name="T66" fmla="*/ 18 w 282"/>
                <a:gd name="T67" fmla="*/ 65 h 294"/>
                <a:gd name="T68" fmla="*/ 22 w 282"/>
                <a:gd name="T69" fmla="*/ 62 h 294"/>
                <a:gd name="T70" fmla="*/ 24 w 282"/>
                <a:gd name="T71" fmla="*/ 61 h 294"/>
                <a:gd name="T72" fmla="*/ 23 w 282"/>
                <a:gd name="T73" fmla="*/ 57 h 294"/>
                <a:gd name="T74" fmla="*/ 19 w 282"/>
                <a:gd name="T75" fmla="*/ 61 h 294"/>
                <a:gd name="T76" fmla="*/ 9 w 282"/>
                <a:gd name="T77" fmla="*/ 63 h 294"/>
                <a:gd name="T78" fmla="*/ 2 w 282"/>
                <a:gd name="T79" fmla="*/ 62 h 294"/>
                <a:gd name="T80" fmla="*/ 4 w 282"/>
                <a:gd name="T81" fmla="*/ 54 h 294"/>
                <a:gd name="T82" fmla="*/ 6 w 282"/>
                <a:gd name="T83" fmla="*/ 44 h 294"/>
                <a:gd name="T84" fmla="*/ 12 w 282"/>
                <a:gd name="T85" fmla="*/ 32 h 294"/>
                <a:gd name="T86" fmla="*/ 2 w 282"/>
                <a:gd name="T87" fmla="*/ 22 h 294"/>
                <a:gd name="T88" fmla="*/ 2 w 282"/>
                <a:gd name="T89" fmla="*/ 18 h 294"/>
                <a:gd name="T90" fmla="*/ 6 w 282"/>
                <a:gd name="T91" fmla="*/ 15 h 294"/>
                <a:gd name="T92" fmla="*/ 7 w 282"/>
                <a:gd name="T93" fmla="*/ 11 h 294"/>
                <a:gd name="T94" fmla="*/ 16 w 282"/>
                <a:gd name="T95" fmla="*/ 7 h 294"/>
                <a:gd name="T96" fmla="*/ 23 w 282"/>
                <a:gd name="T97" fmla="*/ 4 h 294"/>
                <a:gd name="T98" fmla="*/ 27 w 282"/>
                <a:gd name="T99" fmla="*/ 2 h 294"/>
                <a:gd name="T100" fmla="*/ 34 w 282"/>
                <a:gd name="T101" fmla="*/ 6 h 294"/>
                <a:gd name="T102" fmla="*/ 41 w 282"/>
                <a:gd name="T103" fmla="*/ 4 h 294"/>
                <a:gd name="T104" fmla="*/ 45 w 282"/>
                <a:gd name="T105" fmla="*/ 0 h 294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0" t="0" r="r" b="b"/>
              <a:pathLst>
                <a:path w="282" h="294">
                  <a:moveTo>
                    <a:pt x="152" y="0"/>
                  </a:moveTo>
                  <a:lnTo>
                    <a:pt x="160" y="10"/>
                  </a:lnTo>
                  <a:lnTo>
                    <a:pt x="156" y="16"/>
                  </a:lnTo>
                  <a:lnTo>
                    <a:pt x="156" y="24"/>
                  </a:lnTo>
                  <a:lnTo>
                    <a:pt x="162" y="32"/>
                  </a:lnTo>
                  <a:lnTo>
                    <a:pt x="172" y="42"/>
                  </a:lnTo>
                  <a:lnTo>
                    <a:pt x="182" y="54"/>
                  </a:lnTo>
                  <a:lnTo>
                    <a:pt x="192" y="58"/>
                  </a:lnTo>
                  <a:lnTo>
                    <a:pt x="208" y="62"/>
                  </a:lnTo>
                  <a:lnTo>
                    <a:pt x="226" y="64"/>
                  </a:lnTo>
                  <a:lnTo>
                    <a:pt x="246" y="66"/>
                  </a:lnTo>
                  <a:lnTo>
                    <a:pt x="258" y="70"/>
                  </a:lnTo>
                  <a:lnTo>
                    <a:pt x="272" y="72"/>
                  </a:lnTo>
                  <a:lnTo>
                    <a:pt x="282" y="72"/>
                  </a:lnTo>
                  <a:lnTo>
                    <a:pt x="282" y="80"/>
                  </a:lnTo>
                  <a:lnTo>
                    <a:pt x="280" y="88"/>
                  </a:lnTo>
                  <a:lnTo>
                    <a:pt x="276" y="94"/>
                  </a:lnTo>
                  <a:lnTo>
                    <a:pt x="278" y="98"/>
                  </a:lnTo>
                  <a:lnTo>
                    <a:pt x="278" y="106"/>
                  </a:lnTo>
                  <a:lnTo>
                    <a:pt x="270" y="108"/>
                  </a:lnTo>
                  <a:lnTo>
                    <a:pt x="262" y="110"/>
                  </a:lnTo>
                  <a:lnTo>
                    <a:pt x="256" y="112"/>
                  </a:lnTo>
                  <a:lnTo>
                    <a:pt x="252" y="114"/>
                  </a:lnTo>
                  <a:lnTo>
                    <a:pt x="246" y="114"/>
                  </a:lnTo>
                  <a:lnTo>
                    <a:pt x="244" y="114"/>
                  </a:lnTo>
                  <a:lnTo>
                    <a:pt x="242" y="112"/>
                  </a:lnTo>
                  <a:lnTo>
                    <a:pt x="240" y="110"/>
                  </a:lnTo>
                  <a:lnTo>
                    <a:pt x="234" y="106"/>
                  </a:lnTo>
                  <a:lnTo>
                    <a:pt x="234" y="112"/>
                  </a:lnTo>
                  <a:lnTo>
                    <a:pt x="226" y="112"/>
                  </a:lnTo>
                  <a:lnTo>
                    <a:pt x="218" y="112"/>
                  </a:lnTo>
                  <a:lnTo>
                    <a:pt x="206" y="112"/>
                  </a:lnTo>
                  <a:lnTo>
                    <a:pt x="198" y="114"/>
                  </a:lnTo>
                  <a:lnTo>
                    <a:pt x="190" y="118"/>
                  </a:lnTo>
                  <a:lnTo>
                    <a:pt x="184" y="126"/>
                  </a:lnTo>
                  <a:lnTo>
                    <a:pt x="178" y="134"/>
                  </a:lnTo>
                  <a:lnTo>
                    <a:pt x="170" y="136"/>
                  </a:lnTo>
                  <a:lnTo>
                    <a:pt x="160" y="134"/>
                  </a:lnTo>
                  <a:lnTo>
                    <a:pt x="158" y="134"/>
                  </a:lnTo>
                  <a:lnTo>
                    <a:pt x="152" y="136"/>
                  </a:lnTo>
                  <a:lnTo>
                    <a:pt x="140" y="142"/>
                  </a:lnTo>
                  <a:lnTo>
                    <a:pt x="136" y="148"/>
                  </a:lnTo>
                  <a:lnTo>
                    <a:pt x="136" y="150"/>
                  </a:lnTo>
                  <a:lnTo>
                    <a:pt x="136" y="166"/>
                  </a:lnTo>
                  <a:lnTo>
                    <a:pt x="130" y="174"/>
                  </a:lnTo>
                  <a:lnTo>
                    <a:pt x="124" y="182"/>
                  </a:lnTo>
                  <a:lnTo>
                    <a:pt x="120" y="188"/>
                  </a:lnTo>
                  <a:lnTo>
                    <a:pt x="114" y="196"/>
                  </a:lnTo>
                  <a:lnTo>
                    <a:pt x="100" y="204"/>
                  </a:lnTo>
                  <a:lnTo>
                    <a:pt x="94" y="214"/>
                  </a:lnTo>
                  <a:lnTo>
                    <a:pt x="84" y="220"/>
                  </a:lnTo>
                  <a:lnTo>
                    <a:pt x="72" y="232"/>
                  </a:lnTo>
                  <a:lnTo>
                    <a:pt x="68" y="246"/>
                  </a:lnTo>
                  <a:lnTo>
                    <a:pt x="60" y="254"/>
                  </a:lnTo>
                  <a:lnTo>
                    <a:pt x="54" y="264"/>
                  </a:lnTo>
                  <a:lnTo>
                    <a:pt x="52" y="272"/>
                  </a:lnTo>
                  <a:lnTo>
                    <a:pt x="46" y="280"/>
                  </a:lnTo>
                  <a:lnTo>
                    <a:pt x="42" y="290"/>
                  </a:lnTo>
                  <a:lnTo>
                    <a:pt x="34" y="294"/>
                  </a:lnTo>
                  <a:lnTo>
                    <a:pt x="34" y="282"/>
                  </a:lnTo>
                  <a:lnTo>
                    <a:pt x="40" y="274"/>
                  </a:lnTo>
                  <a:lnTo>
                    <a:pt x="40" y="266"/>
                  </a:lnTo>
                  <a:lnTo>
                    <a:pt x="38" y="262"/>
                  </a:lnTo>
                  <a:lnTo>
                    <a:pt x="34" y="256"/>
                  </a:lnTo>
                  <a:lnTo>
                    <a:pt x="40" y="244"/>
                  </a:lnTo>
                  <a:lnTo>
                    <a:pt x="48" y="238"/>
                  </a:lnTo>
                  <a:lnTo>
                    <a:pt x="58" y="230"/>
                  </a:lnTo>
                  <a:lnTo>
                    <a:pt x="60" y="226"/>
                  </a:lnTo>
                  <a:lnTo>
                    <a:pt x="70" y="220"/>
                  </a:lnTo>
                  <a:lnTo>
                    <a:pt x="74" y="214"/>
                  </a:lnTo>
                  <a:lnTo>
                    <a:pt x="78" y="212"/>
                  </a:lnTo>
                  <a:lnTo>
                    <a:pt x="82" y="210"/>
                  </a:lnTo>
                  <a:lnTo>
                    <a:pt x="84" y="206"/>
                  </a:lnTo>
                  <a:lnTo>
                    <a:pt x="76" y="198"/>
                  </a:lnTo>
                  <a:lnTo>
                    <a:pt x="68" y="202"/>
                  </a:lnTo>
                  <a:lnTo>
                    <a:pt x="62" y="210"/>
                  </a:lnTo>
                  <a:lnTo>
                    <a:pt x="44" y="216"/>
                  </a:lnTo>
                  <a:lnTo>
                    <a:pt x="30" y="218"/>
                  </a:lnTo>
                  <a:lnTo>
                    <a:pt x="12" y="220"/>
                  </a:lnTo>
                  <a:lnTo>
                    <a:pt x="6" y="214"/>
                  </a:lnTo>
                  <a:lnTo>
                    <a:pt x="4" y="210"/>
                  </a:lnTo>
                  <a:lnTo>
                    <a:pt x="14" y="188"/>
                  </a:lnTo>
                  <a:lnTo>
                    <a:pt x="26" y="174"/>
                  </a:lnTo>
                  <a:lnTo>
                    <a:pt x="18" y="154"/>
                  </a:lnTo>
                  <a:lnTo>
                    <a:pt x="18" y="136"/>
                  </a:lnTo>
                  <a:lnTo>
                    <a:pt x="42" y="110"/>
                  </a:lnTo>
                  <a:lnTo>
                    <a:pt x="26" y="80"/>
                  </a:lnTo>
                  <a:lnTo>
                    <a:pt x="2" y="78"/>
                  </a:lnTo>
                  <a:lnTo>
                    <a:pt x="0" y="66"/>
                  </a:lnTo>
                  <a:lnTo>
                    <a:pt x="8" y="60"/>
                  </a:lnTo>
                  <a:lnTo>
                    <a:pt x="16" y="56"/>
                  </a:lnTo>
                  <a:lnTo>
                    <a:pt x="20" y="52"/>
                  </a:lnTo>
                  <a:lnTo>
                    <a:pt x="20" y="42"/>
                  </a:lnTo>
                  <a:lnTo>
                    <a:pt x="26" y="36"/>
                  </a:lnTo>
                  <a:lnTo>
                    <a:pt x="34" y="34"/>
                  </a:lnTo>
                  <a:lnTo>
                    <a:pt x="54" y="24"/>
                  </a:lnTo>
                  <a:lnTo>
                    <a:pt x="60" y="12"/>
                  </a:lnTo>
                  <a:lnTo>
                    <a:pt x="78" y="12"/>
                  </a:lnTo>
                  <a:lnTo>
                    <a:pt x="82" y="4"/>
                  </a:lnTo>
                  <a:lnTo>
                    <a:pt x="90" y="8"/>
                  </a:lnTo>
                  <a:lnTo>
                    <a:pt x="102" y="18"/>
                  </a:lnTo>
                  <a:lnTo>
                    <a:pt x="116" y="18"/>
                  </a:lnTo>
                  <a:lnTo>
                    <a:pt x="118" y="14"/>
                  </a:lnTo>
                  <a:lnTo>
                    <a:pt x="138" y="12"/>
                  </a:lnTo>
                  <a:lnTo>
                    <a:pt x="138" y="4"/>
                  </a:lnTo>
                  <a:lnTo>
                    <a:pt x="152" y="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97" name="Freeform 41"/>
            <p:cNvSpPr>
              <a:spLocks/>
            </p:cNvSpPr>
            <p:nvPr/>
          </p:nvSpPr>
          <p:spPr bwMode="auto">
            <a:xfrm>
              <a:off x="4706" y="3352"/>
              <a:ext cx="28" cy="19"/>
            </a:xfrm>
            <a:custGeom>
              <a:avLst/>
              <a:gdLst>
                <a:gd name="T0" fmla="*/ 10 w 34"/>
                <a:gd name="T1" fmla="*/ 2 h 24"/>
                <a:gd name="T2" fmla="*/ 11 w 34"/>
                <a:gd name="T3" fmla="*/ 2 h 24"/>
                <a:gd name="T4" fmla="*/ 8 w 34"/>
                <a:gd name="T5" fmla="*/ 3 h 24"/>
                <a:gd name="T6" fmla="*/ 8 w 34"/>
                <a:gd name="T7" fmla="*/ 5 h 24"/>
                <a:gd name="T8" fmla="*/ 5 w 34"/>
                <a:gd name="T9" fmla="*/ 6 h 24"/>
                <a:gd name="T10" fmla="*/ 2 w 34"/>
                <a:gd name="T11" fmla="*/ 5 h 24"/>
                <a:gd name="T12" fmla="*/ 2 w 34"/>
                <a:gd name="T13" fmla="*/ 4 h 24"/>
                <a:gd name="T14" fmla="*/ 0 w 34"/>
                <a:gd name="T15" fmla="*/ 2 h 24"/>
                <a:gd name="T16" fmla="*/ 2 w 34"/>
                <a:gd name="T17" fmla="*/ 2 h 24"/>
                <a:gd name="T18" fmla="*/ 3 w 34"/>
                <a:gd name="T19" fmla="*/ 0 h 24"/>
                <a:gd name="T20" fmla="*/ 6 w 34"/>
                <a:gd name="T21" fmla="*/ 2 h 24"/>
                <a:gd name="T22" fmla="*/ 7 w 34"/>
                <a:gd name="T23" fmla="*/ 2 h 24"/>
                <a:gd name="T24" fmla="*/ 9 w 34"/>
                <a:gd name="T25" fmla="*/ 2 h 24"/>
                <a:gd name="T26" fmla="*/ 10 w 34"/>
                <a:gd name="T27" fmla="*/ 2 h 24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0" t="0" r="r" b="b"/>
              <a:pathLst>
                <a:path w="34" h="24">
                  <a:moveTo>
                    <a:pt x="32" y="2"/>
                  </a:moveTo>
                  <a:lnTo>
                    <a:pt x="34" y="8"/>
                  </a:lnTo>
                  <a:lnTo>
                    <a:pt x="26" y="12"/>
                  </a:lnTo>
                  <a:lnTo>
                    <a:pt x="26" y="18"/>
                  </a:lnTo>
                  <a:lnTo>
                    <a:pt x="16" y="24"/>
                  </a:lnTo>
                  <a:lnTo>
                    <a:pt x="8" y="18"/>
                  </a:lnTo>
                  <a:lnTo>
                    <a:pt x="2" y="16"/>
                  </a:lnTo>
                  <a:lnTo>
                    <a:pt x="0" y="10"/>
                  </a:lnTo>
                  <a:lnTo>
                    <a:pt x="2" y="2"/>
                  </a:lnTo>
                  <a:lnTo>
                    <a:pt x="10" y="0"/>
                  </a:lnTo>
                  <a:lnTo>
                    <a:pt x="18" y="4"/>
                  </a:lnTo>
                  <a:lnTo>
                    <a:pt x="24" y="2"/>
                  </a:lnTo>
                  <a:lnTo>
                    <a:pt x="28" y="2"/>
                  </a:lnTo>
                  <a:lnTo>
                    <a:pt x="32" y="2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98" name="Freeform 42"/>
            <p:cNvSpPr>
              <a:spLocks/>
            </p:cNvSpPr>
            <p:nvPr/>
          </p:nvSpPr>
          <p:spPr bwMode="auto">
            <a:xfrm>
              <a:off x="4820" y="3769"/>
              <a:ext cx="39" cy="70"/>
            </a:xfrm>
            <a:custGeom>
              <a:avLst/>
              <a:gdLst>
                <a:gd name="T0" fmla="*/ 6 w 48"/>
                <a:gd name="T1" fmla="*/ 24 h 86"/>
                <a:gd name="T2" fmla="*/ 2 w 48"/>
                <a:gd name="T3" fmla="*/ 24 h 86"/>
                <a:gd name="T4" fmla="*/ 2 w 48"/>
                <a:gd name="T5" fmla="*/ 18 h 86"/>
                <a:gd name="T6" fmla="*/ 0 w 48"/>
                <a:gd name="T7" fmla="*/ 15 h 86"/>
                <a:gd name="T8" fmla="*/ 2 w 48"/>
                <a:gd name="T9" fmla="*/ 11 h 86"/>
                <a:gd name="T10" fmla="*/ 4 w 48"/>
                <a:gd name="T11" fmla="*/ 6 h 86"/>
                <a:gd name="T12" fmla="*/ 9 w 48"/>
                <a:gd name="T13" fmla="*/ 4 h 86"/>
                <a:gd name="T14" fmla="*/ 13 w 48"/>
                <a:gd name="T15" fmla="*/ 0 h 86"/>
                <a:gd name="T16" fmla="*/ 14 w 48"/>
                <a:gd name="T17" fmla="*/ 4 h 86"/>
                <a:gd name="T18" fmla="*/ 13 w 48"/>
                <a:gd name="T19" fmla="*/ 7 h 86"/>
                <a:gd name="T20" fmla="*/ 12 w 48"/>
                <a:gd name="T21" fmla="*/ 12 h 86"/>
                <a:gd name="T22" fmla="*/ 12 w 48"/>
                <a:gd name="T23" fmla="*/ 16 h 86"/>
                <a:gd name="T24" fmla="*/ 9 w 48"/>
                <a:gd name="T25" fmla="*/ 18 h 86"/>
                <a:gd name="T26" fmla="*/ 7 w 48"/>
                <a:gd name="T27" fmla="*/ 20 h 86"/>
                <a:gd name="T28" fmla="*/ 6 w 48"/>
                <a:gd name="T29" fmla="*/ 24 h 8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0" t="0" r="r" b="b"/>
              <a:pathLst>
                <a:path w="48" h="86">
                  <a:moveTo>
                    <a:pt x="20" y="86"/>
                  </a:moveTo>
                  <a:lnTo>
                    <a:pt x="8" y="84"/>
                  </a:lnTo>
                  <a:lnTo>
                    <a:pt x="8" y="60"/>
                  </a:lnTo>
                  <a:lnTo>
                    <a:pt x="0" y="52"/>
                  </a:lnTo>
                  <a:lnTo>
                    <a:pt x="4" y="36"/>
                  </a:lnTo>
                  <a:lnTo>
                    <a:pt x="14" y="20"/>
                  </a:lnTo>
                  <a:lnTo>
                    <a:pt x="32" y="14"/>
                  </a:lnTo>
                  <a:lnTo>
                    <a:pt x="44" y="0"/>
                  </a:lnTo>
                  <a:lnTo>
                    <a:pt x="48" y="12"/>
                  </a:lnTo>
                  <a:lnTo>
                    <a:pt x="46" y="26"/>
                  </a:lnTo>
                  <a:lnTo>
                    <a:pt x="40" y="42"/>
                  </a:lnTo>
                  <a:lnTo>
                    <a:pt x="40" y="54"/>
                  </a:lnTo>
                  <a:lnTo>
                    <a:pt x="30" y="62"/>
                  </a:lnTo>
                  <a:lnTo>
                    <a:pt x="24" y="68"/>
                  </a:lnTo>
                  <a:lnTo>
                    <a:pt x="20" y="86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99" name="Freeform 43"/>
            <p:cNvSpPr>
              <a:spLocks/>
            </p:cNvSpPr>
            <p:nvPr/>
          </p:nvSpPr>
          <p:spPr bwMode="auto">
            <a:xfrm>
              <a:off x="4778" y="3862"/>
              <a:ext cx="18" cy="41"/>
            </a:xfrm>
            <a:custGeom>
              <a:avLst/>
              <a:gdLst>
                <a:gd name="T0" fmla="*/ 4 w 22"/>
                <a:gd name="T1" fmla="*/ 0 h 50"/>
                <a:gd name="T2" fmla="*/ 4 w 22"/>
                <a:gd name="T3" fmla="*/ 5 h 50"/>
                <a:gd name="T4" fmla="*/ 5 w 22"/>
                <a:gd name="T5" fmla="*/ 7 h 50"/>
                <a:gd name="T6" fmla="*/ 7 w 22"/>
                <a:gd name="T7" fmla="*/ 12 h 50"/>
                <a:gd name="T8" fmla="*/ 4 w 22"/>
                <a:gd name="T9" fmla="*/ 16 h 50"/>
                <a:gd name="T10" fmla="*/ 2 w 22"/>
                <a:gd name="T11" fmla="*/ 11 h 50"/>
                <a:gd name="T12" fmla="*/ 0 w 22"/>
                <a:gd name="T13" fmla="*/ 6 h 50"/>
                <a:gd name="T14" fmla="*/ 2 w 22"/>
                <a:gd name="T15" fmla="*/ 2 h 50"/>
                <a:gd name="T16" fmla="*/ 4 w 22"/>
                <a:gd name="T17" fmla="*/ 0 h 5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22" h="50">
                  <a:moveTo>
                    <a:pt x="12" y="0"/>
                  </a:moveTo>
                  <a:lnTo>
                    <a:pt x="12" y="16"/>
                  </a:lnTo>
                  <a:lnTo>
                    <a:pt x="16" y="26"/>
                  </a:lnTo>
                  <a:lnTo>
                    <a:pt x="22" y="40"/>
                  </a:lnTo>
                  <a:lnTo>
                    <a:pt x="12" y="50"/>
                  </a:lnTo>
                  <a:lnTo>
                    <a:pt x="4" y="34"/>
                  </a:lnTo>
                  <a:lnTo>
                    <a:pt x="0" y="18"/>
                  </a:lnTo>
                  <a:lnTo>
                    <a:pt x="4" y="6"/>
                  </a:lnTo>
                  <a:lnTo>
                    <a:pt x="12" y="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200" name="Freeform 44"/>
            <p:cNvSpPr>
              <a:spLocks/>
            </p:cNvSpPr>
            <p:nvPr/>
          </p:nvSpPr>
          <p:spPr bwMode="auto">
            <a:xfrm>
              <a:off x="4598" y="3239"/>
              <a:ext cx="294" cy="524"/>
            </a:xfrm>
            <a:custGeom>
              <a:avLst/>
              <a:gdLst>
                <a:gd name="T0" fmla="*/ 102 w 360"/>
                <a:gd name="T1" fmla="*/ 177 h 642"/>
                <a:gd name="T2" fmla="*/ 91 w 360"/>
                <a:gd name="T3" fmla="*/ 182 h 642"/>
                <a:gd name="T4" fmla="*/ 86 w 360"/>
                <a:gd name="T5" fmla="*/ 184 h 642"/>
                <a:gd name="T6" fmla="*/ 76 w 360"/>
                <a:gd name="T7" fmla="*/ 184 h 642"/>
                <a:gd name="T8" fmla="*/ 65 w 360"/>
                <a:gd name="T9" fmla="*/ 190 h 642"/>
                <a:gd name="T10" fmla="*/ 75 w 360"/>
                <a:gd name="T11" fmla="*/ 182 h 642"/>
                <a:gd name="T12" fmla="*/ 84 w 360"/>
                <a:gd name="T13" fmla="*/ 175 h 642"/>
                <a:gd name="T14" fmla="*/ 87 w 360"/>
                <a:gd name="T15" fmla="*/ 170 h 642"/>
                <a:gd name="T16" fmla="*/ 67 w 360"/>
                <a:gd name="T17" fmla="*/ 176 h 642"/>
                <a:gd name="T18" fmla="*/ 57 w 360"/>
                <a:gd name="T19" fmla="*/ 180 h 642"/>
                <a:gd name="T20" fmla="*/ 64 w 360"/>
                <a:gd name="T21" fmla="*/ 172 h 642"/>
                <a:gd name="T22" fmla="*/ 65 w 360"/>
                <a:gd name="T23" fmla="*/ 167 h 642"/>
                <a:gd name="T24" fmla="*/ 57 w 360"/>
                <a:gd name="T25" fmla="*/ 165 h 642"/>
                <a:gd name="T26" fmla="*/ 52 w 360"/>
                <a:gd name="T27" fmla="*/ 161 h 642"/>
                <a:gd name="T28" fmla="*/ 47 w 360"/>
                <a:gd name="T29" fmla="*/ 153 h 642"/>
                <a:gd name="T30" fmla="*/ 49 w 360"/>
                <a:gd name="T31" fmla="*/ 141 h 642"/>
                <a:gd name="T32" fmla="*/ 38 w 360"/>
                <a:gd name="T33" fmla="*/ 141 h 642"/>
                <a:gd name="T34" fmla="*/ 32 w 360"/>
                <a:gd name="T35" fmla="*/ 136 h 642"/>
                <a:gd name="T36" fmla="*/ 27 w 360"/>
                <a:gd name="T37" fmla="*/ 142 h 642"/>
                <a:gd name="T38" fmla="*/ 16 w 360"/>
                <a:gd name="T39" fmla="*/ 137 h 642"/>
                <a:gd name="T40" fmla="*/ 23 w 360"/>
                <a:gd name="T41" fmla="*/ 131 h 642"/>
                <a:gd name="T42" fmla="*/ 16 w 360"/>
                <a:gd name="T43" fmla="*/ 123 h 642"/>
                <a:gd name="T44" fmla="*/ 23 w 360"/>
                <a:gd name="T45" fmla="*/ 123 h 642"/>
                <a:gd name="T46" fmla="*/ 27 w 360"/>
                <a:gd name="T47" fmla="*/ 132 h 642"/>
                <a:gd name="T48" fmla="*/ 38 w 360"/>
                <a:gd name="T49" fmla="*/ 129 h 642"/>
                <a:gd name="T50" fmla="*/ 35 w 360"/>
                <a:gd name="T51" fmla="*/ 125 h 642"/>
                <a:gd name="T52" fmla="*/ 28 w 360"/>
                <a:gd name="T53" fmla="*/ 119 h 642"/>
                <a:gd name="T54" fmla="*/ 32 w 360"/>
                <a:gd name="T55" fmla="*/ 111 h 642"/>
                <a:gd name="T56" fmla="*/ 28 w 360"/>
                <a:gd name="T57" fmla="*/ 108 h 642"/>
                <a:gd name="T58" fmla="*/ 25 w 360"/>
                <a:gd name="T59" fmla="*/ 100 h 642"/>
                <a:gd name="T60" fmla="*/ 21 w 360"/>
                <a:gd name="T61" fmla="*/ 93 h 642"/>
                <a:gd name="T62" fmla="*/ 25 w 360"/>
                <a:gd name="T63" fmla="*/ 87 h 642"/>
                <a:gd name="T64" fmla="*/ 23 w 360"/>
                <a:gd name="T65" fmla="*/ 85 h 642"/>
                <a:gd name="T66" fmla="*/ 11 w 360"/>
                <a:gd name="T67" fmla="*/ 91 h 642"/>
                <a:gd name="T68" fmla="*/ 2 w 360"/>
                <a:gd name="T69" fmla="*/ 93 h 642"/>
                <a:gd name="T70" fmla="*/ 2 w 360"/>
                <a:gd name="T71" fmla="*/ 78 h 642"/>
                <a:gd name="T72" fmla="*/ 5 w 360"/>
                <a:gd name="T73" fmla="*/ 68 h 642"/>
                <a:gd name="T74" fmla="*/ 9 w 360"/>
                <a:gd name="T75" fmla="*/ 59 h 642"/>
                <a:gd name="T76" fmla="*/ 16 w 360"/>
                <a:gd name="T77" fmla="*/ 53 h 642"/>
                <a:gd name="T78" fmla="*/ 25 w 360"/>
                <a:gd name="T79" fmla="*/ 49 h 642"/>
                <a:gd name="T80" fmla="*/ 37 w 360"/>
                <a:gd name="T81" fmla="*/ 52 h 642"/>
                <a:gd name="T82" fmla="*/ 45 w 360"/>
                <a:gd name="T83" fmla="*/ 49 h 642"/>
                <a:gd name="T84" fmla="*/ 49 w 360"/>
                <a:gd name="T85" fmla="*/ 46 h 642"/>
                <a:gd name="T86" fmla="*/ 63 w 360"/>
                <a:gd name="T87" fmla="*/ 42 h 642"/>
                <a:gd name="T88" fmla="*/ 78 w 360"/>
                <a:gd name="T89" fmla="*/ 39 h 642"/>
                <a:gd name="T90" fmla="*/ 75 w 360"/>
                <a:gd name="T91" fmla="*/ 34 h 642"/>
                <a:gd name="T92" fmla="*/ 74 w 360"/>
                <a:gd name="T93" fmla="*/ 29 h 642"/>
                <a:gd name="T94" fmla="*/ 86 w 360"/>
                <a:gd name="T95" fmla="*/ 23 h 642"/>
                <a:gd name="T96" fmla="*/ 96 w 360"/>
                <a:gd name="T97" fmla="*/ 20 h 642"/>
                <a:gd name="T98" fmla="*/ 89 w 360"/>
                <a:gd name="T99" fmla="*/ 19 h 642"/>
                <a:gd name="T100" fmla="*/ 79 w 360"/>
                <a:gd name="T101" fmla="*/ 19 h 642"/>
                <a:gd name="T102" fmla="*/ 71 w 360"/>
                <a:gd name="T103" fmla="*/ 16 h 642"/>
                <a:gd name="T104" fmla="*/ 72 w 360"/>
                <a:gd name="T105" fmla="*/ 11 h 642"/>
                <a:gd name="T106" fmla="*/ 74 w 360"/>
                <a:gd name="T107" fmla="*/ 4 h 642"/>
                <a:gd name="T108" fmla="*/ 98 w 360"/>
                <a:gd name="T109" fmla="*/ 2 h 642"/>
                <a:gd name="T110" fmla="*/ 107 w 360"/>
                <a:gd name="T111" fmla="*/ 180 h 642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</a:gdLst>
              <a:ahLst/>
              <a:cxnLst>
                <a:cxn ang="T112">
                  <a:pos x="T0" y="T1"/>
                </a:cxn>
                <a:cxn ang="T113">
                  <a:pos x="T2" y="T3"/>
                </a:cxn>
                <a:cxn ang="T114">
                  <a:pos x="T4" y="T5"/>
                </a:cxn>
                <a:cxn ang="T115">
                  <a:pos x="T6" y="T7"/>
                </a:cxn>
                <a:cxn ang="T116">
                  <a:pos x="T8" y="T9"/>
                </a:cxn>
                <a:cxn ang="T117">
                  <a:pos x="T10" y="T11"/>
                </a:cxn>
                <a:cxn ang="T118">
                  <a:pos x="T12" y="T13"/>
                </a:cxn>
                <a:cxn ang="T119">
                  <a:pos x="T14" y="T15"/>
                </a:cxn>
                <a:cxn ang="T120">
                  <a:pos x="T16" y="T17"/>
                </a:cxn>
                <a:cxn ang="T121">
                  <a:pos x="T18" y="T19"/>
                </a:cxn>
                <a:cxn ang="T122">
                  <a:pos x="T20" y="T21"/>
                </a:cxn>
                <a:cxn ang="T123">
                  <a:pos x="T22" y="T23"/>
                </a:cxn>
                <a:cxn ang="T124">
                  <a:pos x="T24" y="T25"/>
                </a:cxn>
                <a:cxn ang="T125">
                  <a:pos x="T26" y="T27"/>
                </a:cxn>
                <a:cxn ang="T126">
                  <a:pos x="T28" y="T29"/>
                </a:cxn>
                <a:cxn ang="T127">
                  <a:pos x="T30" y="T31"/>
                </a:cxn>
                <a:cxn ang="T128">
                  <a:pos x="T32" y="T33"/>
                </a:cxn>
                <a:cxn ang="T129">
                  <a:pos x="T34" y="T35"/>
                </a:cxn>
                <a:cxn ang="T130">
                  <a:pos x="T36" y="T37"/>
                </a:cxn>
                <a:cxn ang="T131">
                  <a:pos x="T38" y="T39"/>
                </a:cxn>
                <a:cxn ang="T132">
                  <a:pos x="T40" y="T41"/>
                </a:cxn>
                <a:cxn ang="T133">
                  <a:pos x="T42" y="T43"/>
                </a:cxn>
                <a:cxn ang="T134">
                  <a:pos x="T44" y="T45"/>
                </a:cxn>
                <a:cxn ang="T135">
                  <a:pos x="T46" y="T47"/>
                </a:cxn>
                <a:cxn ang="T136">
                  <a:pos x="T48" y="T49"/>
                </a:cxn>
                <a:cxn ang="T137">
                  <a:pos x="T50" y="T51"/>
                </a:cxn>
                <a:cxn ang="T138">
                  <a:pos x="T52" y="T53"/>
                </a:cxn>
                <a:cxn ang="T139">
                  <a:pos x="T54" y="T55"/>
                </a:cxn>
                <a:cxn ang="T140">
                  <a:pos x="T56" y="T57"/>
                </a:cxn>
                <a:cxn ang="T141">
                  <a:pos x="T58" y="T59"/>
                </a:cxn>
                <a:cxn ang="T142">
                  <a:pos x="T60" y="T61"/>
                </a:cxn>
                <a:cxn ang="T143">
                  <a:pos x="T62" y="T63"/>
                </a:cxn>
                <a:cxn ang="T144">
                  <a:pos x="T64" y="T65"/>
                </a:cxn>
                <a:cxn ang="T145">
                  <a:pos x="T66" y="T67"/>
                </a:cxn>
                <a:cxn ang="T146">
                  <a:pos x="T68" y="T69"/>
                </a:cxn>
                <a:cxn ang="T147">
                  <a:pos x="T70" y="T71"/>
                </a:cxn>
                <a:cxn ang="T148">
                  <a:pos x="T72" y="T73"/>
                </a:cxn>
                <a:cxn ang="T149">
                  <a:pos x="T74" y="T75"/>
                </a:cxn>
                <a:cxn ang="T150">
                  <a:pos x="T76" y="T77"/>
                </a:cxn>
                <a:cxn ang="T151">
                  <a:pos x="T78" y="T79"/>
                </a:cxn>
                <a:cxn ang="T152">
                  <a:pos x="T80" y="T81"/>
                </a:cxn>
                <a:cxn ang="T153">
                  <a:pos x="T82" y="T83"/>
                </a:cxn>
                <a:cxn ang="T154">
                  <a:pos x="T84" y="T85"/>
                </a:cxn>
                <a:cxn ang="T155">
                  <a:pos x="T86" y="T87"/>
                </a:cxn>
                <a:cxn ang="T156">
                  <a:pos x="T88" y="T89"/>
                </a:cxn>
                <a:cxn ang="T157">
                  <a:pos x="T90" y="T91"/>
                </a:cxn>
                <a:cxn ang="T158">
                  <a:pos x="T92" y="T93"/>
                </a:cxn>
                <a:cxn ang="T159">
                  <a:pos x="T94" y="T95"/>
                </a:cxn>
                <a:cxn ang="T160">
                  <a:pos x="T96" y="T97"/>
                </a:cxn>
                <a:cxn ang="T161">
                  <a:pos x="T98" y="T99"/>
                </a:cxn>
                <a:cxn ang="T162">
                  <a:pos x="T100" y="T101"/>
                </a:cxn>
                <a:cxn ang="T163">
                  <a:pos x="T102" y="T103"/>
                </a:cxn>
                <a:cxn ang="T164">
                  <a:pos x="T104" y="T105"/>
                </a:cxn>
                <a:cxn ang="T165">
                  <a:pos x="T106" y="T107"/>
                </a:cxn>
                <a:cxn ang="T166">
                  <a:pos x="T108" y="T109"/>
                </a:cxn>
                <a:cxn ang="T167">
                  <a:pos x="T110" y="T111"/>
                </a:cxn>
              </a:cxnLst>
              <a:rect l="0" t="0" r="r" b="b"/>
              <a:pathLst>
                <a:path w="360" h="642">
                  <a:moveTo>
                    <a:pt x="360" y="610"/>
                  </a:moveTo>
                  <a:lnTo>
                    <a:pt x="346" y="606"/>
                  </a:lnTo>
                  <a:lnTo>
                    <a:pt x="344" y="600"/>
                  </a:lnTo>
                  <a:lnTo>
                    <a:pt x="326" y="594"/>
                  </a:lnTo>
                  <a:lnTo>
                    <a:pt x="308" y="598"/>
                  </a:lnTo>
                  <a:lnTo>
                    <a:pt x="308" y="614"/>
                  </a:lnTo>
                  <a:lnTo>
                    <a:pt x="298" y="630"/>
                  </a:lnTo>
                  <a:lnTo>
                    <a:pt x="292" y="640"/>
                  </a:lnTo>
                  <a:lnTo>
                    <a:pt x="288" y="622"/>
                  </a:lnTo>
                  <a:lnTo>
                    <a:pt x="284" y="614"/>
                  </a:lnTo>
                  <a:lnTo>
                    <a:pt x="276" y="620"/>
                  </a:lnTo>
                  <a:lnTo>
                    <a:pt x="256" y="624"/>
                  </a:lnTo>
                  <a:lnTo>
                    <a:pt x="252" y="634"/>
                  </a:lnTo>
                  <a:lnTo>
                    <a:pt x="240" y="638"/>
                  </a:lnTo>
                  <a:lnTo>
                    <a:pt x="220" y="642"/>
                  </a:lnTo>
                  <a:lnTo>
                    <a:pt x="228" y="630"/>
                  </a:lnTo>
                  <a:lnTo>
                    <a:pt x="240" y="620"/>
                  </a:lnTo>
                  <a:lnTo>
                    <a:pt x="254" y="618"/>
                  </a:lnTo>
                  <a:lnTo>
                    <a:pt x="274" y="610"/>
                  </a:lnTo>
                  <a:lnTo>
                    <a:pt x="284" y="598"/>
                  </a:lnTo>
                  <a:lnTo>
                    <a:pt x="284" y="590"/>
                  </a:lnTo>
                  <a:lnTo>
                    <a:pt x="298" y="580"/>
                  </a:lnTo>
                  <a:lnTo>
                    <a:pt x="308" y="572"/>
                  </a:lnTo>
                  <a:lnTo>
                    <a:pt x="294" y="576"/>
                  </a:lnTo>
                  <a:lnTo>
                    <a:pt x="264" y="586"/>
                  </a:lnTo>
                  <a:lnTo>
                    <a:pt x="250" y="592"/>
                  </a:lnTo>
                  <a:lnTo>
                    <a:pt x="228" y="598"/>
                  </a:lnTo>
                  <a:lnTo>
                    <a:pt x="212" y="602"/>
                  </a:lnTo>
                  <a:lnTo>
                    <a:pt x="204" y="612"/>
                  </a:lnTo>
                  <a:lnTo>
                    <a:pt x="192" y="606"/>
                  </a:lnTo>
                  <a:lnTo>
                    <a:pt x="196" y="590"/>
                  </a:lnTo>
                  <a:lnTo>
                    <a:pt x="204" y="582"/>
                  </a:lnTo>
                  <a:lnTo>
                    <a:pt x="216" y="582"/>
                  </a:lnTo>
                  <a:lnTo>
                    <a:pt x="228" y="574"/>
                  </a:lnTo>
                  <a:lnTo>
                    <a:pt x="228" y="564"/>
                  </a:lnTo>
                  <a:lnTo>
                    <a:pt x="220" y="566"/>
                  </a:lnTo>
                  <a:lnTo>
                    <a:pt x="208" y="562"/>
                  </a:lnTo>
                  <a:lnTo>
                    <a:pt x="202" y="550"/>
                  </a:lnTo>
                  <a:lnTo>
                    <a:pt x="192" y="556"/>
                  </a:lnTo>
                  <a:lnTo>
                    <a:pt x="186" y="562"/>
                  </a:lnTo>
                  <a:lnTo>
                    <a:pt x="180" y="554"/>
                  </a:lnTo>
                  <a:lnTo>
                    <a:pt x="176" y="542"/>
                  </a:lnTo>
                  <a:lnTo>
                    <a:pt x="172" y="528"/>
                  </a:lnTo>
                  <a:lnTo>
                    <a:pt x="154" y="526"/>
                  </a:lnTo>
                  <a:lnTo>
                    <a:pt x="160" y="516"/>
                  </a:lnTo>
                  <a:lnTo>
                    <a:pt x="172" y="506"/>
                  </a:lnTo>
                  <a:lnTo>
                    <a:pt x="168" y="494"/>
                  </a:lnTo>
                  <a:lnTo>
                    <a:pt x="168" y="478"/>
                  </a:lnTo>
                  <a:lnTo>
                    <a:pt x="156" y="480"/>
                  </a:lnTo>
                  <a:lnTo>
                    <a:pt x="140" y="476"/>
                  </a:lnTo>
                  <a:lnTo>
                    <a:pt x="130" y="478"/>
                  </a:lnTo>
                  <a:lnTo>
                    <a:pt x="120" y="482"/>
                  </a:lnTo>
                  <a:lnTo>
                    <a:pt x="120" y="470"/>
                  </a:lnTo>
                  <a:lnTo>
                    <a:pt x="108" y="462"/>
                  </a:lnTo>
                  <a:lnTo>
                    <a:pt x="98" y="462"/>
                  </a:lnTo>
                  <a:lnTo>
                    <a:pt x="96" y="474"/>
                  </a:lnTo>
                  <a:lnTo>
                    <a:pt x="92" y="480"/>
                  </a:lnTo>
                  <a:lnTo>
                    <a:pt x="84" y="472"/>
                  </a:lnTo>
                  <a:lnTo>
                    <a:pt x="74" y="468"/>
                  </a:lnTo>
                  <a:lnTo>
                    <a:pt x="58" y="466"/>
                  </a:lnTo>
                  <a:lnTo>
                    <a:pt x="58" y="456"/>
                  </a:lnTo>
                  <a:lnTo>
                    <a:pt x="68" y="452"/>
                  </a:lnTo>
                  <a:lnTo>
                    <a:pt x="76" y="444"/>
                  </a:lnTo>
                  <a:lnTo>
                    <a:pt x="76" y="436"/>
                  </a:lnTo>
                  <a:lnTo>
                    <a:pt x="62" y="430"/>
                  </a:lnTo>
                  <a:lnTo>
                    <a:pt x="56" y="418"/>
                  </a:lnTo>
                  <a:lnTo>
                    <a:pt x="60" y="408"/>
                  </a:lnTo>
                  <a:lnTo>
                    <a:pt x="70" y="410"/>
                  </a:lnTo>
                  <a:lnTo>
                    <a:pt x="76" y="418"/>
                  </a:lnTo>
                  <a:lnTo>
                    <a:pt x="90" y="426"/>
                  </a:lnTo>
                  <a:lnTo>
                    <a:pt x="90" y="436"/>
                  </a:lnTo>
                  <a:lnTo>
                    <a:pt x="92" y="446"/>
                  </a:lnTo>
                  <a:lnTo>
                    <a:pt x="100" y="436"/>
                  </a:lnTo>
                  <a:lnTo>
                    <a:pt x="112" y="438"/>
                  </a:lnTo>
                  <a:lnTo>
                    <a:pt x="126" y="434"/>
                  </a:lnTo>
                  <a:lnTo>
                    <a:pt x="136" y="430"/>
                  </a:lnTo>
                  <a:lnTo>
                    <a:pt x="134" y="424"/>
                  </a:lnTo>
                  <a:lnTo>
                    <a:pt x="120" y="422"/>
                  </a:lnTo>
                  <a:lnTo>
                    <a:pt x="108" y="416"/>
                  </a:lnTo>
                  <a:lnTo>
                    <a:pt x="104" y="408"/>
                  </a:lnTo>
                  <a:lnTo>
                    <a:pt x="96" y="402"/>
                  </a:lnTo>
                  <a:lnTo>
                    <a:pt x="92" y="392"/>
                  </a:lnTo>
                  <a:lnTo>
                    <a:pt x="100" y="386"/>
                  </a:lnTo>
                  <a:lnTo>
                    <a:pt x="108" y="376"/>
                  </a:lnTo>
                  <a:lnTo>
                    <a:pt x="120" y="370"/>
                  </a:lnTo>
                  <a:lnTo>
                    <a:pt x="108" y="366"/>
                  </a:lnTo>
                  <a:lnTo>
                    <a:pt x="94" y="366"/>
                  </a:lnTo>
                  <a:lnTo>
                    <a:pt x="92" y="354"/>
                  </a:lnTo>
                  <a:lnTo>
                    <a:pt x="92" y="342"/>
                  </a:lnTo>
                  <a:lnTo>
                    <a:pt x="82" y="338"/>
                  </a:lnTo>
                  <a:lnTo>
                    <a:pt x="76" y="332"/>
                  </a:lnTo>
                  <a:lnTo>
                    <a:pt x="66" y="326"/>
                  </a:lnTo>
                  <a:lnTo>
                    <a:pt x="72" y="314"/>
                  </a:lnTo>
                  <a:lnTo>
                    <a:pt x="80" y="304"/>
                  </a:lnTo>
                  <a:lnTo>
                    <a:pt x="84" y="300"/>
                  </a:lnTo>
                  <a:lnTo>
                    <a:pt x="86" y="294"/>
                  </a:lnTo>
                  <a:lnTo>
                    <a:pt x="84" y="290"/>
                  </a:lnTo>
                  <a:lnTo>
                    <a:pt x="82" y="288"/>
                  </a:lnTo>
                  <a:lnTo>
                    <a:pt x="76" y="286"/>
                  </a:lnTo>
                  <a:lnTo>
                    <a:pt x="60" y="290"/>
                  </a:lnTo>
                  <a:lnTo>
                    <a:pt x="48" y="300"/>
                  </a:lnTo>
                  <a:lnTo>
                    <a:pt x="36" y="308"/>
                  </a:lnTo>
                  <a:lnTo>
                    <a:pt x="24" y="312"/>
                  </a:lnTo>
                  <a:lnTo>
                    <a:pt x="12" y="322"/>
                  </a:lnTo>
                  <a:lnTo>
                    <a:pt x="2" y="314"/>
                  </a:lnTo>
                  <a:lnTo>
                    <a:pt x="6" y="296"/>
                  </a:lnTo>
                  <a:lnTo>
                    <a:pt x="4" y="276"/>
                  </a:lnTo>
                  <a:lnTo>
                    <a:pt x="2" y="262"/>
                  </a:lnTo>
                  <a:lnTo>
                    <a:pt x="0" y="248"/>
                  </a:lnTo>
                  <a:lnTo>
                    <a:pt x="12" y="242"/>
                  </a:lnTo>
                  <a:lnTo>
                    <a:pt x="16" y="230"/>
                  </a:lnTo>
                  <a:lnTo>
                    <a:pt x="12" y="220"/>
                  </a:lnTo>
                  <a:lnTo>
                    <a:pt x="24" y="210"/>
                  </a:lnTo>
                  <a:lnTo>
                    <a:pt x="30" y="198"/>
                  </a:lnTo>
                  <a:lnTo>
                    <a:pt x="40" y="188"/>
                  </a:lnTo>
                  <a:lnTo>
                    <a:pt x="48" y="180"/>
                  </a:lnTo>
                  <a:lnTo>
                    <a:pt x="56" y="180"/>
                  </a:lnTo>
                  <a:lnTo>
                    <a:pt x="64" y="178"/>
                  </a:lnTo>
                  <a:lnTo>
                    <a:pt x="74" y="168"/>
                  </a:lnTo>
                  <a:lnTo>
                    <a:pt x="84" y="166"/>
                  </a:lnTo>
                  <a:lnTo>
                    <a:pt x="94" y="162"/>
                  </a:lnTo>
                  <a:lnTo>
                    <a:pt x="100" y="174"/>
                  </a:lnTo>
                  <a:lnTo>
                    <a:pt x="122" y="176"/>
                  </a:lnTo>
                  <a:lnTo>
                    <a:pt x="132" y="170"/>
                  </a:lnTo>
                  <a:lnTo>
                    <a:pt x="142" y="168"/>
                  </a:lnTo>
                  <a:lnTo>
                    <a:pt x="150" y="166"/>
                  </a:lnTo>
                  <a:lnTo>
                    <a:pt x="152" y="160"/>
                  </a:lnTo>
                  <a:lnTo>
                    <a:pt x="158" y="156"/>
                  </a:lnTo>
                  <a:lnTo>
                    <a:pt x="166" y="154"/>
                  </a:lnTo>
                  <a:lnTo>
                    <a:pt x="176" y="150"/>
                  </a:lnTo>
                  <a:lnTo>
                    <a:pt x="192" y="144"/>
                  </a:lnTo>
                  <a:lnTo>
                    <a:pt x="212" y="142"/>
                  </a:lnTo>
                  <a:lnTo>
                    <a:pt x="228" y="140"/>
                  </a:lnTo>
                  <a:lnTo>
                    <a:pt x="242" y="132"/>
                  </a:lnTo>
                  <a:lnTo>
                    <a:pt x="264" y="132"/>
                  </a:lnTo>
                  <a:lnTo>
                    <a:pt x="274" y="120"/>
                  </a:lnTo>
                  <a:lnTo>
                    <a:pt x="264" y="118"/>
                  </a:lnTo>
                  <a:lnTo>
                    <a:pt x="254" y="118"/>
                  </a:lnTo>
                  <a:lnTo>
                    <a:pt x="240" y="116"/>
                  </a:lnTo>
                  <a:lnTo>
                    <a:pt x="238" y="108"/>
                  </a:lnTo>
                  <a:lnTo>
                    <a:pt x="250" y="98"/>
                  </a:lnTo>
                  <a:lnTo>
                    <a:pt x="270" y="94"/>
                  </a:lnTo>
                  <a:lnTo>
                    <a:pt x="286" y="82"/>
                  </a:lnTo>
                  <a:lnTo>
                    <a:pt x="290" y="78"/>
                  </a:lnTo>
                  <a:lnTo>
                    <a:pt x="298" y="74"/>
                  </a:lnTo>
                  <a:lnTo>
                    <a:pt x="312" y="70"/>
                  </a:lnTo>
                  <a:lnTo>
                    <a:pt x="324" y="66"/>
                  </a:lnTo>
                  <a:lnTo>
                    <a:pt x="330" y="62"/>
                  </a:lnTo>
                  <a:lnTo>
                    <a:pt x="320" y="60"/>
                  </a:lnTo>
                  <a:lnTo>
                    <a:pt x="300" y="64"/>
                  </a:lnTo>
                  <a:lnTo>
                    <a:pt x="288" y="72"/>
                  </a:lnTo>
                  <a:lnTo>
                    <a:pt x="276" y="66"/>
                  </a:lnTo>
                  <a:lnTo>
                    <a:pt x="268" y="62"/>
                  </a:lnTo>
                  <a:lnTo>
                    <a:pt x="256" y="60"/>
                  </a:lnTo>
                  <a:lnTo>
                    <a:pt x="250" y="56"/>
                  </a:lnTo>
                  <a:lnTo>
                    <a:pt x="240" y="52"/>
                  </a:lnTo>
                  <a:lnTo>
                    <a:pt x="238" y="46"/>
                  </a:lnTo>
                  <a:lnTo>
                    <a:pt x="238" y="40"/>
                  </a:lnTo>
                  <a:lnTo>
                    <a:pt x="242" y="34"/>
                  </a:lnTo>
                  <a:lnTo>
                    <a:pt x="244" y="28"/>
                  </a:lnTo>
                  <a:lnTo>
                    <a:pt x="246" y="20"/>
                  </a:lnTo>
                  <a:lnTo>
                    <a:pt x="250" y="14"/>
                  </a:lnTo>
                  <a:lnTo>
                    <a:pt x="272" y="12"/>
                  </a:lnTo>
                  <a:lnTo>
                    <a:pt x="296" y="10"/>
                  </a:lnTo>
                  <a:lnTo>
                    <a:pt x="330" y="6"/>
                  </a:lnTo>
                  <a:lnTo>
                    <a:pt x="350" y="2"/>
                  </a:lnTo>
                  <a:lnTo>
                    <a:pt x="360" y="0"/>
                  </a:lnTo>
                  <a:lnTo>
                    <a:pt x="360" y="61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201" name="Freeform 45"/>
            <p:cNvSpPr>
              <a:spLocks/>
            </p:cNvSpPr>
            <p:nvPr/>
          </p:nvSpPr>
          <p:spPr bwMode="auto">
            <a:xfrm>
              <a:off x="4735" y="3741"/>
              <a:ext cx="31" cy="31"/>
            </a:xfrm>
            <a:custGeom>
              <a:avLst/>
              <a:gdLst>
                <a:gd name="T0" fmla="*/ 4 w 38"/>
                <a:gd name="T1" fmla="*/ 5 h 38"/>
                <a:gd name="T2" fmla="*/ 7 w 38"/>
                <a:gd name="T3" fmla="*/ 2 h 38"/>
                <a:gd name="T4" fmla="*/ 9 w 38"/>
                <a:gd name="T5" fmla="*/ 0 h 38"/>
                <a:gd name="T6" fmla="*/ 11 w 38"/>
                <a:gd name="T7" fmla="*/ 2 h 38"/>
                <a:gd name="T8" fmla="*/ 11 w 38"/>
                <a:gd name="T9" fmla="*/ 2 h 38"/>
                <a:gd name="T10" fmla="*/ 9 w 38"/>
                <a:gd name="T11" fmla="*/ 5 h 38"/>
                <a:gd name="T12" fmla="*/ 7 w 38"/>
                <a:gd name="T13" fmla="*/ 7 h 38"/>
                <a:gd name="T14" fmla="*/ 5 w 38"/>
                <a:gd name="T15" fmla="*/ 9 h 38"/>
                <a:gd name="T16" fmla="*/ 5 w 38"/>
                <a:gd name="T17" fmla="*/ 9 h 38"/>
                <a:gd name="T18" fmla="*/ 4 w 38"/>
                <a:gd name="T19" fmla="*/ 11 h 38"/>
                <a:gd name="T20" fmla="*/ 2 w 38"/>
                <a:gd name="T21" fmla="*/ 11 h 38"/>
                <a:gd name="T22" fmla="*/ 2 w 38"/>
                <a:gd name="T23" fmla="*/ 11 h 38"/>
                <a:gd name="T24" fmla="*/ 0 w 38"/>
                <a:gd name="T25" fmla="*/ 9 h 38"/>
                <a:gd name="T26" fmla="*/ 2 w 38"/>
                <a:gd name="T27" fmla="*/ 7 h 38"/>
                <a:gd name="T28" fmla="*/ 3 w 38"/>
                <a:gd name="T29" fmla="*/ 7 h 38"/>
                <a:gd name="T30" fmla="*/ 4 w 38"/>
                <a:gd name="T31" fmla="*/ 5 h 38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0" t="0" r="r" b="b"/>
              <a:pathLst>
                <a:path w="38" h="38">
                  <a:moveTo>
                    <a:pt x="14" y="16"/>
                  </a:moveTo>
                  <a:lnTo>
                    <a:pt x="24" y="4"/>
                  </a:lnTo>
                  <a:lnTo>
                    <a:pt x="32" y="0"/>
                  </a:lnTo>
                  <a:lnTo>
                    <a:pt x="38" y="2"/>
                  </a:lnTo>
                  <a:lnTo>
                    <a:pt x="38" y="8"/>
                  </a:lnTo>
                  <a:lnTo>
                    <a:pt x="30" y="16"/>
                  </a:lnTo>
                  <a:lnTo>
                    <a:pt x="22" y="24"/>
                  </a:lnTo>
                  <a:lnTo>
                    <a:pt x="16" y="28"/>
                  </a:lnTo>
                  <a:lnTo>
                    <a:pt x="16" y="32"/>
                  </a:lnTo>
                  <a:lnTo>
                    <a:pt x="12" y="36"/>
                  </a:lnTo>
                  <a:lnTo>
                    <a:pt x="6" y="38"/>
                  </a:lnTo>
                  <a:lnTo>
                    <a:pt x="2" y="38"/>
                  </a:lnTo>
                  <a:lnTo>
                    <a:pt x="0" y="30"/>
                  </a:lnTo>
                  <a:lnTo>
                    <a:pt x="4" y="24"/>
                  </a:lnTo>
                  <a:lnTo>
                    <a:pt x="10" y="22"/>
                  </a:lnTo>
                  <a:lnTo>
                    <a:pt x="14" y="16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202" name="Freeform 46"/>
            <p:cNvSpPr>
              <a:spLocks/>
            </p:cNvSpPr>
            <p:nvPr/>
          </p:nvSpPr>
          <p:spPr bwMode="auto">
            <a:xfrm>
              <a:off x="4603" y="3590"/>
              <a:ext cx="31" cy="44"/>
            </a:xfrm>
            <a:custGeom>
              <a:avLst/>
              <a:gdLst>
                <a:gd name="T0" fmla="*/ 5 w 38"/>
                <a:gd name="T1" fmla="*/ 7 h 54"/>
                <a:gd name="T2" fmla="*/ 3 w 38"/>
                <a:gd name="T3" fmla="*/ 6 h 54"/>
                <a:gd name="T4" fmla="*/ 2 w 38"/>
                <a:gd name="T5" fmla="*/ 4 h 54"/>
                <a:gd name="T6" fmla="*/ 0 w 38"/>
                <a:gd name="T7" fmla="*/ 2 h 54"/>
                <a:gd name="T8" fmla="*/ 2 w 38"/>
                <a:gd name="T9" fmla="*/ 2 h 54"/>
                <a:gd name="T10" fmla="*/ 4 w 38"/>
                <a:gd name="T11" fmla="*/ 0 h 54"/>
                <a:gd name="T12" fmla="*/ 7 w 38"/>
                <a:gd name="T13" fmla="*/ 0 h 54"/>
                <a:gd name="T14" fmla="*/ 9 w 38"/>
                <a:gd name="T15" fmla="*/ 2 h 54"/>
                <a:gd name="T16" fmla="*/ 11 w 38"/>
                <a:gd name="T17" fmla="*/ 4 h 54"/>
                <a:gd name="T18" fmla="*/ 11 w 38"/>
                <a:gd name="T19" fmla="*/ 6 h 54"/>
                <a:gd name="T20" fmla="*/ 11 w 38"/>
                <a:gd name="T21" fmla="*/ 7 h 54"/>
                <a:gd name="T22" fmla="*/ 11 w 38"/>
                <a:gd name="T23" fmla="*/ 9 h 54"/>
                <a:gd name="T24" fmla="*/ 11 w 38"/>
                <a:gd name="T25" fmla="*/ 11 h 54"/>
                <a:gd name="T26" fmla="*/ 11 w 38"/>
                <a:gd name="T27" fmla="*/ 13 h 54"/>
                <a:gd name="T28" fmla="*/ 9 w 38"/>
                <a:gd name="T29" fmla="*/ 15 h 54"/>
                <a:gd name="T30" fmla="*/ 7 w 38"/>
                <a:gd name="T31" fmla="*/ 16 h 54"/>
                <a:gd name="T32" fmla="*/ 6 w 38"/>
                <a:gd name="T33" fmla="*/ 15 h 54"/>
                <a:gd name="T34" fmla="*/ 3 w 38"/>
                <a:gd name="T35" fmla="*/ 13 h 54"/>
                <a:gd name="T36" fmla="*/ 5 w 38"/>
                <a:gd name="T37" fmla="*/ 11 h 54"/>
                <a:gd name="T38" fmla="*/ 6 w 38"/>
                <a:gd name="T39" fmla="*/ 10 h 54"/>
                <a:gd name="T40" fmla="*/ 7 w 38"/>
                <a:gd name="T41" fmla="*/ 7 h 54"/>
                <a:gd name="T42" fmla="*/ 5 w 38"/>
                <a:gd name="T43" fmla="*/ 7 h 54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</a:gdLst>
              <a:ahLst/>
              <a:cxnLst>
                <a:cxn ang="T44">
                  <a:pos x="T0" y="T1"/>
                </a:cxn>
                <a:cxn ang="T45">
                  <a:pos x="T2" y="T3"/>
                </a:cxn>
                <a:cxn ang="T46">
                  <a:pos x="T4" y="T5"/>
                </a:cxn>
                <a:cxn ang="T47">
                  <a:pos x="T6" y="T7"/>
                </a:cxn>
                <a:cxn ang="T48">
                  <a:pos x="T8" y="T9"/>
                </a:cxn>
                <a:cxn ang="T49">
                  <a:pos x="T10" y="T11"/>
                </a:cxn>
                <a:cxn ang="T50">
                  <a:pos x="T12" y="T13"/>
                </a:cxn>
                <a:cxn ang="T51">
                  <a:pos x="T14" y="T15"/>
                </a:cxn>
                <a:cxn ang="T52">
                  <a:pos x="T16" y="T17"/>
                </a:cxn>
                <a:cxn ang="T53">
                  <a:pos x="T18" y="T19"/>
                </a:cxn>
                <a:cxn ang="T54">
                  <a:pos x="T20" y="T21"/>
                </a:cxn>
                <a:cxn ang="T55">
                  <a:pos x="T22" y="T23"/>
                </a:cxn>
                <a:cxn ang="T56">
                  <a:pos x="T24" y="T25"/>
                </a:cxn>
                <a:cxn ang="T57">
                  <a:pos x="T26" y="T27"/>
                </a:cxn>
                <a:cxn ang="T58">
                  <a:pos x="T28" y="T29"/>
                </a:cxn>
                <a:cxn ang="T59">
                  <a:pos x="T30" y="T31"/>
                </a:cxn>
                <a:cxn ang="T60">
                  <a:pos x="T32" y="T33"/>
                </a:cxn>
                <a:cxn ang="T61">
                  <a:pos x="T34" y="T35"/>
                </a:cxn>
                <a:cxn ang="T62">
                  <a:pos x="T36" y="T37"/>
                </a:cxn>
                <a:cxn ang="T63">
                  <a:pos x="T38" y="T39"/>
                </a:cxn>
                <a:cxn ang="T64">
                  <a:pos x="T40" y="T41"/>
                </a:cxn>
                <a:cxn ang="T65">
                  <a:pos x="T42" y="T43"/>
                </a:cxn>
              </a:cxnLst>
              <a:rect l="0" t="0" r="r" b="b"/>
              <a:pathLst>
                <a:path w="38" h="54">
                  <a:moveTo>
                    <a:pt x="16" y="22"/>
                  </a:moveTo>
                  <a:lnTo>
                    <a:pt x="10" y="18"/>
                  </a:lnTo>
                  <a:lnTo>
                    <a:pt x="4" y="14"/>
                  </a:lnTo>
                  <a:lnTo>
                    <a:pt x="0" y="6"/>
                  </a:lnTo>
                  <a:lnTo>
                    <a:pt x="6" y="2"/>
                  </a:lnTo>
                  <a:lnTo>
                    <a:pt x="12" y="0"/>
                  </a:lnTo>
                  <a:lnTo>
                    <a:pt x="22" y="0"/>
                  </a:lnTo>
                  <a:lnTo>
                    <a:pt x="32" y="4"/>
                  </a:lnTo>
                  <a:lnTo>
                    <a:pt x="36" y="12"/>
                  </a:lnTo>
                  <a:lnTo>
                    <a:pt x="36" y="18"/>
                  </a:lnTo>
                  <a:lnTo>
                    <a:pt x="38" y="26"/>
                  </a:lnTo>
                  <a:lnTo>
                    <a:pt x="38" y="30"/>
                  </a:lnTo>
                  <a:lnTo>
                    <a:pt x="36" y="38"/>
                  </a:lnTo>
                  <a:lnTo>
                    <a:pt x="34" y="46"/>
                  </a:lnTo>
                  <a:lnTo>
                    <a:pt x="32" y="52"/>
                  </a:lnTo>
                  <a:lnTo>
                    <a:pt x="24" y="54"/>
                  </a:lnTo>
                  <a:lnTo>
                    <a:pt x="18" y="52"/>
                  </a:lnTo>
                  <a:lnTo>
                    <a:pt x="10" y="46"/>
                  </a:lnTo>
                  <a:lnTo>
                    <a:pt x="16" y="38"/>
                  </a:lnTo>
                  <a:lnTo>
                    <a:pt x="20" y="34"/>
                  </a:lnTo>
                  <a:lnTo>
                    <a:pt x="22" y="26"/>
                  </a:lnTo>
                  <a:lnTo>
                    <a:pt x="16" y="22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203" name="Freeform 47"/>
            <p:cNvSpPr>
              <a:spLocks/>
            </p:cNvSpPr>
            <p:nvPr/>
          </p:nvSpPr>
          <p:spPr bwMode="auto">
            <a:xfrm>
              <a:off x="4637" y="3681"/>
              <a:ext cx="27" cy="23"/>
            </a:xfrm>
            <a:custGeom>
              <a:avLst/>
              <a:gdLst>
                <a:gd name="T0" fmla="*/ 12 w 32"/>
                <a:gd name="T1" fmla="*/ 0 h 28"/>
                <a:gd name="T2" fmla="*/ 12 w 32"/>
                <a:gd name="T3" fmla="*/ 2 h 28"/>
                <a:gd name="T4" fmla="*/ 10 w 32"/>
                <a:gd name="T5" fmla="*/ 4 h 28"/>
                <a:gd name="T6" fmla="*/ 7 w 32"/>
                <a:gd name="T7" fmla="*/ 5 h 28"/>
                <a:gd name="T8" fmla="*/ 6 w 32"/>
                <a:gd name="T9" fmla="*/ 7 h 28"/>
                <a:gd name="T10" fmla="*/ 4 w 32"/>
                <a:gd name="T11" fmla="*/ 8 h 28"/>
                <a:gd name="T12" fmla="*/ 2 w 32"/>
                <a:gd name="T13" fmla="*/ 9 h 28"/>
                <a:gd name="T14" fmla="*/ 0 w 32"/>
                <a:gd name="T15" fmla="*/ 7 h 28"/>
                <a:gd name="T16" fmla="*/ 3 w 32"/>
                <a:gd name="T17" fmla="*/ 5 h 28"/>
                <a:gd name="T18" fmla="*/ 3 w 32"/>
                <a:gd name="T19" fmla="*/ 3 h 28"/>
                <a:gd name="T20" fmla="*/ 6 w 32"/>
                <a:gd name="T21" fmla="*/ 2 h 28"/>
                <a:gd name="T22" fmla="*/ 8 w 32"/>
                <a:gd name="T23" fmla="*/ 2 h 28"/>
                <a:gd name="T24" fmla="*/ 10 w 32"/>
                <a:gd name="T25" fmla="*/ 0 h 28"/>
                <a:gd name="T26" fmla="*/ 12 w 32"/>
                <a:gd name="T27" fmla="*/ 0 h 28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0" t="0" r="r" b="b"/>
              <a:pathLst>
                <a:path w="32" h="28">
                  <a:moveTo>
                    <a:pt x="32" y="0"/>
                  </a:moveTo>
                  <a:lnTo>
                    <a:pt x="32" y="8"/>
                  </a:lnTo>
                  <a:lnTo>
                    <a:pt x="28" y="12"/>
                  </a:lnTo>
                  <a:lnTo>
                    <a:pt x="18" y="16"/>
                  </a:lnTo>
                  <a:lnTo>
                    <a:pt x="16" y="22"/>
                  </a:lnTo>
                  <a:lnTo>
                    <a:pt x="12" y="26"/>
                  </a:lnTo>
                  <a:lnTo>
                    <a:pt x="2" y="28"/>
                  </a:lnTo>
                  <a:lnTo>
                    <a:pt x="0" y="22"/>
                  </a:lnTo>
                  <a:lnTo>
                    <a:pt x="4" y="16"/>
                  </a:lnTo>
                  <a:lnTo>
                    <a:pt x="8" y="10"/>
                  </a:lnTo>
                  <a:lnTo>
                    <a:pt x="16" y="8"/>
                  </a:lnTo>
                  <a:lnTo>
                    <a:pt x="22" y="6"/>
                  </a:lnTo>
                  <a:lnTo>
                    <a:pt x="26" y="0"/>
                  </a:lnTo>
                  <a:lnTo>
                    <a:pt x="32" y="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204" name="Freeform 48"/>
            <p:cNvSpPr>
              <a:spLocks/>
            </p:cNvSpPr>
            <p:nvPr/>
          </p:nvSpPr>
          <p:spPr bwMode="auto">
            <a:xfrm>
              <a:off x="4553" y="3420"/>
              <a:ext cx="23" cy="18"/>
            </a:xfrm>
            <a:custGeom>
              <a:avLst/>
              <a:gdLst>
                <a:gd name="T0" fmla="*/ 9 w 28"/>
                <a:gd name="T1" fmla="*/ 2 h 22"/>
                <a:gd name="T2" fmla="*/ 7 w 28"/>
                <a:gd name="T3" fmla="*/ 4 h 22"/>
                <a:gd name="T4" fmla="*/ 5 w 28"/>
                <a:gd name="T5" fmla="*/ 7 h 22"/>
                <a:gd name="T6" fmla="*/ 2 w 28"/>
                <a:gd name="T7" fmla="*/ 7 h 22"/>
                <a:gd name="T8" fmla="*/ 0 w 28"/>
                <a:gd name="T9" fmla="*/ 6 h 22"/>
                <a:gd name="T10" fmla="*/ 2 w 28"/>
                <a:gd name="T11" fmla="*/ 3 h 22"/>
                <a:gd name="T12" fmla="*/ 3 w 28"/>
                <a:gd name="T13" fmla="*/ 2 h 22"/>
                <a:gd name="T14" fmla="*/ 6 w 28"/>
                <a:gd name="T15" fmla="*/ 2 h 22"/>
                <a:gd name="T16" fmla="*/ 7 w 28"/>
                <a:gd name="T17" fmla="*/ 0 h 22"/>
                <a:gd name="T18" fmla="*/ 8 w 28"/>
                <a:gd name="T19" fmla="*/ 0 h 22"/>
                <a:gd name="T20" fmla="*/ 9 w 28"/>
                <a:gd name="T21" fmla="*/ 2 h 22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28" h="22">
                  <a:moveTo>
                    <a:pt x="28" y="4"/>
                  </a:moveTo>
                  <a:lnTo>
                    <a:pt x="24" y="14"/>
                  </a:lnTo>
                  <a:lnTo>
                    <a:pt x="14" y="22"/>
                  </a:lnTo>
                  <a:lnTo>
                    <a:pt x="4" y="22"/>
                  </a:lnTo>
                  <a:lnTo>
                    <a:pt x="0" y="20"/>
                  </a:lnTo>
                  <a:lnTo>
                    <a:pt x="2" y="10"/>
                  </a:lnTo>
                  <a:lnTo>
                    <a:pt x="10" y="4"/>
                  </a:lnTo>
                  <a:lnTo>
                    <a:pt x="18" y="2"/>
                  </a:lnTo>
                  <a:lnTo>
                    <a:pt x="22" y="0"/>
                  </a:lnTo>
                  <a:lnTo>
                    <a:pt x="26" y="0"/>
                  </a:lnTo>
                  <a:lnTo>
                    <a:pt x="28" y="4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205" name="Freeform 49"/>
            <p:cNvSpPr>
              <a:spLocks/>
            </p:cNvSpPr>
            <p:nvPr/>
          </p:nvSpPr>
          <p:spPr bwMode="auto">
            <a:xfrm>
              <a:off x="4682" y="3653"/>
              <a:ext cx="42" cy="22"/>
            </a:xfrm>
            <a:custGeom>
              <a:avLst/>
              <a:gdLst>
                <a:gd name="T0" fmla="*/ 2 w 52"/>
                <a:gd name="T1" fmla="*/ 4 h 26"/>
                <a:gd name="T2" fmla="*/ 2 w 52"/>
                <a:gd name="T3" fmla="*/ 3 h 26"/>
                <a:gd name="T4" fmla="*/ 5 w 52"/>
                <a:gd name="T5" fmla="*/ 3 h 26"/>
                <a:gd name="T6" fmla="*/ 6 w 52"/>
                <a:gd name="T7" fmla="*/ 3 h 26"/>
                <a:gd name="T8" fmla="*/ 8 w 52"/>
                <a:gd name="T9" fmla="*/ 3 h 26"/>
                <a:gd name="T10" fmla="*/ 10 w 52"/>
                <a:gd name="T11" fmla="*/ 2 h 26"/>
                <a:gd name="T12" fmla="*/ 11 w 52"/>
                <a:gd name="T13" fmla="*/ 0 h 26"/>
                <a:gd name="T14" fmla="*/ 14 w 52"/>
                <a:gd name="T15" fmla="*/ 0 h 26"/>
                <a:gd name="T16" fmla="*/ 15 w 52"/>
                <a:gd name="T17" fmla="*/ 3 h 26"/>
                <a:gd name="T18" fmla="*/ 12 w 52"/>
                <a:gd name="T19" fmla="*/ 5 h 26"/>
                <a:gd name="T20" fmla="*/ 12 w 52"/>
                <a:gd name="T21" fmla="*/ 5 h 26"/>
                <a:gd name="T22" fmla="*/ 10 w 52"/>
                <a:gd name="T23" fmla="*/ 8 h 26"/>
                <a:gd name="T24" fmla="*/ 8 w 52"/>
                <a:gd name="T25" fmla="*/ 8 h 26"/>
                <a:gd name="T26" fmla="*/ 6 w 52"/>
                <a:gd name="T27" fmla="*/ 7 h 26"/>
                <a:gd name="T28" fmla="*/ 4 w 52"/>
                <a:gd name="T29" fmla="*/ 7 h 26"/>
                <a:gd name="T30" fmla="*/ 3 w 52"/>
                <a:gd name="T31" fmla="*/ 10 h 26"/>
                <a:gd name="T32" fmla="*/ 0 w 52"/>
                <a:gd name="T33" fmla="*/ 7 h 26"/>
                <a:gd name="T34" fmla="*/ 2 w 52"/>
                <a:gd name="T35" fmla="*/ 4 h 2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0" t="0" r="r" b="b"/>
              <a:pathLst>
                <a:path w="52" h="26">
                  <a:moveTo>
                    <a:pt x="6" y="12"/>
                  </a:moveTo>
                  <a:lnTo>
                    <a:pt x="10" y="8"/>
                  </a:lnTo>
                  <a:lnTo>
                    <a:pt x="16" y="4"/>
                  </a:lnTo>
                  <a:lnTo>
                    <a:pt x="22" y="4"/>
                  </a:lnTo>
                  <a:lnTo>
                    <a:pt x="28" y="4"/>
                  </a:lnTo>
                  <a:lnTo>
                    <a:pt x="34" y="2"/>
                  </a:lnTo>
                  <a:lnTo>
                    <a:pt x="38" y="0"/>
                  </a:lnTo>
                  <a:lnTo>
                    <a:pt x="48" y="0"/>
                  </a:lnTo>
                  <a:lnTo>
                    <a:pt x="52" y="4"/>
                  </a:lnTo>
                  <a:lnTo>
                    <a:pt x="46" y="14"/>
                  </a:lnTo>
                  <a:lnTo>
                    <a:pt x="42" y="14"/>
                  </a:lnTo>
                  <a:lnTo>
                    <a:pt x="36" y="24"/>
                  </a:lnTo>
                  <a:lnTo>
                    <a:pt x="28" y="22"/>
                  </a:lnTo>
                  <a:lnTo>
                    <a:pt x="20" y="20"/>
                  </a:lnTo>
                  <a:lnTo>
                    <a:pt x="14" y="20"/>
                  </a:lnTo>
                  <a:lnTo>
                    <a:pt x="12" y="26"/>
                  </a:lnTo>
                  <a:lnTo>
                    <a:pt x="0" y="20"/>
                  </a:lnTo>
                  <a:lnTo>
                    <a:pt x="6" y="12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206" name="Freeform 50"/>
            <p:cNvSpPr>
              <a:spLocks/>
            </p:cNvSpPr>
            <p:nvPr/>
          </p:nvSpPr>
          <p:spPr bwMode="auto">
            <a:xfrm>
              <a:off x="4589" y="3502"/>
              <a:ext cx="68" cy="42"/>
            </a:xfrm>
            <a:custGeom>
              <a:avLst/>
              <a:gdLst>
                <a:gd name="T0" fmla="*/ 6 w 84"/>
                <a:gd name="T1" fmla="*/ 12 h 52"/>
                <a:gd name="T2" fmla="*/ 2 w 84"/>
                <a:gd name="T3" fmla="*/ 11 h 52"/>
                <a:gd name="T4" fmla="*/ 0 w 84"/>
                <a:gd name="T5" fmla="*/ 10 h 52"/>
                <a:gd name="T6" fmla="*/ 2 w 84"/>
                <a:gd name="T7" fmla="*/ 6 h 52"/>
                <a:gd name="T8" fmla="*/ 2 w 84"/>
                <a:gd name="T9" fmla="*/ 6 h 52"/>
                <a:gd name="T10" fmla="*/ 6 w 84"/>
                <a:gd name="T11" fmla="*/ 5 h 52"/>
                <a:gd name="T12" fmla="*/ 7 w 84"/>
                <a:gd name="T13" fmla="*/ 2 h 52"/>
                <a:gd name="T14" fmla="*/ 8 w 84"/>
                <a:gd name="T15" fmla="*/ 2 h 52"/>
                <a:gd name="T16" fmla="*/ 9 w 84"/>
                <a:gd name="T17" fmla="*/ 2 h 52"/>
                <a:gd name="T18" fmla="*/ 11 w 84"/>
                <a:gd name="T19" fmla="*/ 0 h 52"/>
                <a:gd name="T20" fmla="*/ 12 w 84"/>
                <a:gd name="T21" fmla="*/ 0 h 52"/>
                <a:gd name="T22" fmla="*/ 15 w 84"/>
                <a:gd name="T23" fmla="*/ 3 h 52"/>
                <a:gd name="T24" fmla="*/ 19 w 84"/>
                <a:gd name="T25" fmla="*/ 6 h 52"/>
                <a:gd name="T26" fmla="*/ 21 w 84"/>
                <a:gd name="T27" fmla="*/ 8 h 52"/>
                <a:gd name="T28" fmla="*/ 23 w 84"/>
                <a:gd name="T29" fmla="*/ 10 h 52"/>
                <a:gd name="T30" fmla="*/ 22 w 84"/>
                <a:gd name="T31" fmla="*/ 12 h 52"/>
                <a:gd name="T32" fmla="*/ 19 w 84"/>
                <a:gd name="T33" fmla="*/ 15 h 52"/>
                <a:gd name="T34" fmla="*/ 15 w 84"/>
                <a:gd name="T35" fmla="*/ 14 h 52"/>
                <a:gd name="T36" fmla="*/ 12 w 84"/>
                <a:gd name="T37" fmla="*/ 14 h 52"/>
                <a:gd name="T38" fmla="*/ 11 w 84"/>
                <a:gd name="T39" fmla="*/ 14 h 52"/>
                <a:gd name="T40" fmla="*/ 8 w 84"/>
                <a:gd name="T41" fmla="*/ 12 h 52"/>
                <a:gd name="T42" fmla="*/ 10 w 84"/>
                <a:gd name="T43" fmla="*/ 11 h 52"/>
                <a:gd name="T44" fmla="*/ 11 w 84"/>
                <a:gd name="T45" fmla="*/ 10 h 52"/>
                <a:gd name="T46" fmla="*/ 12 w 84"/>
                <a:gd name="T47" fmla="*/ 8 h 52"/>
                <a:gd name="T48" fmla="*/ 10 w 84"/>
                <a:gd name="T49" fmla="*/ 7 h 52"/>
                <a:gd name="T50" fmla="*/ 8 w 84"/>
                <a:gd name="T51" fmla="*/ 8 h 52"/>
                <a:gd name="T52" fmla="*/ 8 w 84"/>
                <a:gd name="T53" fmla="*/ 10 h 52"/>
                <a:gd name="T54" fmla="*/ 8 w 84"/>
                <a:gd name="T55" fmla="*/ 12 h 52"/>
                <a:gd name="T56" fmla="*/ 6 w 84"/>
                <a:gd name="T57" fmla="*/ 12 h 52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0" t="0" r="r" b="b"/>
              <a:pathLst>
                <a:path w="84" h="52">
                  <a:moveTo>
                    <a:pt x="22" y="42"/>
                  </a:moveTo>
                  <a:lnTo>
                    <a:pt x="8" y="40"/>
                  </a:lnTo>
                  <a:lnTo>
                    <a:pt x="0" y="34"/>
                  </a:lnTo>
                  <a:lnTo>
                    <a:pt x="2" y="24"/>
                  </a:lnTo>
                  <a:lnTo>
                    <a:pt x="10" y="20"/>
                  </a:lnTo>
                  <a:lnTo>
                    <a:pt x="22" y="16"/>
                  </a:lnTo>
                  <a:lnTo>
                    <a:pt x="26" y="8"/>
                  </a:lnTo>
                  <a:lnTo>
                    <a:pt x="28" y="6"/>
                  </a:lnTo>
                  <a:lnTo>
                    <a:pt x="32" y="2"/>
                  </a:lnTo>
                  <a:lnTo>
                    <a:pt x="40" y="0"/>
                  </a:lnTo>
                  <a:lnTo>
                    <a:pt x="46" y="0"/>
                  </a:lnTo>
                  <a:lnTo>
                    <a:pt x="56" y="12"/>
                  </a:lnTo>
                  <a:lnTo>
                    <a:pt x="64" y="22"/>
                  </a:lnTo>
                  <a:lnTo>
                    <a:pt x="76" y="28"/>
                  </a:lnTo>
                  <a:lnTo>
                    <a:pt x="84" y="36"/>
                  </a:lnTo>
                  <a:lnTo>
                    <a:pt x="78" y="46"/>
                  </a:lnTo>
                  <a:lnTo>
                    <a:pt x="64" y="52"/>
                  </a:lnTo>
                  <a:lnTo>
                    <a:pt x="56" y="48"/>
                  </a:lnTo>
                  <a:lnTo>
                    <a:pt x="46" y="50"/>
                  </a:lnTo>
                  <a:lnTo>
                    <a:pt x="38" y="50"/>
                  </a:lnTo>
                  <a:lnTo>
                    <a:pt x="30" y="46"/>
                  </a:lnTo>
                  <a:lnTo>
                    <a:pt x="36" y="40"/>
                  </a:lnTo>
                  <a:lnTo>
                    <a:pt x="40" y="34"/>
                  </a:lnTo>
                  <a:lnTo>
                    <a:pt x="44" y="28"/>
                  </a:lnTo>
                  <a:lnTo>
                    <a:pt x="36" y="26"/>
                  </a:lnTo>
                  <a:lnTo>
                    <a:pt x="30" y="30"/>
                  </a:lnTo>
                  <a:lnTo>
                    <a:pt x="28" y="36"/>
                  </a:lnTo>
                  <a:lnTo>
                    <a:pt x="28" y="42"/>
                  </a:lnTo>
                  <a:lnTo>
                    <a:pt x="22" y="42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207" name="Freeform 51"/>
            <p:cNvSpPr>
              <a:spLocks/>
            </p:cNvSpPr>
            <p:nvPr/>
          </p:nvSpPr>
          <p:spPr bwMode="auto">
            <a:xfrm>
              <a:off x="4688" y="3342"/>
              <a:ext cx="15" cy="11"/>
            </a:xfrm>
            <a:custGeom>
              <a:avLst/>
              <a:gdLst>
                <a:gd name="T0" fmla="*/ 3 w 18"/>
                <a:gd name="T1" fmla="*/ 2 h 14"/>
                <a:gd name="T2" fmla="*/ 5 w 18"/>
                <a:gd name="T3" fmla="*/ 0 h 14"/>
                <a:gd name="T4" fmla="*/ 7 w 18"/>
                <a:gd name="T5" fmla="*/ 2 h 14"/>
                <a:gd name="T6" fmla="*/ 7 w 18"/>
                <a:gd name="T7" fmla="*/ 2 h 14"/>
                <a:gd name="T8" fmla="*/ 4 w 18"/>
                <a:gd name="T9" fmla="*/ 4 h 14"/>
                <a:gd name="T10" fmla="*/ 3 w 18"/>
                <a:gd name="T11" fmla="*/ 4 h 14"/>
                <a:gd name="T12" fmla="*/ 0 w 18"/>
                <a:gd name="T13" fmla="*/ 2 h 14"/>
                <a:gd name="T14" fmla="*/ 2 w 18"/>
                <a:gd name="T15" fmla="*/ 2 h 14"/>
                <a:gd name="T16" fmla="*/ 3 w 18"/>
                <a:gd name="T17" fmla="*/ 2 h 14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18" h="14">
                  <a:moveTo>
                    <a:pt x="4" y="2"/>
                  </a:moveTo>
                  <a:lnTo>
                    <a:pt x="14" y="0"/>
                  </a:lnTo>
                  <a:lnTo>
                    <a:pt x="18" y="2"/>
                  </a:lnTo>
                  <a:lnTo>
                    <a:pt x="18" y="8"/>
                  </a:lnTo>
                  <a:lnTo>
                    <a:pt x="12" y="14"/>
                  </a:lnTo>
                  <a:lnTo>
                    <a:pt x="6" y="14"/>
                  </a:lnTo>
                  <a:lnTo>
                    <a:pt x="0" y="10"/>
                  </a:lnTo>
                  <a:lnTo>
                    <a:pt x="2" y="4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30087" name="Freeform 52"/>
          <p:cNvSpPr>
            <a:spLocks/>
          </p:cNvSpPr>
          <p:nvPr/>
        </p:nvSpPr>
        <p:spPr bwMode="auto">
          <a:xfrm>
            <a:off x="6989763" y="6154738"/>
            <a:ext cx="28575" cy="38100"/>
          </a:xfrm>
          <a:custGeom>
            <a:avLst/>
            <a:gdLst>
              <a:gd name="T0" fmla="*/ 0 w 22"/>
              <a:gd name="T1" fmla="*/ 2147483647 h 30"/>
              <a:gd name="T2" fmla="*/ 2147483647 w 22"/>
              <a:gd name="T3" fmla="*/ 0 h 30"/>
              <a:gd name="T4" fmla="*/ 2147483647 w 22"/>
              <a:gd name="T5" fmla="*/ 2147483647 h 30"/>
              <a:gd name="T6" fmla="*/ 2147483647 w 22"/>
              <a:gd name="T7" fmla="*/ 2147483647 h 30"/>
              <a:gd name="T8" fmla="*/ 2147483647 w 22"/>
              <a:gd name="T9" fmla="*/ 2147483647 h 30"/>
              <a:gd name="T10" fmla="*/ 2147483647 w 22"/>
              <a:gd name="T11" fmla="*/ 2147483647 h 30"/>
              <a:gd name="T12" fmla="*/ 2147483647 w 22"/>
              <a:gd name="T13" fmla="*/ 2147483647 h 30"/>
              <a:gd name="T14" fmla="*/ 2147483647 w 22"/>
              <a:gd name="T15" fmla="*/ 2147483647 h 30"/>
              <a:gd name="T16" fmla="*/ 2147483647 w 22"/>
              <a:gd name="T17" fmla="*/ 2147483647 h 30"/>
              <a:gd name="T18" fmla="*/ 2147483647 w 22"/>
              <a:gd name="T19" fmla="*/ 2147483647 h 30"/>
              <a:gd name="T20" fmla="*/ 0 w 22"/>
              <a:gd name="T21" fmla="*/ 2147483647 h 30"/>
              <a:gd name="T22" fmla="*/ 0 w 22"/>
              <a:gd name="T23" fmla="*/ 2147483647 h 30"/>
              <a:gd name="T24" fmla="*/ 0 w 22"/>
              <a:gd name="T25" fmla="*/ 2147483647 h 30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22" h="30">
                <a:moveTo>
                  <a:pt x="0" y="4"/>
                </a:moveTo>
                <a:lnTo>
                  <a:pt x="6" y="0"/>
                </a:lnTo>
                <a:lnTo>
                  <a:pt x="10" y="6"/>
                </a:lnTo>
                <a:lnTo>
                  <a:pt x="12" y="8"/>
                </a:lnTo>
                <a:lnTo>
                  <a:pt x="14" y="12"/>
                </a:lnTo>
                <a:lnTo>
                  <a:pt x="22" y="12"/>
                </a:lnTo>
                <a:lnTo>
                  <a:pt x="22" y="20"/>
                </a:lnTo>
                <a:lnTo>
                  <a:pt x="18" y="26"/>
                </a:lnTo>
                <a:lnTo>
                  <a:pt x="10" y="30"/>
                </a:lnTo>
                <a:lnTo>
                  <a:pt x="4" y="24"/>
                </a:lnTo>
                <a:lnTo>
                  <a:pt x="0" y="14"/>
                </a:lnTo>
                <a:lnTo>
                  <a:pt x="0" y="8"/>
                </a:lnTo>
                <a:lnTo>
                  <a:pt x="0" y="4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88" name="Freeform 53"/>
          <p:cNvSpPr>
            <a:spLocks/>
          </p:cNvSpPr>
          <p:nvPr/>
        </p:nvSpPr>
        <p:spPr bwMode="auto">
          <a:xfrm>
            <a:off x="7172325" y="6035675"/>
            <a:ext cx="31750" cy="36513"/>
          </a:xfrm>
          <a:custGeom>
            <a:avLst/>
            <a:gdLst>
              <a:gd name="T0" fmla="*/ 2147483647 w 24"/>
              <a:gd name="T1" fmla="*/ 0 h 28"/>
              <a:gd name="T2" fmla="*/ 2147483647 w 24"/>
              <a:gd name="T3" fmla="*/ 2147483647 h 28"/>
              <a:gd name="T4" fmla="*/ 2147483647 w 24"/>
              <a:gd name="T5" fmla="*/ 2147483647 h 28"/>
              <a:gd name="T6" fmla="*/ 2147483647 w 24"/>
              <a:gd name="T7" fmla="*/ 2147483647 h 28"/>
              <a:gd name="T8" fmla="*/ 2147483647 w 24"/>
              <a:gd name="T9" fmla="*/ 2147483647 h 28"/>
              <a:gd name="T10" fmla="*/ 0 w 24"/>
              <a:gd name="T11" fmla="*/ 2147483647 h 28"/>
              <a:gd name="T12" fmla="*/ 2147483647 w 24"/>
              <a:gd name="T13" fmla="*/ 2147483647 h 28"/>
              <a:gd name="T14" fmla="*/ 2147483647 w 24"/>
              <a:gd name="T15" fmla="*/ 2147483647 h 28"/>
              <a:gd name="T16" fmla="*/ 2147483647 w 24"/>
              <a:gd name="T17" fmla="*/ 2147483647 h 28"/>
              <a:gd name="T18" fmla="*/ 2147483647 w 24"/>
              <a:gd name="T19" fmla="*/ 0 h 28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24" h="28">
                <a:moveTo>
                  <a:pt x="20" y="0"/>
                </a:moveTo>
                <a:lnTo>
                  <a:pt x="24" y="4"/>
                </a:lnTo>
                <a:lnTo>
                  <a:pt x="24" y="14"/>
                </a:lnTo>
                <a:lnTo>
                  <a:pt x="18" y="24"/>
                </a:lnTo>
                <a:lnTo>
                  <a:pt x="4" y="28"/>
                </a:lnTo>
                <a:lnTo>
                  <a:pt x="0" y="22"/>
                </a:lnTo>
                <a:lnTo>
                  <a:pt x="4" y="14"/>
                </a:lnTo>
                <a:lnTo>
                  <a:pt x="12" y="12"/>
                </a:lnTo>
                <a:lnTo>
                  <a:pt x="16" y="6"/>
                </a:lnTo>
                <a:lnTo>
                  <a:pt x="20" y="0"/>
                </a:lnTo>
                <a:close/>
              </a:path>
            </a:pathLst>
          </a:custGeom>
          <a:solidFill>
            <a:srgbClr val="E6E65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89" name="Freeform 54"/>
          <p:cNvSpPr>
            <a:spLocks/>
          </p:cNvSpPr>
          <p:nvPr/>
        </p:nvSpPr>
        <p:spPr bwMode="auto">
          <a:xfrm>
            <a:off x="7061200" y="5370513"/>
            <a:ext cx="36513" cy="33337"/>
          </a:xfrm>
          <a:custGeom>
            <a:avLst/>
            <a:gdLst>
              <a:gd name="T0" fmla="*/ 2147483647 w 28"/>
              <a:gd name="T1" fmla="*/ 2147483647 h 26"/>
              <a:gd name="T2" fmla="*/ 2147483647 w 28"/>
              <a:gd name="T3" fmla="*/ 2147483647 h 26"/>
              <a:gd name="T4" fmla="*/ 2147483647 w 28"/>
              <a:gd name="T5" fmla="*/ 2147483647 h 26"/>
              <a:gd name="T6" fmla="*/ 2147483647 w 28"/>
              <a:gd name="T7" fmla="*/ 2147483647 h 26"/>
              <a:gd name="T8" fmla="*/ 0 w 28"/>
              <a:gd name="T9" fmla="*/ 2147483647 h 26"/>
              <a:gd name="T10" fmla="*/ 2147483647 w 28"/>
              <a:gd name="T11" fmla="*/ 2147483647 h 26"/>
              <a:gd name="T12" fmla="*/ 2147483647 w 28"/>
              <a:gd name="T13" fmla="*/ 0 h 26"/>
              <a:gd name="T14" fmla="*/ 2147483647 w 28"/>
              <a:gd name="T15" fmla="*/ 0 h 26"/>
              <a:gd name="T16" fmla="*/ 2147483647 w 28"/>
              <a:gd name="T17" fmla="*/ 2147483647 h 2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28" h="26">
                <a:moveTo>
                  <a:pt x="22" y="4"/>
                </a:moveTo>
                <a:lnTo>
                  <a:pt x="28" y="12"/>
                </a:lnTo>
                <a:lnTo>
                  <a:pt x="22" y="26"/>
                </a:lnTo>
                <a:lnTo>
                  <a:pt x="8" y="24"/>
                </a:lnTo>
                <a:lnTo>
                  <a:pt x="0" y="16"/>
                </a:lnTo>
                <a:lnTo>
                  <a:pt x="2" y="6"/>
                </a:lnTo>
                <a:lnTo>
                  <a:pt x="6" y="0"/>
                </a:lnTo>
                <a:lnTo>
                  <a:pt x="14" y="0"/>
                </a:lnTo>
                <a:lnTo>
                  <a:pt x="22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90" name="Freeform 55" descr="90%"/>
          <p:cNvSpPr>
            <a:spLocks/>
          </p:cNvSpPr>
          <p:nvPr/>
        </p:nvSpPr>
        <p:spPr bwMode="auto">
          <a:xfrm>
            <a:off x="6227763" y="2792413"/>
            <a:ext cx="558800" cy="442912"/>
          </a:xfrm>
          <a:custGeom>
            <a:avLst/>
            <a:gdLst>
              <a:gd name="T0" fmla="*/ 2147483647 w 432"/>
              <a:gd name="T1" fmla="*/ 2147483647 h 342"/>
              <a:gd name="T2" fmla="*/ 2147483647 w 432"/>
              <a:gd name="T3" fmla="*/ 2147483647 h 342"/>
              <a:gd name="T4" fmla="*/ 0 w 432"/>
              <a:gd name="T5" fmla="*/ 2147483647 h 342"/>
              <a:gd name="T6" fmla="*/ 2147483647 w 432"/>
              <a:gd name="T7" fmla="*/ 2147483647 h 342"/>
              <a:gd name="T8" fmla="*/ 2147483647 w 432"/>
              <a:gd name="T9" fmla="*/ 2147483647 h 342"/>
              <a:gd name="T10" fmla="*/ 2147483647 w 432"/>
              <a:gd name="T11" fmla="*/ 2147483647 h 342"/>
              <a:gd name="T12" fmla="*/ 2147483647 w 432"/>
              <a:gd name="T13" fmla="*/ 2147483647 h 342"/>
              <a:gd name="T14" fmla="*/ 2147483647 w 432"/>
              <a:gd name="T15" fmla="*/ 2147483647 h 342"/>
              <a:gd name="T16" fmla="*/ 2147483647 w 432"/>
              <a:gd name="T17" fmla="*/ 2147483647 h 342"/>
              <a:gd name="T18" fmla="*/ 2147483647 w 432"/>
              <a:gd name="T19" fmla="*/ 2147483647 h 342"/>
              <a:gd name="T20" fmla="*/ 2147483647 w 432"/>
              <a:gd name="T21" fmla="*/ 2147483647 h 342"/>
              <a:gd name="T22" fmla="*/ 2147483647 w 432"/>
              <a:gd name="T23" fmla="*/ 2147483647 h 342"/>
              <a:gd name="T24" fmla="*/ 2147483647 w 432"/>
              <a:gd name="T25" fmla="*/ 2147483647 h 342"/>
              <a:gd name="T26" fmla="*/ 2147483647 w 432"/>
              <a:gd name="T27" fmla="*/ 2147483647 h 342"/>
              <a:gd name="T28" fmla="*/ 2147483647 w 432"/>
              <a:gd name="T29" fmla="*/ 2147483647 h 342"/>
              <a:gd name="T30" fmla="*/ 2147483647 w 432"/>
              <a:gd name="T31" fmla="*/ 2147483647 h 342"/>
              <a:gd name="T32" fmla="*/ 2147483647 w 432"/>
              <a:gd name="T33" fmla="*/ 2147483647 h 342"/>
              <a:gd name="T34" fmla="*/ 2147483647 w 432"/>
              <a:gd name="T35" fmla="*/ 2147483647 h 342"/>
              <a:gd name="T36" fmla="*/ 2147483647 w 432"/>
              <a:gd name="T37" fmla="*/ 2147483647 h 342"/>
              <a:gd name="T38" fmla="*/ 2147483647 w 432"/>
              <a:gd name="T39" fmla="*/ 2147483647 h 342"/>
              <a:gd name="T40" fmla="*/ 2147483647 w 432"/>
              <a:gd name="T41" fmla="*/ 2147483647 h 342"/>
              <a:gd name="T42" fmla="*/ 2147483647 w 432"/>
              <a:gd name="T43" fmla="*/ 2147483647 h 342"/>
              <a:gd name="T44" fmla="*/ 2147483647 w 432"/>
              <a:gd name="T45" fmla="*/ 2147483647 h 342"/>
              <a:gd name="T46" fmla="*/ 2147483647 w 432"/>
              <a:gd name="T47" fmla="*/ 2147483647 h 342"/>
              <a:gd name="T48" fmla="*/ 2147483647 w 432"/>
              <a:gd name="T49" fmla="*/ 2147483647 h 342"/>
              <a:gd name="T50" fmla="*/ 2147483647 w 432"/>
              <a:gd name="T51" fmla="*/ 2147483647 h 342"/>
              <a:gd name="T52" fmla="*/ 2147483647 w 432"/>
              <a:gd name="T53" fmla="*/ 2147483647 h 342"/>
              <a:gd name="T54" fmla="*/ 2147483647 w 432"/>
              <a:gd name="T55" fmla="*/ 2147483647 h 342"/>
              <a:gd name="T56" fmla="*/ 2147483647 w 432"/>
              <a:gd name="T57" fmla="*/ 2147483647 h 342"/>
              <a:gd name="T58" fmla="*/ 2147483647 w 432"/>
              <a:gd name="T59" fmla="*/ 2147483647 h 342"/>
              <a:gd name="T60" fmla="*/ 2147483647 w 432"/>
              <a:gd name="T61" fmla="*/ 2147483647 h 342"/>
              <a:gd name="T62" fmla="*/ 2147483647 w 432"/>
              <a:gd name="T63" fmla="*/ 2147483647 h 342"/>
              <a:gd name="T64" fmla="*/ 2147483647 w 432"/>
              <a:gd name="T65" fmla="*/ 2147483647 h 342"/>
              <a:gd name="T66" fmla="*/ 2147483647 w 432"/>
              <a:gd name="T67" fmla="*/ 2147483647 h 342"/>
              <a:gd name="T68" fmla="*/ 2147483647 w 432"/>
              <a:gd name="T69" fmla="*/ 2147483647 h 342"/>
              <a:gd name="T70" fmla="*/ 2147483647 w 432"/>
              <a:gd name="T71" fmla="*/ 2147483647 h 342"/>
              <a:gd name="T72" fmla="*/ 2147483647 w 432"/>
              <a:gd name="T73" fmla="*/ 2147483647 h 342"/>
              <a:gd name="T74" fmla="*/ 2147483647 w 432"/>
              <a:gd name="T75" fmla="*/ 2147483647 h 342"/>
              <a:gd name="T76" fmla="*/ 2147483647 w 432"/>
              <a:gd name="T77" fmla="*/ 2147483647 h 342"/>
              <a:gd name="T78" fmla="*/ 2147483647 w 432"/>
              <a:gd name="T79" fmla="*/ 2147483647 h 342"/>
              <a:gd name="T80" fmla="*/ 2147483647 w 432"/>
              <a:gd name="T81" fmla="*/ 2147483647 h 342"/>
              <a:gd name="T82" fmla="*/ 2147483647 w 432"/>
              <a:gd name="T83" fmla="*/ 2147483647 h 342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432" h="342">
                <a:moveTo>
                  <a:pt x="34" y="194"/>
                </a:moveTo>
                <a:lnTo>
                  <a:pt x="26" y="170"/>
                </a:lnTo>
                <a:lnTo>
                  <a:pt x="14" y="150"/>
                </a:lnTo>
                <a:lnTo>
                  <a:pt x="2" y="130"/>
                </a:lnTo>
                <a:lnTo>
                  <a:pt x="4" y="104"/>
                </a:lnTo>
                <a:lnTo>
                  <a:pt x="0" y="94"/>
                </a:lnTo>
                <a:lnTo>
                  <a:pt x="4" y="96"/>
                </a:lnTo>
                <a:lnTo>
                  <a:pt x="10" y="92"/>
                </a:lnTo>
                <a:lnTo>
                  <a:pt x="12" y="88"/>
                </a:lnTo>
                <a:lnTo>
                  <a:pt x="16" y="78"/>
                </a:lnTo>
                <a:lnTo>
                  <a:pt x="36" y="62"/>
                </a:lnTo>
                <a:lnTo>
                  <a:pt x="66" y="42"/>
                </a:lnTo>
                <a:lnTo>
                  <a:pt x="92" y="36"/>
                </a:lnTo>
                <a:lnTo>
                  <a:pt x="112" y="42"/>
                </a:lnTo>
                <a:lnTo>
                  <a:pt x="124" y="32"/>
                </a:lnTo>
                <a:lnTo>
                  <a:pt x="134" y="42"/>
                </a:lnTo>
                <a:lnTo>
                  <a:pt x="146" y="42"/>
                </a:lnTo>
                <a:lnTo>
                  <a:pt x="154" y="32"/>
                </a:lnTo>
                <a:lnTo>
                  <a:pt x="168" y="34"/>
                </a:lnTo>
                <a:lnTo>
                  <a:pt x="182" y="24"/>
                </a:lnTo>
                <a:lnTo>
                  <a:pt x="202" y="24"/>
                </a:lnTo>
                <a:lnTo>
                  <a:pt x="208" y="34"/>
                </a:lnTo>
                <a:lnTo>
                  <a:pt x="222" y="32"/>
                </a:lnTo>
                <a:lnTo>
                  <a:pt x="228" y="24"/>
                </a:lnTo>
                <a:lnTo>
                  <a:pt x="238" y="28"/>
                </a:lnTo>
                <a:lnTo>
                  <a:pt x="248" y="12"/>
                </a:lnTo>
                <a:lnTo>
                  <a:pt x="264" y="0"/>
                </a:lnTo>
                <a:lnTo>
                  <a:pt x="272" y="14"/>
                </a:lnTo>
                <a:lnTo>
                  <a:pt x="282" y="24"/>
                </a:lnTo>
                <a:lnTo>
                  <a:pt x="296" y="28"/>
                </a:lnTo>
                <a:lnTo>
                  <a:pt x="318" y="24"/>
                </a:lnTo>
                <a:lnTo>
                  <a:pt x="328" y="28"/>
                </a:lnTo>
                <a:lnTo>
                  <a:pt x="344" y="38"/>
                </a:lnTo>
                <a:lnTo>
                  <a:pt x="360" y="46"/>
                </a:lnTo>
                <a:lnTo>
                  <a:pt x="374" y="60"/>
                </a:lnTo>
                <a:lnTo>
                  <a:pt x="388" y="70"/>
                </a:lnTo>
                <a:lnTo>
                  <a:pt x="406" y="70"/>
                </a:lnTo>
                <a:lnTo>
                  <a:pt x="404" y="112"/>
                </a:lnTo>
                <a:lnTo>
                  <a:pt x="432" y="114"/>
                </a:lnTo>
                <a:lnTo>
                  <a:pt x="422" y="140"/>
                </a:lnTo>
                <a:lnTo>
                  <a:pt x="408" y="136"/>
                </a:lnTo>
                <a:lnTo>
                  <a:pt x="396" y="146"/>
                </a:lnTo>
                <a:lnTo>
                  <a:pt x="398" y="164"/>
                </a:lnTo>
                <a:lnTo>
                  <a:pt x="380" y="172"/>
                </a:lnTo>
                <a:lnTo>
                  <a:pt x="372" y="186"/>
                </a:lnTo>
                <a:lnTo>
                  <a:pt x="370" y="208"/>
                </a:lnTo>
                <a:lnTo>
                  <a:pt x="378" y="222"/>
                </a:lnTo>
                <a:lnTo>
                  <a:pt x="372" y="232"/>
                </a:lnTo>
                <a:lnTo>
                  <a:pt x="370" y="254"/>
                </a:lnTo>
                <a:lnTo>
                  <a:pt x="386" y="256"/>
                </a:lnTo>
                <a:lnTo>
                  <a:pt x="390" y="266"/>
                </a:lnTo>
                <a:lnTo>
                  <a:pt x="386" y="276"/>
                </a:lnTo>
                <a:lnTo>
                  <a:pt x="372" y="280"/>
                </a:lnTo>
                <a:lnTo>
                  <a:pt x="370" y="266"/>
                </a:lnTo>
                <a:lnTo>
                  <a:pt x="362" y="264"/>
                </a:lnTo>
                <a:lnTo>
                  <a:pt x="358" y="270"/>
                </a:lnTo>
                <a:lnTo>
                  <a:pt x="350" y="274"/>
                </a:lnTo>
                <a:lnTo>
                  <a:pt x="336" y="290"/>
                </a:lnTo>
                <a:lnTo>
                  <a:pt x="326" y="290"/>
                </a:lnTo>
                <a:lnTo>
                  <a:pt x="318" y="296"/>
                </a:lnTo>
                <a:lnTo>
                  <a:pt x="326" y="306"/>
                </a:lnTo>
                <a:lnTo>
                  <a:pt x="324" y="314"/>
                </a:lnTo>
                <a:lnTo>
                  <a:pt x="310" y="314"/>
                </a:lnTo>
                <a:lnTo>
                  <a:pt x="292" y="334"/>
                </a:lnTo>
                <a:lnTo>
                  <a:pt x="278" y="324"/>
                </a:lnTo>
                <a:lnTo>
                  <a:pt x="264" y="328"/>
                </a:lnTo>
                <a:lnTo>
                  <a:pt x="238" y="342"/>
                </a:lnTo>
                <a:lnTo>
                  <a:pt x="226" y="342"/>
                </a:lnTo>
                <a:lnTo>
                  <a:pt x="220" y="318"/>
                </a:lnTo>
                <a:lnTo>
                  <a:pt x="206" y="302"/>
                </a:lnTo>
                <a:lnTo>
                  <a:pt x="194" y="300"/>
                </a:lnTo>
                <a:lnTo>
                  <a:pt x="174" y="288"/>
                </a:lnTo>
                <a:lnTo>
                  <a:pt x="164" y="290"/>
                </a:lnTo>
                <a:lnTo>
                  <a:pt x="152" y="280"/>
                </a:lnTo>
                <a:lnTo>
                  <a:pt x="154" y="250"/>
                </a:lnTo>
                <a:lnTo>
                  <a:pt x="160" y="236"/>
                </a:lnTo>
                <a:lnTo>
                  <a:pt x="150" y="226"/>
                </a:lnTo>
                <a:lnTo>
                  <a:pt x="138" y="216"/>
                </a:lnTo>
                <a:lnTo>
                  <a:pt x="130" y="212"/>
                </a:lnTo>
                <a:lnTo>
                  <a:pt x="108" y="212"/>
                </a:lnTo>
                <a:lnTo>
                  <a:pt x="94" y="218"/>
                </a:lnTo>
                <a:lnTo>
                  <a:pt x="68" y="210"/>
                </a:lnTo>
                <a:lnTo>
                  <a:pt x="44" y="200"/>
                </a:lnTo>
                <a:lnTo>
                  <a:pt x="34" y="194"/>
                </a:lnTo>
                <a:close/>
              </a:path>
            </a:pathLst>
          </a:custGeom>
          <a:pattFill prst="pct90">
            <a:fgClr>
              <a:srgbClr val="FF6600"/>
            </a:fgClr>
            <a:bgClr>
              <a:schemeClr val="tx1"/>
            </a:bgClr>
          </a:patt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91" name="Freeform 56"/>
          <p:cNvSpPr>
            <a:spLocks/>
          </p:cNvSpPr>
          <p:nvPr/>
        </p:nvSpPr>
        <p:spPr bwMode="auto">
          <a:xfrm>
            <a:off x="6210300" y="2522538"/>
            <a:ext cx="666750" cy="393700"/>
          </a:xfrm>
          <a:custGeom>
            <a:avLst/>
            <a:gdLst>
              <a:gd name="T0" fmla="*/ 2147483647 w 516"/>
              <a:gd name="T1" fmla="*/ 2147483647 h 304"/>
              <a:gd name="T2" fmla="*/ 2147483647 w 516"/>
              <a:gd name="T3" fmla="*/ 2147483647 h 304"/>
              <a:gd name="T4" fmla="*/ 2147483647 w 516"/>
              <a:gd name="T5" fmla="*/ 2147483647 h 304"/>
              <a:gd name="T6" fmla="*/ 2147483647 w 516"/>
              <a:gd name="T7" fmla="*/ 2147483647 h 304"/>
              <a:gd name="T8" fmla="*/ 2147483647 w 516"/>
              <a:gd name="T9" fmla="*/ 2147483647 h 304"/>
              <a:gd name="T10" fmla="*/ 2147483647 w 516"/>
              <a:gd name="T11" fmla="*/ 2147483647 h 304"/>
              <a:gd name="T12" fmla="*/ 2147483647 w 516"/>
              <a:gd name="T13" fmla="*/ 2147483647 h 304"/>
              <a:gd name="T14" fmla="*/ 2147483647 w 516"/>
              <a:gd name="T15" fmla="*/ 2147483647 h 304"/>
              <a:gd name="T16" fmla="*/ 2147483647 w 516"/>
              <a:gd name="T17" fmla="*/ 2147483647 h 304"/>
              <a:gd name="T18" fmla="*/ 2147483647 w 516"/>
              <a:gd name="T19" fmla="*/ 2147483647 h 304"/>
              <a:gd name="T20" fmla="*/ 2147483647 w 516"/>
              <a:gd name="T21" fmla="*/ 2147483647 h 304"/>
              <a:gd name="T22" fmla="*/ 2147483647 w 516"/>
              <a:gd name="T23" fmla="*/ 0 h 304"/>
              <a:gd name="T24" fmla="*/ 2147483647 w 516"/>
              <a:gd name="T25" fmla="*/ 0 h 304"/>
              <a:gd name="T26" fmla="*/ 2147483647 w 516"/>
              <a:gd name="T27" fmla="*/ 2147483647 h 304"/>
              <a:gd name="T28" fmla="*/ 2147483647 w 516"/>
              <a:gd name="T29" fmla="*/ 2147483647 h 304"/>
              <a:gd name="T30" fmla="*/ 2147483647 w 516"/>
              <a:gd name="T31" fmla="*/ 2147483647 h 304"/>
              <a:gd name="T32" fmla="*/ 2147483647 w 516"/>
              <a:gd name="T33" fmla="*/ 2147483647 h 304"/>
              <a:gd name="T34" fmla="*/ 2147483647 w 516"/>
              <a:gd name="T35" fmla="*/ 2147483647 h 304"/>
              <a:gd name="T36" fmla="*/ 2147483647 w 516"/>
              <a:gd name="T37" fmla="*/ 2147483647 h 304"/>
              <a:gd name="T38" fmla="*/ 2147483647 w 516"/>
              <a:gd name="T39" fmla="*/ 2147483647 h 304"/>
              <a:gd name="T40" fmla="*/ 2147483647 w 516"/>
              <a:gd name="T41" fmla="*/ 2147483647 h 304"/>
              <a:gd name="T42" fmla="*/ 2147483647 w 516"/>
              <a:gd name="T43" fmla="*/ 2147483647 h 304"/>
              <a:gd name="T44" fmla="*/ 2147483647 w 516"/>
              <a:gd name="T45" fmla="*/ 2147483647 h 304"/>
              <a:gd name="T46" fmla="*/ 2147483647 w 516"/>
              <a:gd name="T47" fmla="*/ 2147483647 h 304"/>
              <a:gd name="T48" fmla="*/ 2147483647 w 516"/>
              <a:gd name="T49" fmla="*/ 2147483647 h 304"/>
              <a:gd name="T50" fmla="*/ 2147483647 w 516"/>
              <a:gd name="T51" fmla="*/ 2147483647 h 304"/>
              <a:gd name="T52" fmla="*/ 2147483647 w 516"/>
              <a:gd name="T53" fmla="*/ 2147483647 h 304"/>
              <a:gd name="T54" fmla="*/ 2147483647 w 516"/>
              <a:gd name="T55" fmla="*/ 2147483647 h 304"/>
              <a:gd name="T56" fmla="*/ 2147483647 w 516"/>
              <a:gd name="T57" fmla="*/ 2147483647 h 304"/>
              <a:gd name="T58" fmla="*/ 2147483647 w 516"/>
              <a:gd name="T59" fmla="*/ 2147483647 h 304"/>
              <a:gd name="T60" fmla="*/ 2147483647 w 516"/>
              <a:gd name="T61" fmla="*/ 2147483647 h 304"/>
              <a:gd name="T62" fmla="*/ 2147483647 w 516"/>
              <a:gd name="T63" fmla="*/ 2147483647 h 304"/>
              <a:gd name="T64" fmla="*/ 2147483647 w 516"/>
              <a:gd name="T65" fmla="*/ 2147483647 h 304"/>
              <a:gd name="T66" fmla="*/ 2147483647 w 516"/>
              <a:gd name="T67" fmla="*/ 2147483647 h 304"/>
              <a:gd name="T68" fmla="*/ 2147483647 w 516"/>
              <a:gd name="T69" fmla="*/ 2147483647 h 304"/>
              <a:gd name="T70" fmla="*/ 2147483647 w 516"/>
              <a:gd name="T71" fmla="*/ 2147483647 h 304"/>
              <a:gd name="T72" fmla="*/ 2147483647 w 516"/>
              <a:gd name="T73" fmla="*/ 2147483647 h 304"/>
              <a:gd name="T74" fmla="*/ 2147483647 w 516"/>
              <a:gd name="T75" fmla="*/ 2147483647 h 304"/>
              <a:gd name="T76" fmla="*/ 2147483647 w 516"/>
              <a:gd name="T77" fmla="*/ 2147483647 h 304"/>
              <a:gd name="T78" fmla="*/ 2147483647 w 516"/>
              <a:gd name="T79" fmla="*/ 2147483647 h 304"/>
              <a:gd name="T80" fmla="*/ 2147483647 w 516"/>
              <a:gd name="T81" fmla="*/ 2147483647 h 304"/>
              <a:gd name="T82" fmla="*/ 2147483647 w 516"/>
              <a:gd name="T83" fmla="*/ 2147483647 h 304"/>
              <a:gd name="T84" fmla="*/ 2147483647 w 516"/>
              <a:gd name="T85" fmla="*/ 2147483647 h 304"/>
              <a:gd name="T86" fmla="*/ 2147483647 w 516"/>
              <a:gd name="T87" fmla="*/ 2147483647 h 304"/>
              <a:gd name="T88" fmla="*/ 2147483647 w 516"/>
              <a:gd name="T89" fmla="*/ 2147483647 h 304"/>
              <a:gd name="T90" fmla="*/ 2147483647 w 516"/>
              <a:gd name="T91" fmla="*/ 2147483647 h 304"/>
              <a:gd name="T92" fmla="*/ 2147483647 w 516"/>
              <a:gd name="T93" fmla="*/ 2147483647 h 304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0" t="0" r="r" b="b"/>
            <a:pathLst>
              <a:path w="516" h="304">
                <a:moveTo>
                  <a:pt x="2" y="204"/>
                </a:moveTo>
                <a:lnTo>
                  <a:pt x="20" y="184"/>
                </a:lnTo>
                <a:lnTo>
                  <a:pt x="20" y="168"/>
                </a:lnTo>
                <a:lnTo>
                  <a:pt x="16" y="148"/>
                </a:lnTo>
                <a:lnTo>
                  <a:pt x="24" y="122"/>
                </a:lnTo>
                <a:lnTo>
                  <a:pt x="32" y="106"/>
                </a:lnTo>
                <a:lnTo>
                  <a:pt x="48" y="102"/>
                </a:lnTo>
                <a:lnTo>
                  <a:pt x="66" y="86"/>
                </a:lnTo>
                <a:lnTo>
                  <a:pt x="84" y="74"/>
                </a:lnTo>
                <a:lnTo>
                  <a:pt x="88" y="88"/>
                </a:lnTo>
                <a:lnTo>
                  <a:pt x="110" y="102"/>
                </a:lnTo>
                <a:lnTo>
                  <a:pt x="122" y="114"/>
                </a:lnTo>
                <a:lnTo>
                  <a:pt x="136" y="124"/>
                </a:lnTo>
                <a:lnTo>
                  <a:pt x="146" y="142"/>
                </a:lnTo>
                <a:lnTo>
                  <a:pt x="158" y="156"/>
                </a:lnTo>
                <a:lnTo>
                  <a:pt x="188" y="162"/>
                </a:lnTo>
                <a:lnTo>
                  <a:pt x="204" y="142"/>
                </a:lnTo>
                <a:lnTo>
                  <a:pt x="220" y="122"/>
                </a:lnTo>
                <a:lnTo>
                  <a:pt x="218" y="88"/>
                </a:lnTo>
                <a:lnTo>
                  <a:pt x="210" y="66"/>
                </a:lnTo>
                <a:lnTo>
                  <a:pt x="200" y="46"/>
                </a:lnTo>
                <a:lnTo>
                  <a:pt x="202" y="36"/>
                </a:lnTo>
                <a:lnTo>
                  <a:pt x="218" y="22"/>
                </a:lnTo>
                <a:lnTo>
                  <a:pt x="246" y="0"/>
                </a:lnTo>
                <a:lnTo>
                  <a:pt x="258" y="4"/>
                </a:lnTo>
                <a:lnTo>
                  <a:pt x="268" y="0"/>
                </a:lnTo>
                <a:lnTo>
                  <a:pt x="288" y="12"/>
                </a:lnTo>
                <a:lnTo>
                  <a:pt x="304" y="16"/>
                </a:lnTo>
                <a:lnTo>
                  <a:pt x="318" y="16"/>
                </a:lnTo>
                <a:lnTo>
                  <a:pt x="340" y="42"/>
                </a:lnTo>
                <a:lnTo>
                  <a:pt x="354" y="42"/>
                </a:lnTo>
                <a:lnTo>
                  <a:pt x="360" y="48"/>
                </a:lnTo>
                <a:lnTo>
                  <a:pt x="366" y="46"/>
                </a:lnTo>
                <a:lnTo>
                  <a:pt x="382" y="32"/>
                </a:lnTo>
                <a:lnTo>
                  <a:pt x="400" y="34"/>
                </a:lnTo>
                <a:lnTo>
                  <a:pt x="414" y="32"/>
                </a:lnTo>
                <a:lnTo>
                  <a:pt x="430" y="34"/>
                </a:lnTo>
                <a:lnTo>
                  <a:pt x="432" y="42"/>
                </a:lnTo>
                <a:lnTo>
                  <a:pt x="450" y="50"/>
                </a:lnTo>
                <a:lnTo>
                  <a:pt x="462" y="60"/>
                </a:lnTo>
                <a:lnTo>
                  <a:pt x="462" y="70"/>
                </a:lnTo>
                <a:lnTo>
                  <a:pt x="456" y="78"/>
                </a:lnTo>
                <a:lnTo>
                  <a:pt x="462" y="86"/>
                </a:lnTo>
                <a:lnTo>
                  <a:pt x="460" y="106"/>
                </a:lnTo>
                <a:lnTo>
                  <a:pt x="476" y="108"/>
                </a:lnTo>
                <a:lnTo>
                  <a:pt x="480" y="122"/>
                </a:lnTo>
                <a:lnTo>
                  <a:pt x="494" y="138"/>
                </a:lnTo>
                <a:lnTo>
                  <a:pt x="508" y="158"/>
                </a:lnTo>
                <a:lnTo>
                  <a:pt x="516" y="170"/>
                </a:lnTo>
                <a:lnTo>
                  <a:pt x="516" y="192"/>
                </a:lnTo>
                <a:lnTo>
                  <a:pt x="506" y="194"/>
                </a:lnTo>
                <a:lnTo>
                  <a:pt x="490" y="222"/>
                </a:lnTo>
                <a:lnTo>
                  <a:pt x="488" y="250"/>
                </a:lnTo>
                <a:lnTo>
                  <a:pt x="462" y="254"/>
                </a:lnTo>
                <a:lnTo>
                  <a:pt x="448" y="250"/>
                </a:lnTo>
                <a:lnTo>
                  <a:pt x="438" y="260"/>
                </a:lnTo>
                <a:lnTo>
                  <a:pt x="438" y="270"/>
                </a:lnTo>
                <a:lnTo>
                  <a:pt x="420" y="278"/>
                </a:lnTo>
                <a:lnTo>
                  <a:pt x="402" y="278"/>
                </a:lnTo>
                <a:lnTo>
                  <a:pt x="388" y="268"/>
                </a:lnTo>
                <a:lnTo>
                  <a:pt x="374" y="254"/>
                </a:lnTo>
                <a:lnTo>
                  <a:pt x="358" y="248"/>
                </a:lnTo>
                <a:lnTo>
                  <a:pt x="342" y="236"/>
                </a:lnTo>
                <a:lnTo>
                  <a:pt x="332" y="232"/>
                </a:lnTo>
                <a:lnTo>
                  <a:pt x="310" y="236"/>
                </a:lnTo>
                <a:lnTo>
                  <a:pt x="296" y="232"/>
                </a:lnTo>
                <a:lnTo>
                  <a:pt x="288" y="224"/>
                </a:lnTo>
                <a:lnTo>
                  <a:pt x="278" y="208"/>
                </a:lnTo>
                <a:lnTo>
                  <a:pt x="262" y="220"/>
                </a:lnTo>
                <a:lnTo>
                  <a:pt x="252" y="236"/>
                </a:lnTo>
                <a:lnTo>
                  <a:pt x="242" y="232"/>
                </a:lnTo>
                <a:lnTo>
                  <a:pt x="236" y="240"/>
                </a:lnTo>
                <a:lnTo>
                  <a:pt x="222" y="242"/>
                </a:lnTo>
                <a:lnTo>
                  <a:pt x="216" y="232"/>
                </a:lnTo>
                <a:lnTo>
                  <a:pt x="196" y="232"/>
                </a:lnTo>
                <a:lnTo>
                  <a:pt x="182" y="242"/>
                </a:lnTo>
                <a:lnTo>
                  <a:pt x="168" y="240"/>
                </a:lnTo>
                <a:lnTo>
                  <a:pt x="160" y="250"/>
                </a:lnTo>
                <a:lnTo>
                  <a:pt x="148" y="250"/>
                </a:lnTo>
                <a:lnTo>
                  <a:pt x="138" y="240"/>
                </a:lnTo>
                <a:lnTo>
                  <a:pt x="130" y="248"/>
                </a:lnTo>
                <a:lnTo>
                  <a:pt x="126" y="250"/>
                </a:lnTo>
                <a:lnTo>
                  <a:pt x="106" y="244"/>
                </a:lnTo>
                <a:lnTo>
                  <a:pt x="80" y="250"/>
                </a:lnTo>
                <a:lnTo>
                  <a:pt x="48" y="270"/>
                </a:lnTo>
                <a:lnTo>
                  <a:pt x="30" y="286"/>
                </a:lnTo>
                <a:lnTo>
                  <a:pt x="26" y="296"/>
                </a:lnTo>
                <a:lnTo>
                  <a:pt x="24" y="300"/>
                </a:lnTo>
                <a:lnTo>
                  <a:pt x="18" y="304"/>
                </a:lnTo>
                <a:lnTo>
                  <a:pt x="14" y="302"/>
                </a:lnTo>
                <a:lnTo>
                  <a:pt x="4" y="288"/>
                </a:lnTo>
                <a:lnTo>
                  <a:pt x="4" y="258"/>
                </a:lnTo>
                <a:lnTo>
                  <a:pt x="0" y="222"/>
                </a:lnTo>
                <a:lnTo>
                  <a:pt x="2" y="204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92" name="Freeform 57"/>
          <p:cNvSpPr>
            <a:spLocks/>
          </p:cNvSpPr>
          <p:nvPr/>
        </p:nvSpPr>
        <p:spPr bwMode="auto">
          <a:xfrm>
            <a:off x="6237288" y="2459038"/>
            <a:ext cx="127000" cy="141287"/>
          </a:xfrm>
          <a:custGeom>
            <a:avLst/>
            <a:gdLst>
              <a:gd name="T0" fmla="*/ 2147483647 w 98"/>
              <a:gd name="T1" fmla="*/ 2147483647 h 110"/>
              <a:gd name="T2" fmla="*/ 2147483647 w 98"/>
              <a:gd name="T3" fmla="*/ 2147483647 h 110"/>
              <a:gd name="T4" fmla="*/ 2147483647 w 98"/>
              <a:gd name="T5" fmla="*/ 2147483647 h 110"/>
              <a:gd name="T6" fmla="*/ 2147483647 w 98"/>
              <a:gd name="T7" fmla="*/ 2147483647 h 110"/>
              <a:gd name="T8" fmla="*/ 2147483647 w 98"/>
              <a:gd name="T9" fmla="*/ 2147483647 h 110"/>
              <a:gd name="T10" fmla="*/ 2147483647 w 98"/>
              <a:gd name="T11" fmla="*/ 2147483647 h 110"/>
              <a:gd name="T12" fmla="*/ 2147483647 w 98"/>
              <a:gd name="T13" fmla="*/ 2147483647 h 110"/>
              <a:gd name="T14" fmla="*/ 2147483647 w 98"/>
              <a:gd name="T15" fmla="*/ 2147483647 h 110"/>
              <a:gd name="T16" fmla="*/ 2147483647 w 98"/>
              <a:gd name="T17" fmla="*/ 2147483647 h 110"/>
              <a:gd name="T18" fmla="*/ 2147483647 w 98"/>
              <a:gd name="T19" fmla="*/ 2147483647 h 110"/>
              <a:gd name="T20" fmla="*/ 2147483647 w 98"/>
              <a:gd name="T21" fmla="*/ 2147483647 h 110"/>
              <a:gd name="T22" fmla="*/ 2147483647 w 98"/>
              <a:gd name="T23" fmla="*/ 2147483647 h 110"/>
              <a:gd name="T24" fmla="*/ 2147483647 w 98"/>
              <a:gd name="T25" fmla="*/ 2147483647 h 110"/>
              <a:gd name="T26" fmla="*/ 2147483647 w 98"/>
              <a:gd name="T27" fmla="*/ 2147483647 h 110"/>
              <a:gd name="T28" fmla="*/ 2147483647 w 98"/>
              <a:gd name="T29" fmla="*/ 2147483647 h 110"/>
              <a:gd name="T30" fmla="*/ 0 w 98"/>
              <a:gd name="T31" fmla="*/ 2147483647 h 110"/>
              <a:gd name="T32" fmla="*/ 2147483647 w 98"/>
              <a:gd name="T33" fmla="*/ 2147483647 h 110"/>
              <a:gd name="T34" fmla="*/ 2147483647 w 98"/>
              <a:gd name="T35" fmla="*/ 2147483647 h 110"/>
              <a:gd name="T36" fmla="*/ 2147483647 w 98"/>
              <a:gd name="T37" fmla="*/ 2147483647 h 110"/>
              <a:gd name="T38" fmla="*/ 2147483647 w 98"/>
              <a:gd name="T39" fmla="*/ 2147483647 h 110"/>
              <a:gd name="T40" fmla="*/ 2147483647 w 98"/>
              <a:gd name="T41" fmla="*/ 2147483647 h 110"/>
              <a:gd name="T42" fmla="*/ 2147483647 w 98"/>
              <a:gd name="T43" fmla="*/ 2147483647 h 110"/>
              <a:gd name="T44" fmla="*/ 2147483647 w 98"/>
              <a:gd name="T45" fmla="*/ 2147483647 h 110"/>
              <a:gd name="T46" fmla="*/ 2147483647 w 98"/>
              <a:gd name="T47" fmla="*/ 2147483647 h 110"/>
              <a:gd name="T48" fmla="*/ 2147483647 w 98"/>
              <a:gd name="T49" fmla="*/ 2147483647 h 110"/>
              <a:gd name="T50" fmla="*/ 2147483647 w 98"/>
              <a:gd name="T51" fmla="*/ 0 h 110"/>
              <a:gd name="T52" fmla="*/ 2147483647 w 98"/>
              <a:gd name="T53" fmla="*/ 2147483647 h 110"/>
              <a:gd name="T54" fmla="*/ 2147483647 w 98"/>
              <a:gd name="T55" fmla="*/ 2147483647 h 110"/>
              <a:gd name="T56" fmla="*/ 2147483647 w 98"/>
              <a:gd name="T57" fmla="*/ 2147483647 h 110"/>
              <a:gd name="T58" fmla="*/ 2147483647 w 98"/>
              <a:gd name="T59" fmla="*/ 2147483647 h 110"/>
              <a:gd name="T60" fmla="*/ 2147483647 w 98"/>
              <a:gd name="T61" fmla="*/ 2147483647 h 110"/>
              <a:gd name="T62" fmla="*/ 2147483647 w 98"/>
              <a:gd name="T63" fmla="*/ 2147483647 h 110"/>
              <a:gd name="T64" fmla="*/ 2147483647 w 98"/>
              <a:gd name="T65" fmla="*/ 2147483647 h 110"/>
              <a:gd name="T66" fmla="*/ 2147483647 w 98"/>
              <a:gd name="T67" fmla="*/ 2147483647 h 110"/>
              <a:gd name="T68" fmla="*/ 2147483647 w 98"/>
              <a:gd name="T69" fmla="*/ 2147483647 h 110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0" t="0" r="r" b="b"/>
            <a:pathLst>
              <a:path w="98" h="110">
                <a:moveTo>
                  <a:pt x="62" y="62"/>
                </a:moveTo>
                <a:lnTo>
                  <a:pt x="38" y="66"/>
                </a:lnTo>
                <a:lnTo>
                  <a:pt x="32" y="74"/>
                </a:lnTo>
                <a:lnTo>
                  <a:pt x="32" y="84"/>
                </a:lnTo>
                <a:lnTo>
                  <a:pt x="32" y="98"/>
                </a:lnTo>
                <a:lnTo>
                  <a:pt x="22" y="110"/>
                </a:lnTo>
                <a:lnTo>
                  <a:pt x="16" y="104"/>
                </a:lnTo>
                <a:lnTo>
                  <a:pt x="18" y="92"/>
                </a:lnTo>
                <a:lnTo>
                  <a:pt x="22" y="84"/>
                </a:lnTo>
                <a:lnTo>
                  <a:pt x="20" y="76"/>
                </a:lnTo>
                <a:lnTo>
                  <a:pt x="12" y="70"/>
                </a:lnTo>
                <a:lnTo>
                  <a:pt x="6" y="68"/>
                </a:lnTo>
                <a:lnTo>
                  <a:pt x="6" y="58"/>
                </a:lnTo>
                <a:lnTo>
                  <a:pt x="8" y="50"/>
                </a:lnTo>
                <a:lnTo>
                  <a:pt x="4" y="46"/>
                </a:lnTo>
                <a:lnTo>
                  <a:pt x="0" y="40"/>
                </a:lnTo>
                <a:lnTo>
                  <a:pt x="4" y="32"/>
                </a:lnTo>
                <a:lnTo>
                  <a:pt x="12" y="40"/>
                </a:lnTo>
                <a:lnTo>
                  <a:pt x="18" y="34"/>
                </a:lnTo>
                <a:lnTo>
                  <a:pt x="28" y="22"/>
                </a:lnTo>
                <a:lnTo>
                  <a:pt x="46" y="14"/>
                </a:lnTo>
                <a:lnTo>
                  <a:pt x="60" y="14"/>
                </a:lnTo>
                <a:lnTo>
                  <a:pt x="72" y="12"/>
                </a:lnTo>
                <a:lnTo>
                  <a:pt x="78" y="12"/>
                </a:lnTo>
                <a:lnTo>
                  <a:pt x="78" y="2"/>
                </a:lnTo>
                <a:lnTo>
                  <a:pt x="88" y="0"/>
                </a:lnTo>
                <a:lnTo>
                  <a:pt x="94" y="4"/>
                </a:lnTo>
                <a:lnTo>
                  <a:pt x="98" y="14"/>
                </a:lnTo>
                <a:lnTo>
                  <a:pt x="90" y="16"/>
                </a:lnTo>
                <a:lnTo>
                  <a:pt x="80" y="18"/>
                </a:lnTo>
                <a:lnTo>
                  <a:pt x="80" y="24"/>
                </a:lnTo>
                <a:lnTo>
                  <a:pt x="82" y="36"/>
                </a:lnTo>
                <a:lnTo>
                  <a:pt x="76" y="44"/>
                </a:lnTo>
                <a:lnTo>
                  <a:pt x="70" y="52"/>
                </a:lnTo>
                <a:lnTo>
                  <a:pt x="62" y="6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93" name="Freeform 58"/>
          <p:cNvSpPr>
            <a:spLocks/>
          </p:cNvSpPr>
          <p:nvPr/>
        </p:nvSpPr>
        <p:spPr bwMode="auto">
          <a:xfrm>
            <a:off x="6240463" y="2395538"/>
            <a:ext cx="82550" cy="71437"/>
          </a:xfrm>
          <a:custGeom>
            <a:avLst/>
            <a:gdLst>
              <a:gd name="T0" fmla="*/ 2147483647 w 64"/>
              <a:gd name="T1" fmla="*/ 2147483647 h 54"/>
              <a:gd name="T2" fmla="*/ 2147483647 w 64"/>
              <a:gd name="T3" fmla="*/ 2147483647 h 54"/>
              <a:gd name="T4" fmla="*/ 2147483647 w 64"/>
              <a:gd name="T5" fmla="*/ 2147483647 h 54"/>
              <a:gd name="T6" fmla="*/ 2147483647 w 64"/>
              <a:gd name="T7" fmla="*/ 2147483647 h 54"/>
              <a:gd name="T8" fmla="*/ 2147483647 w 64"/>
              <a:gd name="T9" fmla="*/ 2147483647 h 54"/>
              <a:gd name="T10" fmla="*/ 2147483647 w 64"/>
              <a:gd name="T11" fmla="*/ 2147483647 h 54"/>
              <a:gd name="T12" fmla="*/ 2147483647 w 64"/>
              <a:gd name="T13" fmla="*/ 2147483647 h 54"/>
              <a:gd name="T14" fmla="*/ 2147483647 w 64"/>
              <a:gd name="T15" fmla="*/ 2147483647 h 54"/>
              <a:gd name="T16" fmla="*/ 2147483647 w 64"/>
              <a:gd name="T17" fmla="*/ 2147483647 h 54"/>
              <a:gd name="T18" fmla="*/ 2147483647 w 64"/>
              <a:gd name="T19" fmla="*/ 2147483647 h 54"/>
              <a:gd name="T20" fmla="*/ 0 w 64"/>
              <a:gd name="T21" fmla="*/ 2147483647 h 54"/>
              <a:gd name="T22" fmla="*/ 2147483647 w 64"/>
              <a:gd name="T23" fmla="*/ 2147483647 h 54"/>
              <a:gd name="T24" fmla="*/ 2147483647 w 64"/>
              <a:gd name="T25" fmla="*/ 2147483647 h 54"/>
              <a:gd name="T26" fmla="*/ 2147483647 w 64"/>
              <a:gd name="T27" fmla="*/ 2147483647 h 54"/>
              <a:gd name="T28" fmla="*/ 2147483647 w 64"/>
              <a:gd name="T29" fmla="*/ 2147483647 h 54"/>
              <a:gd name="T30" fmla="*/ 2147483647 w 64"/>
              <a:gd name="T31" fmla="*/ 0 h 54"/>
              <a:gd name="T32" fmla="*/ 2147483647 w 64"/>
              <a:gd name="T33" fmla="*/ 2147483647 h 54"/>
              <a:gd name="T34" fmla="*/ 2147483647 w 64"/>
              <a:gd name="T35" fmla="*/ 2147483647 h 54"/>
              <a:gd name="T36" fmla="*/ 2147483647 w 64"/>
              <a:gd name="T37" fmla="*/ 2147483647 h 54"/>
              <a:gd name="T38" fmla="*/ 2147483647 w 64"/>
              <a:gd name="T39" fmla="*/ 2147483647 h 54"/>
              <a:gd name="T40" fmla="*/ 2147483647 w 64"/>
              <a:gd name="T41" fmla="*/ 2147483647 h 54"/>
              <a:gd name="T42" fmla="*/ 2147483647 w 64"/>
              <a:gd name="T43" fmla="*/ 2147483647 h 54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0" t="0" r="r" b="b"/>
            <a:pathLst>
              <a:path w="64" h="54">
                <a:moveTo>
                  <a:pt x="58" y="38"/>
                </a:moveTo>
                <a:lnTo>
                  <a:pt x="48" y="38"/>
                </a:lnTo>
                <a:lnTo>
                  <a:pt x="44" y="42"/>
                </a:lnTo>
                <a:lnTo>
                  <a:pt x="46" y="50"/>
                </a:lnTo>
                <a:lnTo>
                  <a:pt x="42" y="54"/>
                </a:lnTo>
                <a:lnTo>
                  <a:pt x="30" y="52"/>
                </a:lnTo>
                <a:lnTo>
                  <a:pt x="30" y="42"/>
                </a:lnTo>
                <a:lnTo>
                  <a:pt x="22" y="32"/>
                </a:lnTo>
                <a:lnTo>
                  <a:pt x="14" y="34"/>
                </a:lnTo>
                <a:lnTo>
                  <a:pt x="6" y="34"/>
                </a:lnTo>
                <a:lnTo>
                  <a:pt x="0" y="28"/>
                </a:lnTo>
                <a:lnTo>
                  <a:pt x="8" y="22"/>
                </a:lnTo>
                <a:lnTo>
                  <a:pt x="20" y="20"/>
                </a:lnTo>
                <a:lnTo>
                  <a:pt x="28" y="16"/>
                </a:lnTo>
                <a:lnTo>
                  <a:pt x="30" y="8"/>
                </a:lnTo>
                <a:lnTo>
                  <a:pt x="34" y="0"/>
                </a:lnTo>
                <a:lnTo>
                  <a:pt x="40" y="10"/>
                </a:lnTo>
                <a:lnTo>
                  <a:pt x="50" y="10"/>
                </a:lnTo>
                <a:lnTo>
                  <a:pt x="56" y="14"/>
                </a:lnTo>
                <a:lnTo>
                  <a:pt x="64" y="24"/>
                </a:lnTo>
                <a:lnTo>
                  <a:pt x="62" y="30"/>
                </a:lnTo>
                <a:lnTo>
                  <a:pt x="58" y="3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94" name="Freeform 59" descr="90%"/>
          <p:cNvSpPr>
            <a:spLocks/>
          </p:cNvSpPr>
          <p:nvPr/>
        </p:nvSpPr>
        <p:spPr bwMode="auto">
          <a:xfrm>
            <a:off x="6329363" y="2238375"/>
            <a:ext cx="447675" cy="347663"/>
          </a:xfrm>
          <a:custGeom>
            <a:avLst/>
            <a:gdLst>
              <a:gd name="T0" fmla="*/ 2147483647 w 346"/>
              <a:gd name="T1" fmla="*/ 2147483647 h 268"/>
              <a:gd name="T2" fmla="*/ 2147483647 w 346"/>
              <a:gd name="T3" fmla="*/ 2147483647 h 268"/>
              <a:gd name="T4" fmla="*/ 2147483647 w 346"/>
              <a:gd name="T5" fmla="*/ 2147483647 h 268"/>
              <a:gd name="T6" fmla="*/ 2147483647 w 346"/>
              <a:gd name="T7" fmla="*/ 2147483647 h 268"/>
              <a:gd name="T8" fmla="*/ 2147483647 w 346"/>
              <a:gd name="T9" fmla="*/ 2147483647 h 268"/>
              <a:gd name="T10" fmla="*/ 2147483647 w 346"/>
              <a:gd name="T11" fmla="*/ 2147483647 h 268"/>
              <a:gd name="T12" fmla="*/ 2147483647 w 346"/>
              <a:gd name="T13" fmla="*/ 2147483647 h 268"/>
              <a:gd name="T14" fmla="*/ 2147483647 w 346"/>
              <a:gd name="T15" fmla="*/ 2147483647 h 268"/>
              <a:gd name="T16" fmla="*/ 2147483647 w 346"/>
              <a:gd name="T17" fmla="*/ 2147483647 h 268"/>
              <a:gd name="T18" fmla="*/ 2147483647 w 346"/>
              <a:gd name="T19" fmla="*/ 2147483647 h 268"/>
              <a:gd name="T20" fmla="*/ 2147483647 w 346"/>
              <a:gd name="T21" fmla="*/ 2147483647 h 268"/>
              <a:gd name="T22" fmla="*/ 2147483647 w 346"/>
              <a:gd name="T23" fmla="*/ 2147483647 h 268"/>
              <a:gd name="T24" fmla="*/ 2147483647 w 346"/>
              <a:gd name="T25" fmla="*/ 2147483647 h 268"/>
              <a:gd name="T26" fmla="*/ 2147483647 w 346"/>
              <a:gd name="T27" fmla="*/ 2147483647 h 268"/>
              <a:gd name="T28" fmla="*/ 2147483647 w 346"/>
              <a:gd name="T29" fmla="*/ 2147483647 h 268"/>
              <a:gd name="T30" fmla="*/ 2147483647 w 346"/>
              <a:gd name="T31" fmla="*/ 0 h 268"/>
              <a:gd name="T32" fmla="*/ 2147483647 w 346"/>
              <a:gd name="T33" fmla="*/ 2147483647 h 268"/>
              <a:gd name="T34" fmla="*/ 2147483647 w 346"/>
              <a:gd name="T35" fmla="*/ 2147483647 h 268"/>
              <a:gd name="T36" fmla="*/ 2147483647 w 346"/>
              <a:gd name="T37" fmla="*/ 2147483647 h 268"/>
              <a:gd name="T38" fmla="*/ 2147483647 w 346"/>
              <a:gd name="T39" fmla="*/ 2147483647 h 268"/>
              <a:gd name="T40" fmla="*/ 2147483647 w 346"/>
              <a:gd name="T41" fmla="*/ 2147483647 h 268"/>
              <a:gd name="T42" fmla="*/ 2147483647 w 346"/>
              <a:gd name="T43" fmla="*/ 2147483647 h 268"/>
              <a:gd name="T44" fmla="*/ 2147483647 w 346"/>
              <a:gd name="T45" fmla="*/ 2147483647 h 268"/>
              <a:gd name="T46" fmla="*/ 2147483647 w 346"/>
              <a:gd name="T47" fmla="*/ 2147483647 h 268"/>
              <a:gd name="T48" fmla="*/ 2147483647 w 346"/>
              <a:gd name="T49" fmla="*/ 2147483647 h 268"/>
              <a:gd name="T50" fmla="*/ 2147483647 w 346"/>
              <a:gd name="T51" fmla="*/ 2147483647 h 268"/>
              <a:gd name="T52" fmla="*/ 2147483647 w 346"/>
              <a:gd name="T53" fmla="*/ 2147483647 h 268"/>
              <a:gd name="T54" fmla="*/ 2147483647 w 346"/>
              <a:gd name="T55" fmla="*/ 2147483647 h 268"/>
              <a:gd name="T56" fmla="*/ 2147483647 w 346"/>
              <a:gd name="T57" fmla="*/ 2147483647 h 268"/>
              <a:gd name="T58" fmla="*/ 2147483647 w 346"/>
              <a:gd name="T59" fmla="*/ 2147483647 h 268"/>
              <a:gd name="T60" fmla="*/ 2147483647 w 346"/>
              <a:gd name="T61" fmla="*/ 2147483647 h 268"/>
              <a:gd name="T62" fmla="*/ 2147483647 w 346"/>
              <a:gd name="T63" fmla="*/ 2147483647 h 268"/>
              <a:gd name="T64" fmla="*/ 2147483647 w 346"/>
              <a:gd name="T65" fmla="*/ 2147483647 h 268"/>
              <a:gd name="T66" fmla="*/ 2147483647 w 346"/>
              <a:gd name="T67" fmla="*/ 2147483647 h 268"/>
              <a:gd name="T68" fmla="*/ 2147483647 w 346"/>
              <a:gd name="T69" fmla="*/ 2147483647 h 268"/>
              <a:gd name="T70" fmla="*/ 2147483647 w 346"/>
              <a:gd name="T71" fmla="*/ 2147483647 h 268"/>
              <a:gd name="T72" fmla="*/ 2147483647 w 346"/>
              <a:gd name="T73" fmla="*/ 2147483647 h 268"/>
              <a:gd name="T74" fmla="*/ 2147483647 w 346"/>
              <a:gd name="T75" fmla="*/ 2147483647 h 268"/>
              <a:gd name="T76" fmla="*/ 2147483647 w 346"/>
              <a:gd name="T77" fmla="*/ 2147483647 h 268"/>
              <a:gd name="T78" fmla="*/ 2147483647 w 346"/>
              <a:gd name="T79" fmla="*/ 2147483647 h 268"/>
              <a:gd name="T80" fmla="*/ 2147483647 w 346"/>
              <a:gd name="T81" fmla="*/ 2147483647 h 268"/>
              <a:gd name="T82" fmla="*/ 2147483647 w 346"/>
              <a:gd name="T83" fmla="*/ 2147483647 h 268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0" t="0" r="r" b="b"/>
            <a:pathLst>
              <a:path w="346" h="268">
                <a:moveTo>
                  <a:pt x="20" y="134"/>
                </a:moveTo>
                <a:lnTo>
                  <a:pt x="8" y="132"/>
                </a:lnTo>
                <a:lnTo>
                  <a:pt x="0" y="130"/>
                </a:lnTo>
                <a:lnTo>
                  <a:pt x="4" y="122"/>
                </a:lnTo>
                <a:lnTo>
                  <a:pt x="16" y="122"/>
                </a:lnTo>
                <a:lnTo>
                  <a:pt x="24" y="116"/>
                </a:lnTo>
                <a:lnTo>
                  <a:pt x="24" y="104"/>
                </a:lnTo>
                <a:lnTo>
                  <a:pt x="20" y="94"/>
                </a:lnTo>
                <a:lnTo>
                  <a:pt x="36" y="92"/>
                </a:lnTo>
                <a:lnTo>
                  <a:pt x="36" y="84"/>
                </a:lnTo>
                <a:lnTo>
                  <a:pt x="54" y="84"/>
                </a:lnTo>
                <a:lnTo>
                  <a:pt x="56" y="70"/>
                </a:lnTo>
                <a:lnTo>
                  <a:pt x="70" y="54"/>
                </a:lnTo>
                <a:lnTo>
                  <a:pt x="84" y="50"/>
                </a:lnTo>
                <a:lnTo>
                  <a:pt x="98" y="50"/>
                </a:lnTo>
                <a:lnTo>
                  <a:pt x="102" y="40"/>
                </a:lnTo>
                <a:lnTo>
                  <a:pt x="120" y="38"/>
                </a:lnTo>
                <a:lnTo>
                  <a:pt x="140" y="34"/>
                </a:lnTo>
                <a:lnTo>
                  <a:pt x="144" y="32"/>
                </a:lnTo>
                <a:lnTo>
                  <a:pt x="148" y="30"/>
                </a:lnTo>
                <a:lnTo>
                  <a:pt x="146" y="24"/>
                </a:lnTo>
                <a:lnTo>
                  <a:pt x="144" y="18"/>
                </a:lnTo>
                <a:lnTo>
                  <a:pt x="156" y="22"/>
                </a:lnTo>
                <a:lnTo>
                  <a:pt x="160" y="14"/>
                </a:lnTo>
                <a:lnTo>
                  <a:pt x="196" y="12"/>
                </a:lnTo>
                <a:lnTo>
                  <a:pt x="216" y="8"/>
                </a:lnTo>
                <a:lnTo>
                  <a:pt x="232" y="22"/>
                </a:lnTo>
                <a:lnTo>
                  <a:pt x="246" y="20"/>
                </a:lnTo>
                <a:lnTo>
                  <a:pt x="256" y="16"/>
                </a:lnTo>
                <a:lnTo>
                  <a:pt x="286" y="10"/>
                </a:lnTo>
                <a:lnTo>
                  <a:pt x="300" y="8"/>
                </a:lnTo>
                <a:lnTo>
                  <a:pt x="308" y="0"/>
                </a:lnTo>
                <a:lnTo>
                  <a:pt x="316" y="2"/>
                </a:lnTo>
                <a:lnTo>
                  <a:pt x="322" y="10"/>
                </a:lnTo>
                <a:lnTo>
                  <a:pt x="316" y="16"/>
                </a:lnTo>
                <a:lnTo>
                  <a:pt x="304" y="28"/>
                </a:lnTo>
                <a:lnTo>
                  <a:pt x="304" y="66"/>
                </a:lnTo>
                <a:lnTo>
                  <a:pt x="296" y="76"/>
                </a:lnTo>
                <a:lnTo>
                  <a:pt x="290" y="90"/>
                </a:lnTo>
                <a:lnTo>
                  <a:pt x="296" y="106"/>
                </a:lnTo>
                <a:lnTo>
                  <a:pt x="304" y="124"/>
                </a:lnTo>
                <a:lnTo>
                  <a:pt x="312" y="144"/>
                </a:lnTo>
                <a:lnTo>
                  <a:pt x="310" y="164"/>
                </a:lnTo>
                <a:lnTo>
                  <a:pt x="320" y="178"/>
                </a:lnTo>
                <a:lnTo>
                  <a:pt x="328" y="180"/>
                </a:lnTo>
                <a:lnTo>
                  <a:pt x="332" y="194"/>
                </a:lnTo>
                <a:lnTo>
                  <a:pt x="346" y="204"/>
                </a:lnTo>
                <a:lnTo>
                  <a:pt x="340" y="214"/>
                </a:lnTo>
                <a:lnTo>
                  <a:pt x="332" y="214"/>
                </a:lnTo>
                <a:lnTo>
                  <a:pt x="326" y="228"/>
                </a:lnTo>
                <a:lnTo>
                  <a:pt x="324" y="234"/>
                </a:lnTo>
                <a:lnTo>
                  <a:pt x="322" y="252"/>
                </a:lnTo>
                <a:lnTo>
                  <a:pt x="304" y="254"/>
                </a:lnTo>
                <a:lnTo>
                  <a:pt x="290" y="252"/>
                </a:lnTo>
                <a:lnTo>
                  <a:pt x="274" y="266"/>
                </a:lnTo>
                <a:lnTo>
                  <a:pt x="268" y="268"/>
                </a:lnTo>
                <a:lnTo>
                  <a:pt x="262" y="262"/>
                </a:lnTo>
                <a:lnTo>
                  <a:pt x="248" y="262"/>
                </a:lnTo>
                <a:lnTo>
                  <a:pt x="226" y="236"/>
                </a:lnTo>
                <a:lnTo>
                  <a:pt x="212" y="236"/>
                </a:lnTo>
                <a:lnTo>
                  <a:pt x="196" y="232"/>
                </a:lnTo>
                <a:lnTo>
                  <a:pt x="176" y="220"/>
                </a:lnTo>
                <a:lnTo>
                  <a:pt x="166" y="224"/>
                </a:lnTo>
                <a:lnTo>
                  <a:pt x="154" y="220"/>
                </a:lnTo>
                <a:lnTo>
                  <a:pt x="124" y="244"/>
                </a:lnTo>
                <a:lnTo>
                  <a:pt x="110" y="256"/>
                </a:lnTo>
                <a:lnTo>
                  <a:pt x="110" y="238"/>
                </a:lnTo>
                <a:lnTo>
                  <a:pt x="114" y="216"/>
                </a:lnTo>
                <a:lnTo>
                  <a:pt x="110" y="208"/>
                </a:lnTo>
                <a:lnTo>
                  <a:pt x="114" y="200"/>
                </a:lnTo>
                <a:lnTo>
                  <a:pt x="110" y="190"/>
                </a:lnTo>
                <a:lnTo>
                  <a:pt x="100" y="190"/>
                </a:lnTo>
                <a:lnTo>
                  <a:pt x="90" y="200"/>
                </a:lnTo>
                <a:lnTo>
                  <a:pt x="88" y="214"/>
                </a:lnTo>
                <a:lnTo>
                  <a:pt x="78" y="210"/>
                </a:lnTo>
                <a:lnTo>
                  <a:pt x="74" y="206"/>
                </a:lnTo>
                <a:lnTo>
                  <a:pt x="58" y="204"/>
                </a:lnTo>
                <a:lnTo>
                  <a:pt x="48" y="180"/>
                </a:lnTo>
                <a:lnTo>
                  <a:pt x="36" y="182"/>
                </a:lnTo>
                <a:lnTo>
                  <a:pt x="34" y="162"/>
                </a:lnTo>
                <a:lnTo>
                  <a:pt x="48" y="152"/>
                </a:lnTo>
                <a:lnTo>
                  <a:pt x="30" y="150"/>
                </a:lnTo>
                <a:lnTo>
                  <a:pt x="30" y="142"/>
                </a:lnTo>
                <a:lnTo>
                  <a:pt x="24" y="140"/>
                </a:lnTo>
                <a:lnTo>
                  <a:pt x="20" y="134"/>
                </a:lnTo>
                <a:close/>
              </a:path>
            </a:pathLst>
          </a:custGeom>
          <a:pattFill prst="pct90">
            <a:fgClr>
              <a:srgbClr val="FF6600"/>
            </a:fgClr>
            <a:bgClr>
              <a:schemeClr val="tx1"/>
            </a:bgClr>
          </a:patt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95" name="Freeform 60"/>
          <p:cNvSpPr>
            <a:spLocks/>
          </p:cNvSpPr>
          <p:nvPr/>
        </p:nvSpPr>
        <p:spPr bwMode="auto">
          <a:xfrm>
            <a:off x="6357938" y="112713"/>
            <a:ext cx="1408112" cy="3271837"/>
          </a:xfrm>
          <a:custGeom>
            <a:avLst/>
            <a:gdLst>
              <a:gd name="T0" fmla="*/ 2147483647 w 1088"/>
              <a:gd name="T1" fmla="*/ 2147483647 h 2527"/>
              <a:gd name="T2" fmla="*/ 2147483647 w 1088"/>
              <a:gd name="T3" fmla="*/ 2147483647 h 2527"/>
              <a:gd name="T4" fmla="*/ 2147483647 w 1088"/>
              <a:gd name="T5" fmla="*/ 2147483647 h 2527"/>
              <a:gd name="T6" fmla="*/ 2147483647 w 1088"/>
              <a:gd name="T7" fmla="*/ 2147483647 h 2527"/>
              <a:gd name="T8" fmla="*/ 2147483647 w 1088"/>
              <a:gd name="T9" fmla="*/ 2147483647 h 2527"/>
              <a:gd name="T10" fmla="*/ 2147483647 w 1088"/>
              <a:gd name="T11" fmla="*/ 2147483647 h 2527"/>
              <a:gd name="T12" fmla="*/ 2147483647 w 1088"/>
              <a:gd name="T13" fmla="*/ 2147483647 h 2527"/>
              <a:gd name="T14" fmla="*/ 2147483647 w 1088"/>
              <a:gd name="T15" fmla="*/ 2147483647 h 2527"/>
              <a:gd name="T16" fmla="*/ 2147483647 w 1088"/>
              <a:gd name="T17" fmla="*/ 2147483647 h 2527"/>
              <a:gd name="T18" fmla="*/ 2147483647 w 1088"/>
              <a:gd name="T19" fmla="*/ 2147483647 h 2527"/>
              <a:gd name="T20" fmla="*/ 2147483647 w 1088"/>
              <a:gd name="T21" fmla="*/ 2147483647 h 2527"/>
              <a:gd name="T22" fmla="*/ 2147483647 w 1088"/>
              <a:gd name="T23" fmla="*/ 2147483647 h 2527"/>
              <a:gd name="T24" fmla="*/ 2147483647 w 1088"/>
              <a:gd name="T25" fmla="*/ 2147483647 h 2527"/>
              <a:gd name="T26" fmla="*/ 2147483647 w 1088"/>
              <a:gd name="T27" fmla="*/ 2147483647 h 2527"/>
              <a:gd name="T28" fmla="*/ 2147483647 w 1088"/>
              <a:gd name="T29" fmla="*/ 2147483647 h 2527"/>
              <a:gd name="T30" fmla="*/ 2147483647 w 1088"/>
              <a:gd name="T31" fmla="*/ 2147483647 h 2527"/>
              <a:gd name="T32" fmla="*/ 2147483647 w 1088"/>
              <a:gd name="T33" fmla="*/ 2147483647 h 2527"/>
              <a:gd name="T34" fmla="*/ 2147483647 w 1088"/>
              <a:gd name="T35" fmla="*/ 2147483647 h 2527"/>
              <a:gd name="T36" fmla="*/ 2147483647 w 1088"/>
              <a:gd name="T37" fmla="*/ 2147483647 h 2527"/>
              <a:gd name="T38" fmla="*/ 2147483647 w 1088"/>
              <a:gd name="T39" fmla="*/ 2147483647 h 2527"/>
              <a:gd name="T40" fmla="*/ 2147483647 w 1088"/>
              <a:gd name="T41" fmla="*/ 2147483647 h 2527"/>
              <a:gd name="T42" fmla="*/ 2147483647 w 1088"/>
              <a:gd name="T43" fmla="*/ 2147483647 h 2527"/>
              <a:gd name="T44" fmla="*/ 2147483647 w 1088"/>
              <a:gd name="T45" fmla="*/ 2147483647 h 2527"/>
              <a:gd name="T46" fmla="*/ 2147483647 w 1088"/>
              <a:gd name="T47" fmla="*/ 2147483647 h 2527"/>
              <a:gd name="T48" fmla="*/ 2147483647 w 1088"/>
              <a:gd name="T49" fmla="*/ 2147483647 h 2527"/>
              <a:gd name="T50" fmla="*/ 2147483647 w 1088"/>
              <a:gd name="T51" fmla="*/ 2147483647 h 2527"/>
              <a:gd name="T52" fmla="*/ 2147483647 w 1088"/>
              <a:gd name="T53" fmla="*/ 2147483647 h 2527"/>
              <a:gd name="T54" fmla="*/ 2147483647 w 1088"/>
              <a:gd name="T55" fmla="*/ 2147483647 h 2527"/>
              <a:gd name="T56" fmla="*/ 2147483647 w 1088"/>
              <a:gd name="T57" fmla="*/ 2147483647 h 2527"/>
              <a:gd name="T58" fmla="*/ 2147483647 w 1088"/>
              <a:gd name="T59" fmla="*/ 2147483647 h 2527"/>
              <a:gd name="T60" fmla="*/ 2147483647 w 1088"/>
              <a:gd name="T61" fmla="*/ 2147483647 h 2527"/>
              <a:gd name="T62" fmla="*/ 2147483647 w 1088"/>
              <a:gd name="T63" fmla="*/ 2147483647 h 2527"/>
              <a:gd name="T64" fmla="*/ 2147483647 w 1088"/>
              <a:gd name="T65" fmla="*/ 2147483647 h 2527"/>
              <a:gd name="T66" fmla="*/ 2147483647 w 1088"/>
              <a:gd name="T67" fmla="*/ 2147483647 h 2527"/>
              <a:gd name="T68" fmla="*/ 2147483647 w 1088"/>
              <a:gd name="T69" fmla="*/ 2147483647 h 2527"/>
              <a:gd name="T70" fmla="*/ 2147483647 w 1088"/>
              <a:gd name="T71" fmla="*/ 2147483647 h 2527"/>
              <a:gd name="T72" fmla="*/ 2147483647 w 1088"/>
              <a:gd name="T73" fmla="*/ 2147483647 h 2527"/>
              <a:gd name="T74" fmla="*/ 2147483647 w 1088"/>
              <a:gd name="T75" fmla="*/ 2147483647 h 2527"/>
              <a:gd name="T76" fmla="*/ 2147483647 w 1088"/>
              <a:gd name="T77" fmla="*/ 2147483647 h 2527"/>
              <a:gd name="T78" fmla="*/ 2147483647 w 1088"/>
              <a:gd name="T79" fmla="*/ 2147483647 h 2527"/>
              <a:gd name="T80" fmla="*/ 2147483647 w 1088"/>
              <a:gd name="T81" fmla="*/ 2147483647 h 2527"/>
              <a:gd name="T82" fmla="*/ 2147483647 w 1088"/>
              <a:gd name="T83" fmla="*/ 2147483647 h 2527"/>
              <a:gd name="T84" fmla="*/ 2147483647 w 1088"/>
              <a:gd name="T85" fmla="*/ 2147483647 h 2527"/>
              <a:gd name="T86" fmla="*/ 2147483647 w 1088"/>
              <a:gd name="T87" fmla="*/ 2147483647 h 2527"/>
              <a:gd name="T88" fmla="*/ 2147483647 w 1088"/>
              <a:gd name="T89" fmla="*/ 2147483647 h 2527"/>
              <a:gd name="T90" fmla="*/ 2147483647 w 1088"/>
              <a:gd name="T91" fmla="*/ 2147483647 h 2527"/>
              <a:gd name="T92" fmla="*/ 2147483647 w 1088"/>
              <a:gd name="T93" fmla="*/ 2147483647 h 2527"/>
              <a:gd name="T94" fmla="*/ 2147483647 w 1088"/>
              <a:gd name="T95" fmla="*/ 2147483647 h 2527"/>
              <a:gd name="T96" fmla="*/ 2147483647 w 1088"/>
              <a:gd name="T97" fmla="*/ 2147483647 h 2527"/>
              <a:gd name="T98" fmla="*/ 2147483647 w 1088"/>
              <a:gd name="T99" fmla="*/ 2147483647 h 2527"/>
              <a:gd name="T100" fmla="*/ 2147483647 w 1088"/>
              <a:gd name="T101" fmla="*/ 2147483647 h 2527"/>
              <a:gd name="T102" fmla="*/ 2147483647 w 1088"/>
              <a:gd name="T103" fmla="*/ 2147483647 h 2527"/>
              <a:gd name="T104" fmla="*/ 2147483647 w 1088"/>
              <a:gd name="T105" fmla="*/ 2147483647 h 2527"/>
              <a:gd name="T106" fmla="*/ 2147483647 w 1088"/>
              <a:gd name="T107" fmla="*/ 2147483647 h 2527"/>
              <a:gd name="T108" fmla="*/ 2147483647 w 1088"/>
              <a:gd name="T109" fmla="*/ 2147483647 h 2527"/>
              <a:gd name="T110" fmla="*/ 2147483647 w 1088"/>
              <a:gd name="T111" fmla="*/ 2147483647 h 2527"/>
              <a:gd name="T112" fmla="*/ 2147483647 w 1088"/>
              <a:gd name="T113" fmla="*/ 2147483647 h 2527"/>
              <a:gd name="T114" fmla="*/ 2147483647 w 1088"/>
              <a:gd name="T115" fmla="*/ 2147483647 h 2527"/>
              <a:gd name="T116" fmla="*/ 2147483647 w 1088"/>
              <a:gd name="T117" fmla="*/ 2147483647 h 2527"/>
              <a:gd name="T118" fmla="*/ 2147483647 w 1088"/>
              <a:gd name="T119" fmla="*/ 2147483647 h 2527"/>
              <a:gd name="T120" fmla="*/ 2147483647 w 1088"/>
              <a:gd name="T121" fmla="*/ 2147483647 h 2527"/>
              <a:gd name="T122" fmla="*/ 2147483647 w 1088"/>
              <a:gd name="T123" fmla="*/ 2147483647 h 2527"/>
              <a:gd name="T124" fmla="*/ 2147483647 w 1088"/>
              <a:gd name="T125" fmla="*/ 2147483647 h 2527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1088" h="2527">
                <a:moveTo>
                  <a:pt x="286" y="1642"/>
                </a:moveTo>
                <a:lnTo>
                  <a:pt x="288" y="1626"/>
                </a:lnTo>
                <a:lnTo>
                  <a:pt x="280" y="1620"/>
                </a:lnTo>
                <a:lnTo>
                  <a:pt x="276" y="1610"/>
                </a:lnTo>
                <a:lnTo>
                  <a:pt x="282" y="1602"/>
                </a:lnTo>
                <a:lnTo>
                  <a:pt x="292" y="1608"/>
                </a:lnTo>
                <a:lnTo>
                  <a:pt x="302" y="1614"/>
                </a:lnTo>
                <a:lnTo>
                  <a:pt x="302" y="1590"/>
                </a:lnTo>
                <a:lnTo>
                  <a:pt x="310" y="1588"/>
                </a:lnTo>
                <a:lnTo>
                  <a:pt x="328" y="1590"/>
                </a:lnTo>
                <a:lnTo>
                  <a:pt x="332" y="1586"/>
                </a:lnTo>
                <a:lnTo>
                  <a:pt x="334" y="1582"/>
                </a:lnTo>
                <a:lnTo>
                  <a:pt x="336" y="1560"/>
                </a:lnTo>
                <a:lnTo>
                  <a:pt x="350" y="1554"/>
                </a:lnTo>
                <a:lnTo>
                  <a:pt x="374" y="1550"/>
                </a:lnTo>
                <a:lnTo>
                  <a:pt x="386" y="1554"/>
                </a:lnTo>
                <a:lnTo>
                  <a:pt x="398" y="1558"/>
                </a:lnTo>
                <a:lnTo>
                  <a:pt x="412" y="1552"/>
                </a:lnTo>
                <a:lnTo>
                  <a:pt x="420" y="1546"/>
                </a:lnTo>
                <a:lnTo>
                  <a:pt x="426" y="1546"/>
                </a:lnTo>
                <a:lnTo>
                  <a:pt x="434" y="1552"/>
                </a:lnTo>
                <a:lnTo>
                  <a:pt x="450" y="1552"/>
                </a:lnTo>
                <a:lnTo>
                  <a:pt x="462" y="1538"/>
                </a:lnTo>
                <a:lnTo>
                  <a:pt x="464" y="1526"/>
                </a:lnTo>
                <a:lnTo>
                  <a:pt x="478" y="1528"/>
                </a:lnTo>
                <a:lnTo>
                  <a:pt x="482" y="1528"/>
                </a:lnTo>
                <a:lnTo>
                  <a:pt x="488" y="1524"/>
                </a:lnTo>
                <a:lnTo>
                  <a:pt x="496" y="1520"/>
                </a:lnTo>
                <a:lnTo>
                  <a:pt x="488" y="1504"/>
                </a:lnTo>
                <a:lnTo>
                  <a:pt x="490" y="1486"/>
                </a:lnTo>
                <a:lnTo>
                  <a:pt x="504" y="1474"/>
                </a:lnTo>
                <a:lnTo>
                  <a:pt x="516" y="1476"/>
                </a:lnTo>
                <a:lnTo>
                  <a:pt x="532" y="1482"/>
                </a:lnTo>
                <a:lnTo>
                  <a:pt x="548" y="1472"/>
                </a:lnTo>
                <a:lnTo>
                  <a:pt x="544" y="1452"/>
                </a:lnTo>
                <a:lnTo>
                  <a:pt x="544" y="1438"/>
                </a:lnTo>
                <a:lnTo>
                  <a:pt x="540" y="1426"/>
                </a:lnTo>
                <a:lnTo>
                  <a:pt x="554" y="1426"/>
                </a:lnTo>
                <a:lnTo>
                  <a:pt x="564" y="1416"/>
                </a:lnTo>
                <a:lnTo>
                  <a:pt x="566" y="1412"/>
                </a:lnTo>
                <a:lnTo>
                  <a:pt x="568" y="1406"/>
                </a:lnTo>
                <a:lnTo>
                  <a:pt x="570" y="1396"/>
                </a:lnTo>
                <a:lnTo>
                  <a:pt x="588" y="1378"/>
                </a:lnTo>
                <a:lnTo>
                  <a:pt x="594" y="1366"/>
                </a:lnTo>
                <a:lnTo>
                  <a:pt x="594" y="1360"/>
                </a:lnTo>
                <a:lnTo>
                  <a:pt x="594" y="1354"/>
                </a:lnTo>
                <a:lnTo>
                  <a:pt x="596" y="1350"/>
                </a:lnTo>
                <a:lnTo>
                  <a:pt x="604" y="1348"/>
                </a:lnTo>
                <a:lnTo>
                  <a:pt x="610" y="1348"/>
                </a:lnTo>
                <a:lnTo>
                  <a:pt x="624" y="1342"/>
                </a:lnTo>
                <a:lnTo>
                  <a:pt x="636" y="1328"/>
                </a:lnTo>
                <a:lnTo>
                  <a:pt x="650" y="1322"/>
                </a:lnTo>
                <a:lnTo>
                  <a:pt x="654" y="1310"/>
                </a:lnTo>
                <a:lnTo>
                  <a:pt x="666" y="1306"/>
                </a:lnTo>
                <a:lnTo>
                  <a:pt x="680" y="1308"/>
                </a:lnTo>
                <a:lnTo>
                  <a:pt x="688" y="1304"/>
                </a:lnTo>
                <a:lnTo>
                  <a:pt x="692" y="1314"/>
                </a:lnTo>
                <a:lnTo>
                  <a:pt x="706" y="1316"/>
                </a:lnTo>
                <a:lnTo>
                  <a:pt x="720" y="1310"/>
                </a:lnTo>
                <a:lnTo>
                  <a:pt x="722" y="1298"/>
                </a:lnTo>
                <a:lnTo>
                  <a:pt x="728" y="1282"/>
                </a:lnTo>
                <a:lnTo>
                  <a:pt x="734" y="1274"/>
                </a:lnTo>
                <a:lnTo>
                  <a:pt x="732" y="1254"/>
                </a:lnTo>
                <a:lnTo>
                  <a:pt x="730" y="1238"/>
                </a:lnTo>
                <a:lnTo>
                  <a:pt x="724" y="1232"/>
                </a:lnTo>
                <a:lnTo>
                  <a:pt x="712" y="1228"/>
                </a:lnTo>
                <a:lnTo>
                  <a:pt x="698" y="1216"/>
                </a:lnTo>
                <a:lnTo>
                  <a:pt x="676" y="1196"/>
                </a:lnTo>
                <a:lnTo>
                  <a:pt x="670" y="1184"/>
                </a:lnTo>
                <a:lnTo>
                  <a:pt x="658" y="1176"/>
                </a:lnTo>
                <a:lnTo>
                  <a:pt x="652" y="1168"/>
                </a:lnTo>
                <a:lnTo>
                  <a:pt x="650" y="1146"/>
                </a:lnTo>
                <a:lnTo>
                  <a:pt x="648" y="1126"/>
                </a:lnTo>
                <a:lnTo>
                  <a:pt x="632" y="1114"/>
                </a:lnTo>
                <a:lnTo>
                  <a:pt x="610" y="1108"/>
                </a:lnTo>
                <a:lnTo>
                  <a:pt x="588" y="1104"/>
                </a:lnTo>
                <a:lnTo>
                  <a:pt x="578" y="1094"/>
                </a:lnTo>
                <a:lnTo>
                  <a:pt x="562" y="1098"/>
                </a:lnTo>
                <a:lnTo>
                  <a:pt x="552" y="1092"/>
                </a:lnTo>
                <a:lnTo>
                  <a:pt x="550" y="1100"/>
                </a:lnTo>
                <a:lnTo>
                  <a:pt x="560" y="1112"/>
                </a:lnTo>
                <a:lnTo>
                  <a:pt x="576" y="1124"/>
                </a:lnTo>
                <a:lnTo>
                  <a:pt x="590" y="1120"/>
                </a:lnTo>
                <a:lnTo>
                  <a:pt x="610" y="1120"/>
                </a:lnTo>
                <a:lnTo>
                  <a:pt x="624" y="1134"/>
                </a:lnTo>
                <a:lnTo>
                  <a:pt x="636" y="1146"/>
                </a:lnTo>
                <a:lnTo>
                  <a:pt x="638" y="1158"/>
                </a:lnTo>
                <a:lnTo>
                  <a:pt x="634" y="1166"/>
                </a:lnTo>
                <a:lnTo>
                  <a:pt x="624" y="1166"/>
                </a:lnTo>
                <a:lnTo>
                  <a:pt x="614" y="1166"/>
                </a:lnTo>
                <a:lnTo>
                  <a:pt x="616" y="1174"/>
                </a:lnTo>
                <a:lnTo>
                  <a:pt x="624" y="1180"/>
                </a:lnTo>
                <a:lnTo>
                  <a:pt x="620" y="1186"/>
                </a:lnTo>
                <a:lnTo>
                  <a:pt x="608" y="1178"/>
                </a:lnTo>
                <a:lnTo>
                  <a:pt x="598" y="1166"/>
                </a:lnTo>
                <a:lnTo>
                  <a:pt x="588" y="1152"/>
                </a:lnTo>
                <a:lnTo>
                  <a:pt x="576" y="1142"/>
                </a:lnTo>
                <a:lnTo>
                  <a:pt x="572" y="1142"/>
                </a:lnTo>
                <a:lnTo>
                  <a:pt x="574" y="1150"/>
                </a:lnTo>
                <a:lnTo>
                  <a:pt x="582" y="1160"/>
                </a:lnTo>
                <a:lnTo>
                  <a:pt x="590" y="1164"/>
                </a:lnTo>
                <a:lnTo>
                  <a:pt x="592" y="1174"/>
                </a:lnTo>
                <a:lnTo>
                  <a:pt x="590" y="1180"/>
                </a:lnTo>
                <a:lnTo>
                  <a:pt x="594" y="1188"/>
                </a:lnTo>
                <a:lnTo>
                  <a:pt x="598" y="1194"/>
                </a:lnTo>
                <a:lnTo>
                  <a:pt x="588" y="1196"/>
                </a:lnTo>
                <a:lnTo>
                  <a:pt x="576" y="1188"/>
                </a:lnTo>
                <a:lnTo>
                  <a:pt x="568" y="1182"/>
                </a:lnTo>
                <a:lnTo>
                  <a:pt x="564" y="1170"/>
                </a:lnTo>
                <a:lnTo>
                  <a:pt x="556" y="1168"/>
                </a:lnTo>
                <a:lnTo>
                  <a:pt x="560" y="1174"/>
                </a:lnTo>
                <a:lnTo>
                  <a:pt x="566" y="1190"/>
                </a:lnTo>
                <a:lnTo>
                  <a:pt x="574" y="1196"/>
                </a:lnTo>
                <a:lnTo>
                  <a:pt x="586" y="1202"/>
                </a:lnTo>
                <a:lnTo>
                  <a:pt x="596" y="1208"/>
                </a:lnTo>
                <a:lnTo>
                  <a:pt x="602" y="1216"/>
                </a:lnTo>
                <a:lnTo>
                  <a:pt x="602" y="1226"/>
                </a:lnTo>
                <a:lnTo>
                  <a:pt x="592" y="1228"/>
                </a:lnTo>
                <a:lnTo>
                  <a:pt x="600" y="1238"/>
                </a:lnTo>
                <a:lnTo>
                  <a:pt x="612" y="1248"/>
                </a:lnTo>
                <a:lnTo>
                  <a:pt x="626" y="1254"/>
                </a:lnTo>
                <a:lnTo>
                  <a:pt x="640" y="1256"/>
                </a:lnTo>
                <a:lnTo>
                  <a:pt x="656" y="1254"/>
                </a:lnTo>
                <a:lnTo>
                  <a:pt x="666" y="1262"/>
                </a:lnTo>
                <a:lnTo>
                  <a:pt x="670" y="1264"/>
                </a:lnTo>
                <a:lnTo>
                  <a:pt x="674" y="1266"/>
                </a:lnTo>
                <a:lnTo>
                  <a:pt x="678" y="1268"/>
                </a:lnTo>
                <a:lnTo>
                  <a:pt x="690" y="1282"/>
                </a:lnTo>
                <a:lnTo>
                  <a:pt x="698" y="1290"/>
                </a:lnTo>
                <a:lnTo>
                  <a:pt x="696" y="1304"/>
                </a:lnTo>
                <a:lnTo>
                  <a:pt x="692" y="1304"/>
                </a:lnTo>
                <a:lnTo>
                  <a:pt x="688" y="1302"/>
                </a:lnTo>
                <a:lnTo>
                  <a:pt x="682" y="1306"/>
                </a:lnTo>
                <a:lnTo>
                  <a:pt x="676" y="1306"/>
                </a:lnTo>
                <a:lnTo>
                  <a:pt x="670" y="1304"/>
                </a:lnTo>
                <a:lnTo>
                  <a:pt x="664" y="1304"/>
                </a:lnTo>
                <a:lnTo>
                  <a:pt x="660" y="1302"/>
                </a:lnTo>
                <a:lnTo>
                  <a:pt x="654" y="1294"/>
                </a:lnTo>
                <a:lnTo>
                  <a:pt x="642" y="1294"/>
                </a:lnTo>
                <a:lnTo>
                  <a:pt x="642" y="1304"/>
                </a:lnTo>
                <a:lnTo>
                  <a:pt x="648" y="1310"/>
                </a:lnTo>
                <a:lnTo>
                  <a:pt x="652" y="1314"/>
                </a:lnTo>
                <a:lnTo>
                  <a:pt x="648" y="1320"/>
                </a:lnTo>
                <a:lnTo>
                  <a:pt x="634" y="1326"/>
                </a:lnTo>
                <a:lnTo>
                  <a:pt x="622" y="1342"/>
                </a:lnTo>
                <a:lnTo>
                  <a:pt x="610" y="1346"/>
                </a:lnTo>
                <a:lnTo>
                  <a:pt x="594" y="1350"/>
                </a:lnTo>
                <a:lnTo>
                  <a:pt x="592" y="1354"/>
                </a:lnTo>
                <a:lnTo>
                  <a:pt x="592" y="1358"/>
                </a:lnTo>
                <a:lnTo>
                  <a:pt x="592" y="1366"/>
                </a:lnTo>
                <a:lnTo>
                  <a:pt x="586" y="1376"/>
                </a:lnTo>
                <a:lnTo>
                  <a:pt x="568" y="1394"/>
                </a:lnTo>
                <a:lnTo>
                  <a:pt x="568" y="1398"/>
                </a:lnTo>
                <a:lnTo>
                  <a:pt x="564" y="1410"/>
                </a:lnTo>
                <a:lnTo>
                  <a:pt x="554" y="1420"/>
                </a:lnTo>
                <a:lnTo>
                  <a:pt x="550" y="1416"/>
                </a:lnTo>
                <a:lnTo>
                  <a:pt x="550" y="1402"/>
                </a:lnTo>
                <a:lnTo>
                  <a:pt x="538" y="1400"/>
                </a:lnTo>
                <a:lnTo>
                  <a:pt x="538" y="1390"/>
                </a:lnTo>
                <a:lnTo>
                  <a:pt x="524" y="1372"/>
                </a:lnTo>
                <a:lnTo>
                  <a:pt x="502" y="1352"/>
                </a:lnTo>
                <a:lnTo>
                  <a:pt x="478" y="1346"/>
                </a:lnTo>
                <a:lnTo>
                  <a:pt x="462" y="1342"/>
                </a:lnTo>
                <a:lnTo>
                  <a:pt x="438" y="1334"/>
                </a:lnTo>
                <a:lnTo>
                  <a:pt x="426" y="1322"/>
                </a:lnTo>
                <a:lnTo>
                  <a:pt x="416" y="1314"/>
                </a:lnTo>
                <a:lnTo>
                  <a:pt x="406" y="1312"/>
                </a:lnTo>
                <a:lnTo>
                  <a:pt x="404" y="1318"/>
                </a:lnTo>
                <a:lnTo>
                  <a:pt x="394" y="1316"/>
                </a:lnTo>
                <a:lnTo>
                  <a:pt x="388" y="1308"/>
                </a:lnTo>
                <a:lnTo>
                  <a:pt x="376" y="1310"/>
                </a:lnTo>
                <a:lnTo>
                  <a:pt x="374" y="1320"/>
                </a:lnTo>
                <a:lnTo>
                  <a:pt x="376" y="1340"/>
                </a:lnTo>
                <a:lnTo>
                  <a:pt x="368" y="1346"/>
                </a:lnTo>
                <a:lnTo>
                  <a:pt x="356" y="1354"/>
                </a:lnTo>
                <a:lnTo>
                  <a:pt x="356" y="1366"/>
                </a:lnTo>
                <a:lnTo>
                  <a:pt x="358" y="1372"/>
                </a:lnTo>
                <a:lnTo>
                  <a:pt x="356" y="1376"/>
                </a:lnTo>
                <a:lnTo>
                  <a:pt x="356" y="1378"/>
                </a:lnTo>
                <a:lnTo>
                  <a:pt x="354" y="1380"/>
                </a:lnTo>
                <a:lnTo>
                  <a:pt x="344" y="1382"/>
                </a:lnTo>
                <a:lnTo>
                  <a:pt x="348" y="1394"/>
                </a:lnTo>
                <a:lnTo>
                  <a:pt x="366" y="1406"/>
                </a:lnTo>
                <a:lnTo>
                  <a:pt x="380" y="1416"/>
                </a:lnTo>
                <a:lnTo>
                  <a:pt x="398" y="1430"/>
                </a:lnTo>
                <a:lnTo>
                  <a:pt x="398" y="1442"/>
                </a:lnTo>
                <a:lnTo>
                  <a:pt x="406" y="1454"/>
                </a:lnTo>
                <a:lnTo>
                  <a:pt x="416" y="1456"/>
                </a:lnTo>
                <a:lnTo>
                  <a:pt x="426" y="1472"/>
                </a:lnTo>
                <a:lnTo>
                  <a:pt x="440" y="1484"/>
                </a:lnTo>
                <a:lnTo>
                  <a:pt x="444" y="1490"/>
                </a:lnTo>
                <a:lnTo>
                  <a:pt x="448" y="1498"/>
                </a:lnTo>
                <a:lnTo>
                  <a:pt x="458" y="1506"/>
                </a:lnTo>
                <a:lnTo>
                  <a:pt x="462" y="1510"/>
                </a:lnTo>
                <a:lnTo>
                  <a:pt x="464" y="1512"/>
                </a:lnTo>
                <a:lnTo>
                  <a:pt x="466" y="1516"/>
                </a:lnTo>
                <a:lnTo>
                  <a:pt x="464" y="1520"/>
                </a:lnTo>
                <a:lnTo>
                  <a:pt x="462" y="1524"/>
                </a:lnTo>
                <a:lnTo>
                  <a:pt x="462" y="1526"/>
                </a:lnTo>
                <a:lnTo>
                  <a:pt x="460" y="1538"/>
                </a:lnTo>
                <a:lnTo>
                  <a:pt x="448" y="1550"/>
                </a:lnTo>
                <a:lnTo>
                  <a:pt x="434" y="1550"/>
                </a:lnTo>
                <a:lnTo>
                  <a:pt x="428" y="1544"/>
                </a:lnTo>
                <a:lnTo>
                  <a:pt x="418" y="1544"/>
                </a:lnTo>
                <a:lnTo>
                  <a:pt x="412" y="1548"/>
                </a:lnTo>
                <a:lnTo>
                  <a:pt x="406" y="1540"/>
                </a:lnTo>
                <a:lnTo>
                  <a:pt x="392" y="1540"/>
                </a:lnTo>
                <a:lnTo>
                  <a:pt x="380" y="1526"/>
                </a:lnTo>
                <a:lnTo>
                  <a:pt x="356" y="1526"/>
                </a:lnTo>
                <a:lnTo>
                  <a:pt x="346" y="1532"/>
                </a:lnTo>
                <a:lnTo>
                  <a:pt x="326" y="1538"/>
                </a:lnTo>
                <a:lnTo>
                  <a:pt x="308" y="1520"/>
                </a:lnTo>
                <a:lnTo>
                  <a:pt x="298" y="1520"/>
                </a:lnTo>
                <a:lnTo>
                  <a:pt x="284" y="1506"/>
                </a:lnTo>
                <a:lnTo>
                  <a:pt x="286" y="1500"/>
                </a:lnTo>
                <a:lnTo>
                  <a:pt x="292" y="1500"/>
                </a:lnTo>
                <a:lnTo>
                  <a:pt x="286" y="1490"/>
                </a:lnTo>
                <a:lnTo>
                  <a:pt x="286" y="1482"/>
                </a:lnTo>
                <a:lnTo>
                  <a:pt x="282" y="1474"/>
                </a:lnTo>
                <a:lnTo>
                  <a:pt x="272" y="1486"/>
                </a:lnTo>
                <a:lnTo>
                  <a:pt x="264" y="1500"/>
                </a:lnTo>
                <a:lnTo>
                  <a:pt x="256" y="1510"/>
                </a:lnTo>
                <a:lnTo>
                  <a:pt x="236" y="1510"/>
                </a:lnTo>
                <a:lnTo>
                  <a:pt x="248" y="1488"/>
                </a:lnTo>
                <a:lnTo>
                  <a:pt x="268" y="1446"/>
                </a:lnTo>
                <a:lnTo>
                  <a:pt x="278" y="1438"/>
                </a:lnTo>
                <a:lnTo>
                  <a:pt x="284" y="1422"/>
                </a:lnTo>
                <a:lnTo>
                  <a:pt x="298" y="1402"/>
                </a:lnTo>
                <a:lnTo>
                  <a:pt x="314" y="1358"/>
                </a:lnTo>
                <a:lnTo>
                  <a:pt x="340" y="1302"/>
                </a:lnTo>
                <a:lnTo>
                  <a:pt x="358" y="1246"/>
                </a:lnTo>
                <a:lnTo>
                  <a:pt x="378" y="1204"/>
                </a:lnTo>
                <a:lnTo>
                  <a:pt x="378" y="1142"/>
                </a:lnTo>
                <a:lnTo>
                  <a:pt x="356" y="1128"/>
                </a:lnTo>
                <a:lnTo>
                  <a:pt x="348" y="1112"/>
                </a:lnTo>
                <a:lnTo>
                  <a:pt x="326" y="1102"/>
                </a:lnTo>
                <a:lnTo>
                  <a:pt x="300" y="1094"/>
                </a:lnTo>
                <a:lnTo>
                  <a:pt x="258" y="1068"/>
                </a:lnTo>
                <a:lnTo>
                  <a:pt x="274" y="1052"/>
                </a:lnTo>
                <a:lnTo>
                  <a:pt x="274" y="1034"/>
                </a:lnTo>
                <a:lnTo>
                  <a:pt x="282" y="1022"/>
                </a:lnTo>
                <a:lnTo>
                  <a:pt x="282" y="1012"/>
                </a:lnTo>
                <a:lnTo>
                  <a:pt x="274" y="994"/>
                </a:lnTo>
                <a:lnTo>
                  <a:pt x="260" y="988"/>
                </a:lnTo>
                <a:lnTo>
                  <a:pt x="242" y="986"/>
                </a:lnTo>
                <a:lnTo>
                  <a:pt x="240" y="970"/>
                </a:lnTo>
                <a:lnTo>
                  <a:pt x="228" y="966"/>
                </a:lnTo>
                <a:lnTo>
                  <a:pt x="228" y="956"/>
                </a:lnTo>
                <a:lnTo>
                  <a:pt x="238" y="942"/>
                </a:lnTo>
                <a:lnTo>
                  <a:pt x="226" y="932"/>
                </a:lnTo>
                <a:lnTo>
                  <a:pt x="210" y="936"/>
                </a:lnTo>
                <a:lnTo>
                  <a:pt x="198" y="920"/>
                </a:lnTo>
                <a:lnTo>
                  <a:pt x="190" y="906"/>
                </a:lnTo>
                <a:lnTo>
                  <a:pt x="202" y="892"/>
                </a:lnTo>
                <a:lnTo>
                  <a:pt x="200" y="884"/>
                </a:lnTo>
                <a:lnTo>
                  <a:pt x="186" y="882"/>
                </a:lnTo>
                <a:lnTo>
                  <a:pt x="184" y="860"/>
                </a:lnTo>
                <a:lnTo>
                  <a:pt x="180" y="842"/>
                </a:lnTo>
                <a:lnTo>
                  <a:pt x="180" y="824"/>
                </a:lnTo>
                <a:lnTo>
                  <a:pt x="196" y="816"/>
                </a:lnTo>
                <a:lnTo>
                  <a:pt x="184" y="788"/>
                </a:lnTo>
                <a:lnTo>
                  <a:pt x="162" y="756"/>
                </a:lnTo>
                <a:lnTo>
                  <a:pt x="144" y="734"/>
                </a:lnTo>
                <a:lnTo>
                  <a:pt x="116" y="698"/>
                </a:lnTo>
                <a:lnTo>
                  <a:pt x="100" y="680"/>
                </a:lnTo>
                <a:lnTo>
                  <a:pt x="96" y="650"/>
                </a:lnTo>
                <a:lnTo>
                  <a:pt x="106" y="616"/>
                </a:lnTo>
                <a:lnTo>
                  <a:pt x="116" y="590"/>
                </a:lnTo>
                <a:lnTo>
                  <a:pt x="122" y="570"/>
                </a:lnTo>
                <a:lnTo>
                  <a:pt x="114" y="558"/>
                </a:lnTo>
                <a:lnTo>
                  <a:pt x="94" y="550"/>
                </a:lnTo>
                <a:lnTo>
                  <a:pt x="70" y="520"/>
                </a:lnTo>
                <a:lnTo>
                  <a:pt x="40" y="516"/>
                </a:lnTo>
                <a:lnTo>
                  <a:pt x="14" y="478"/>
                </a:lnTo>
                <a:lnTo>
                  <a:pt x="10" y="464"/>
                </a:lnTo>
                <a:lnTo>
                  <a:pt x="16" y="424"/>
                </a:lnTo>
                <a:lnTo>
                  <a:pt x="0" y="422"/>
                </a:lnTo>
                <a:lnTo>
                  <a:pt x="20" y="400"/>
                </a:lnTo>
                <a:lnTo>
                  <a:pt x="30" y="390"/>
                </a:lnTo>
                <a:lnTo>
                  <a:pt x="28" y="358"/>
                </a:lnTo>
                <a:lnTo>
                  <a:pt x="56" y="338"/>
                </a:lnTo>
                <a:lnTo>
                  <a:pt x="56" y="306"/>
                </a:lnTo>
                <a:lnTo>
                  <a:pt x="68" y="308"/>
                </a:lnTo>
                <a:lnTo>
                  <a:pt x="82" y="310"/>
                </a:lnTo>
                <a:lnTo>
                  <a:pt x="88" y="302"/>
                </a:lnTo>
                <a:lnTo>
                  <a:pt x="84" y="288"/>
                </a:lnTo>
                <a:lnTo>
                  <a:pt x="80" y="278"/>
                </a:lnTo>
                <a:lnTo>
                  <a:pt x="98" y="276"/>
                </a:lnTo>
                <a:lnTo>
                  <a:pt x="110" y="284"/>
                </a:lnTo>
                <a:lnTo>
                  <a:pt x="122" y="276"/>
                </a:lnTo>
                <a:lnTo>
                  <a:pt x="116" y="256"/>
                </a:lnTo>
                <a:lnTo>
                  <a:pt x="130" y="256"/>
                </a:lnTo>
                <a:lnTo>
                  <a:pt x="138" y="272"/>
                </a:lnTo>
                <a:lnTo>
                  <a:pt x="140" y="284"/>
                </a:lnTo>
                <a:lnTo>
                  <a:pt x="152" y="284"/>
                </a:lnTo>
                <a:lnTo>
                  <a:pt x="158" y="294"/>
                </a:lnTo>
                <a:lnTo>
                  <a:pt x="182" y="290"/>
                </a:lnTo>
                <a:lnTo>
                  <a:pt x="186" y="300"/>
                </a:lnTo>
                <a:lnTo>
                  <a:pt x="212" y="288"/>
                </a:lnTo>
                <a:lnTo>
                  <a:pt x="214" y="314"/>
                </a:lnTo>
                <a:lnTo>
                  <a:pt x="216" y="326"/>
                </a:lnTo>
                <a:lnTo>
                  <a:pt x="222" y="328"/>
                </a:lnTo>
                <a:lnTo>
                  <a:pt x="224" y="308"/>
                </a:lnTo>
                <a:lnTo>
                  <a:pt x="226" y="296"/>
                </a:lnTo>
                <a:lnTo>
                  <a:pt x="240" y="290"/>
                </a:lnTo>
                <a:lnTo>
                  <a:pt x="242" y="280"/>
                </a:lnTo>
                <a:lnTo>
                  <a:pt x="256" y="288"/>
                </a:lnTo>
                <a:lnTo>
                  <a:pt x="300" y="292"/>
                </a:lnTo>
                <a:lnTo>
                  <a:pt x="302" y="278"/>
                </a:lnTo>
                <a:lnTo>
                  <a:pt x="346" y="280"/>
                </a:lnTo>
                <a:lnTo>
                  <a:pt x="414" y="302"/>
                </a:lnTo>
                <a:lnTo>
                  <a:pt x="442" y="308"/>
                </a:lnTo>
                <a:lnTo>
                  <a:pt x="470" y="328"/>
                </a:lnTo>
                <a:lnTo>
                  <a:pt x="486" y="330"/>
                </a:lnTo>
                <a:lnTo>
                  <a:pt x="496" y="340"/>
                </a:lnTo>
                <a:lnTo>
                  <a:pt x="514" y="334"/>
                </a:lnTo>
                <a:lnTo>
                  <a:pt x="540" y="342"/>
                </a:lnTo>
                <a:lnTo>
                  <a:pt x="554" y="352"/>
                </a:lnTo>
                <a:lnTo>
                  <a:pt x="572" y="350"/>
                </a:lnTo>
                <a:lnTo>
                  <a:pt x="574" y="342"/>
                </a:lnTo>
                <a:lnTo>
                  <a:pt x="590" y="352"/>
                </a:lnTo>
                <a:lnTo>
                  <a:pt x="612" y="362"/>
                </a:lnTo>
                <a:lnTo>
                  <a:pt x="614" y="374"/>
                </a:lnTo>
                <a:lnTo>
                  <a:pt x="620" y="366"/>
                </a:lnTo>
                <a:lnTo>
                  <a:pt x="650" y="366"/>
                </a:lnTo>
                <a:lnTo>
                  <a:pt x="660" y="394"/>
                </a:lnTo>
                <a:lnTo>
                  <a:pt x="670" y="400"/>
                </a:lnTo>
                <a:lnTo>
                  <a:pt x="676" y="418"/>
                </a:lnTo>
                <a:lnTo>
                  <a:pt x="692" y="422"/>
                </a:lnTo>
                <a:lnTo>
                  <a:pt x="702" y="450"/>
                </a:lnTo>
                <a:lnTo>
                  <a:pt x="702" y="482"/>
                </a:lnTo>
                <a:lnTo>
                  <a:pt x="698" y="526"/>
                </a:lnTo>
                <a:lnTo>
                  <a:pt x="676" y="568"/>
                </a:lnTo>
                <a:lnTo>
                  <a:pt x="650" y="596"/>
                </a:lnTo>
                <a:lnTo>
                  <a:pt x="618" y="622"/>
                </a:lnTo>
                <a:lnTo>
                  <a:pt x="584" y="630"/>
                </a:lnTo>
                <a:lnTo>
                  <a:pt x="554" y="628"/>
                </a:lnTo>
                <a:lnTo>
                  <a:pt x="510" y="628"/>
                </a:lnTo>
                <a:lnTo>
                  <a:pt x="502" y="634"/>
                </a:lnTo>
                <a:lnTo>
                  <a:pt x="470" y="638"/>
                </a:lnTo>
                <a:lnTo>
                  <a:pt x="436" y="638"/>
                </a:lnTo>
                <a:lnTo>
                  <a:pt x="406" y="626"/>
                </a:lnTo>
                <a:lnTo>
                  <a:pt x="392" y="634"/>
                </a:lnTo>
                <a:lnTo>
                  <a:pt x="384" y="638"/>
                </a:lnTo>
                <a:lnTo>
                  <a:pt x="376" y="626"/>
                </a:lnTo>
                <a:lnTo>
                  <a:pt x="364" y="626"/>
                </a:lnTo>
                <a:lnTo>
                  <a:pt x="350" y="626"/>
                </a:lnTo>
                <a:lnTo>
                  <a:pt x="334" y="618"/>
                </a:lnTo>
                <a:lnTo>
                  <a:pt x="328" y="618"/>
                </a:lnTo>
                <a:lnTo>
                  <a:pt x="328" y="628"/>
                </a:lnTo>
                <a:lnTo>
                  <a:pt x="312" y="626"/>
                </a:lnTo>
                <a:lnTo>
                  <a:pt x="290" y="614"/>
                </a:lnTo>
                <a:lnTo>
                  <a:pt x="282" y="608"/>
                </a:lnTo>
                <a:lnTo>
                  <a:pt x="284" y="598"/>
                </a:lnTo>
                <a:lnTo>
                  <a:pt x="250" y="594"/>
                </a:lnTo>
                <a:lnTo>
                  <a:pt x="246" y="602"/>
                </a:lnTo>
                <a:lnTo>
                  <a:pt x="256" y="608"/>
                </a:lnTo>
                <a:lnTo>
                  <a:pt x="270" y="612"/>
                </a:lnTo>
                <a:lnTo>
                  <a:pt x="272" y="628"/>
                </a:lnTo>
                <a:lnTo>
                  <a:pt x="296" y="636"/>
                </a:lnTo>
                <a:lnTo>
                  <a:pt x="302" y="644"/>
                </a:lnTo>
                <a:lnTo>
                  <a:pt x="318" y="646"/>
                </a:lnTo>
                <a:lnTo>
                  <a:pt x="334" y="652"/>
                </a:lnTo>
                <a:lnTo>
                  <a:pt x="324" y="660"/>
                </a:lnTo>
                <a:lnTo>
                  <a:pt x="352" y="666"/>
                </a:lnTo>
                <a:lnTo>
                  <a:pt x="352" y="682"/>
                </a:lnTo>
                <a:lnTo>
                  <a:pt x="374" y="688"/>
                </a:lnTo>
                <a:lnTo>
                  <a:pt x="402" y="690"/>
                </a:lnTo>
                <a:lnTo>
                  <a:pt x="428" y="708"/>
                </a:lnTo>
                <a:lnTo>
                  <a:pt x="446" y="728"/>
                </a:lnTo>
                <a:lnTo>
                  <a:pt x="442" y="732"/>
                </a:lnTo>
                <a:lnTo>
                  <a:pt x="434" y="734"/>
                </a:lnTo>
                <a:lnTo>
                  <a:pt x="436" y="742"/>
                </a:lnTo>
                <a:lnTo>
                  <a:pt x="440" y="750"/>
                </a:lnTo>
                <a:lnTo>
                  <a:pt x="446" y="754"/>
                </a:lnTo>
                <a:lnTo>
                  <a:pt x="446" y="778"/>
                </a:lnTo>
                <a:lnTo>
                  <a:pt x="436" y="782"/>
                </a:lnTo>
                <a:lnTo>
                  <a:pt x="438" y="790"/>
                </a:lnTo>
                <a:lnTo>
                  <a:pt x="456" y="808"/>
                </a:lnTo>
                <a:lnTo>
                  <a:pt x="468" y="816"/>
                </a:lnTo>
                <a:lnTo>
                  <a:pt x="472" y="834"/>
                </a:lnTo>
                <a:lnTo>
                  <a:pt x="486" y="844"/>
                </a:lnTo>
                <a:lnTo>
                  <a:pt x="492" y="850"/>
                </a:lnTo>
                <a:lnTo>
                  <a:pt x="494" y="866"/>
                </a:lnTo>
                <a:lnTo>
                  <a:pt x="494" y="884"/>
                </a:lnTo>
                <a:lnTo>
                  <a:pt x="524" y="896"/>
                </a:lnTo>
                <a:lnTo>
                  <a:pt x="542" y="896"/>
                </a:lnTo>
                <a:lnTo>
                  <a:pt x="546" y="888"/>
                </a:lnTo>
                <a:lnTo>
                  <a:pt x="558" y="884"/>
                </a:lnTo>
                <a:lnTo>
                  <a:pt x="566" y="900"/>
                </a:lnTo>
                <a:lnTo>
                  <a:pt x="580" y="896"/>
                </a:lnTo>
                <a:lnTo>
                  <a:pt x="592" y="906"/>
                </a:lnTo>
                <a:lnTo>
                  <a:pt x="596" y="916"/>
                </a:lnTo>
                <a:lnTo>
                  <a:pt x="628" y="920"/>
                </a:lnTo>
                <a:lnTo>
                  <a:pt x="656" y="916"/>
                </a:lnTo>
                <a:lnTo>
                  <a:pt x="666" y="922"/>
                </a:lnTo>
                <a:lnTo>
                  <a:pt x="674" y="918"/>
                </a:lnTo>
                <a:lnTo>
                  <a:pt x="676" y="904"/>
                </a:lnTo>
                <a:lnTo>
                  <a:pt x="690" y="894"/>
                </a:lnTo>
                <a:lnTo>
                  <a:pt x="692" y="876"/>
                </a:lnTo>
                <a:lnTo>
                  <a:pt x="674" y="858"/>
                </a:lnTo>
                <a:lnTo>
                  <a:pt x="674" y="848"/>
                </a:lnTo>
                <a:lnTo>
                  <a:pt x="652" y="834"/>
                </a:lnTo>
                <a:lnTo>
                  <a:pt x="644" y="850"/>
                </a:lnTo>
                <a:lnTo>
                  <a:pt x="630" y="854"/>
                </a:lnTo>
                <a:lnTo>
                  <a:pt x="588" y="822"/>
                </a:lnTo>
                <a:lnTo>
                  <a:pt x="578" y="822"/>
                </a:lnTo>
                <a:lnTo>
                  <a:pt x="566" y="804"/>
                </a:lnTo>
                <a:lnTo>
                  <a:pt x="582" y="790"/>
                </a:lnTo>
                <a:lnTo>
                  <a:pt x="574" y="774"/>
                </a:lnTo>
                <a:lnTo>
                  <a:pt x="578" y="756"/>
                </a:lnTo>
                <a:lnTo>
                  <a:pt x="610" y="756"/>
                </a:lnTo>
                <a:lnTo>
                  <a:pt x="630" y="766"/>
                </a:lnTo>
                <a:lnTo>
                  <a:pt x="638" y="774"/>
                </a:lnTo>
                <a:lnTo>
                  <a:pt x="668" y="776"/>
                </a:lnTo>
                <a:lnTo>
                  <a:pt x="662" y="784"/>
                </a:lnTo>
                <a:lnTo>
                  <a:pt x="660" y="792"/>
                </a:lnTo>
                <a:lnTo>
                  <a:pt x="666" y="794"/>
                </a:lnTo>
                <a:lnTo>
                  <a:pt x="672" y="784"/>
                </a:lnTo>
                <a:lnTo>
                  <a:pt x="676" y="774"/>
                </a:lnTo>
                <a:lnTo>
                  <a:pt x="706" y="774"/>
                </a:lnTo>
                <a:lnTo>
                  <a:pt x="738" y="778"/>
                </a:lnTo>
                <a:lnTo>
                  <a:pt x="754" y="776"/>
                </a:lnTo>
                <a:lnTo>
                  <a:pt x="758" y="764"/>
                </a:lnTo>
                <a:lnTo>
                  <a:pt x="804" y="764"/>
                </a:lnTo>
                <a:lnTo>
                  <a:pt x="818" y="762"/>
                </a:lnTo>
                <a:lnTo>
                  <a:pt x="810" y="754"/>
                </a:lnTo>
                <a:lnTo>
                  <a:pt x="800" y="758"/>
                </a:lnTo>
                <a:lnTo>
                  <a:pt x="786" y="750"/>
                </a:lnTo>
                <a:lnTo>
                  <a:pt x="782" y="740"/>
                </a:lnTo>
                <a:lnTo>
                  <a:pt x="782" y="732"/>
                </a:lnTo>
                <a:lnTo>
                  <a:pt x="760" y="710"/>
                </a:lnTo>
                <a:lnTo>
                  <a:pt x="738" y="700"/>
                </a:lnTo>
                <a:lnTo>
                  <a:pt x="718" y="684"/>
                </a:lnTo>
                <a:lnTo>
                  <a:pt x="704" y="666"/>
                </a:lnTo>
                <a:lnTo>
                  <a:pt x="704" y="642"/>
                </a:lnTo>
                <a:lnTo>
                  <a:pt x="718" y="628"/>
                </a:lnTo>
                <a:lnTo>
                  <a:pt x="722" y="622"/>
                </a:lnTo>
                <a:lnTo>
                  <a:pt x="726" y="612"/>
                </a:lnTo>
                <a:lnTo>
                  <a:pt x="726" y="584"/>
                </a:lnTo>
                <a:lnTo>
                  <a:pt x="754" y="562"/>
                </a:lnTo>
                <a:lnTo>
                  <a:pt x="766" y="528"/>
                </a:lnTo>
                <a:lnTo>
                  <a:pt x="768" y="504"/>
                </a:lnTo>
                <a:lnTo>
                  <a:pt x="770" y="482"/>
                </a:lnTo>
                <a:lnTo>
                  <a:pt x="794" y="482"/>
                </a:lnTo>
                <a:lnTo>
                  <a:pt x="804" y="486"/>
                </a:lnTo>
                <a:lnTo>
                  <a:pt x="828" y="470"/>
                </a:lnTo>
                <a:lnTo>
                  <a:pt x="842" y="478"/>
                </a:lnTo>
                <a:lnTo>
                  <a:pt x="858" y="480"/>
                </a:lnTo>
                <a:lnTo>
                  <a:pt x="856" y="492"/>
                </a:lnTo>
                <a:lnTo>
                  <a:pt x="850" y="504"/>
                </a:lnTo>
                <a:lnTo>
                  <a:pt x="854" y="512"/>
                </a:lnTo>
                <a:lnTo>
                  <a:pt x="858" y="506"/>
                </a:lnTo>
                <a:lnTo>
                  <a:pt x="864" y="490"/>
                </a:lnTo>
                <a:lnTo>
                  <a:pt x="874" y="484"/>
                </a:lnTo>
                <a:lnTo>
                  <a:pt x="882" y="494"/>
                </a:lnTo>
                <a:lnTo>
                  <a:pt x="894" y="508"/>
                </a:lnTo>
                <a:lnTo>
                  <a:pt x="894" y="496"/>
                </a:lnTo>
                <a:lnTo>
                  <a:pt x="878" y="472"/>
                </a:lnTo>
                <a:lnTo>
                  <a:pt x="874" y="440"/>
                </a:lnTo>
                <a:lnTo>
                  <a:pt x="872" y="410"/>
                </a:lnTo>
                <a:lnTo>
                  <a:pt x="860" y="404"/>
                </a:lnTo>
                <a:lnTo>
                  <a:pt x="858" y="388"/>
                </a:lnTo>
                <a:lnTo>
                  <a:pt x="844" y="374"/>
                </a:lnTo>
                <a:lnTo>
                  <a:pt x="828" y="364"/>
                </a:lnTo>
                <a:lnTo>
                  <a:pt x="818" y="364"/>
                </a:lnTo>
                <a:lnTo>
                  <a:pt x="812" y="372"/>
                </a:lnTo>
                <a:lnTo>
                  <a:pt x="804" y="362"/>
                </a:lnTo>
                <a:lnTo>
                  <a:pt x="796" y="346"/>
                </a:lnTo>
                <a:lnTo>
                  <a:pt x="790" y="300"/>
                </a:lnTo>
                <a:lnTo>
                  <a:pt x="778" y="262"/>
                </a:lnTo>
                <a:lnTo>
                  <a:pt x="768" y="242"/>
                </a:lnTo>
                <a:lnTo>
                  <a:pt x="756" y="222"/>
                </a:lnTo>
                <a:lnTo>
                  <a:pt x="742" y="216"/>
                </a:lnTo>
                <a:lnTo>
                  <a:pt x="722" y="216"/>
                </a:lnTo>
                <a:lnTo>
                  <a:pt x="708" y="210"/>
                </a:lnTo>
                <a:lnTo>
                  <a:pt x="698" y="204"/>
                </a:lnTo>
                <a:lnTo>
                  <a:pt x="694" y="198"/>
                </a:lnTo>
                <a:lnTo>
                  <a:pt x="704" y="190"/>
                </a:lnTo>
                <a:lnTo>
                  <a:pt x="716" y="194"/>
                </a:lnTo>
                <a:lnTo>
                  <a:pt x="734" y="196"/>
                </a:lnTo>
                <a:lnTo>
                  <a:pt x="748" y="188"/>
                </a:lnTo>
                <a:lnTo>
                  <a:pt x="774" y="172"/>
                </a:lnTo>
                <a:lnTo>
                  <a:pt x="788" y="164"/>
                </a:lnTo>
                <a:lnTo>
                  <a:pt x="822" y="162"/>
                </a:lnTo>
                <a:lnTo>
                  <a:pt x="832" y="170"/>
                </a:lnTo>
                <a:lnTo>
                  <a:pt x="850" y="184"/>
                </a:lnTo>
                <a:lnTo>
                  <a:pt x="870" y="184"/>
                </a:lnTo>
                <a:lnTo>
                  <a:pt x="886" y="202"/>
                </a:lnTo>
                <a:lnTo>
                  <a:pt x="904" y="218"/>
                </a:lnTo>
                <a:lnTo>
                  <a:pt x="896" y="226"/>
                </a:lnTo>
                <a:lnTo>
                  <a:pt x="878" y="234"/>
                </a:lnTo>
                <a:lnTo>
                  <a:pt x="860" y="252"/>
                </a:lnTo>
                <a:lnTo>
                  <a:pt x="846" y="266"/>
                </a:lnTo>
                <a:lnTo>
                  <a:pt x="850" y="282"/>
                </a:lnTo>
                <a:lnTo>
                  <a:pt x="844" y="298"/>
                </a:lnTo>
                <a:lnTo>
                  <a:pt x="848" y="318"/>
                </a:lnTo>
                <a:lnTo>
                  <a:pt x="862" y="324"/>
                </a:lnTo>
                <a:lnTo>
                  <a:pt x="882" y="324"/>
                </a:lnTo>
                <a:lnTo>
                  <a:pt x="892" y="326"/>
                </a:lnTo>
                <a:lnTo>
                  <a:pt x="906" y="338"/>
                </a:lnTo>
                <a:lnTo>
                  <a:pt x="922" y="352"/>
                </a:lnTo>
                <a:lnTo>
                  <a:pt x="928" y="354"/>
                </a:lnTo>
                <a:lnTo>
                  <a:pt x="936" y="356"/>
                </a:lnTo>
                <a:lnTo>
                  <a:pt x="946" y="346"/>
                </a:lnTo>
                <a:lnTo>
                  <a:pt x="952" y="338"/>
                </a:lnTo>
                <a:lnTo>
                  <a:pt x="956" y="346"/>
                </a:lnTo>
                <a:lnTo>
                  <a:pt x="974" y="330"/>
                </a:lnTo>
                <a:lnTo>
                  <a:pt x="994" y="306"/>
                </a:lnTo>
                <a:lnTo>
                  <a:pt x="1000" y="306"/>
                </a:lnTo>
                <a:lnTo>
                  <a:pt x="1000" y="286"/>
                </a:lnTo>
                <a:lnTo>
                  <a:pt x="988" y="266"/>
                </a:lnTo>
                <a:lnTo>
                  <a:pt x="982" y="236"/>
                </a:lnTo>
                <a:lnTo>
                  <a:pt x="966" y="218"/>
                </a:lnTo>
                <a:lnTo>
                  <a:pt x="982" y="198"/>
                </a:lnTo>
                <a:lnTo>
                  <a:pt x="998" y="186"/>
                </a:lnTo>
                <a:lnTo>
                  <a:pt x="1004" y="184"/>
                </a:lnTo>
                <a:lnTo>
                  <a:pt x="1002" y="174"/>
                </a:lnTo>
                <a:lnTo>
                  <a:pt x="988" y="164"/>
                </a:lnTo>
                <a:lnTo>
                  <a:pt x="994" y="162"/>
                </a:lnTo>
                <a:lnTo>
                  <a:pt x="1006" y="152"/>
                </a:lnTo>
                <a:lnTo>
                  <a:pt x="1028" y="116"/>
                </a:lnTo>
                <a:lnTo>
                  <a:pt x="1036" y="80"/>
                </a:lnTo>
                <a:lnTo>
                  <a:pt x="1042" y="54"/>
                </a:lnTo>
                <a:lnTo>
                  <a:pt x="1054" y="52"/>
                </a:lnTo>
                <a:lnTo>
                  <a:pt x="1070" y="20"/>
                </a:lnTo>
                <a:lnTo>
                  <a:pt x="1082" y="4"/>
                </a:lnTo>
                <a:lnTo>
                  <a:pt x="1088" y="0"/>
                </a:lnTo>
                <a:lnTo>
                  <a:pt x="1088" y="2512"/>
                </a:lnTo>
                <a:lnTo>
                  <a:pt x="1076" y="2523"/>
                </a:lnTo>
                <a:lnTo>
                  <a:pt x="1068" y="2523"/>
                </a:lnTo>
                <a:lnTo>
                  <a:pt x="1062" y="2518"/>
                </a:lnTo>
                <a:lnTo>
                  <a:pt x="1040" y="2527"/>
                </a:lnTo>
                <a:lnTo>
                  <a:pt x="1030" y="2525"/>
                </a:lnTo>
                <a:lnTo>
                  <a:pt x="1030" y="2512"/>
                </a:lnTo>
                <a:lnTo>
                  <a:pt x="1022" y="2510"/>
                </a:lnTo>
                <a:lnTo>
                  <a:pt x="1020" y="2496"/>
                </a:lnTo>
                <a:lnTo>
                  <a:pt x="1004" y="2478"/>
                </a:lnTo>
                <a:lnTo>
                  <a:pt x="1026" y="2464"/>
                </a:lnTo>
                <a:lnTo>
                  <a:pt x="1008" y="2446"/>
                </a:lnTo>
                <a:lnTo>
                  <a:pt x="990" y="2442"/>
                </a:lnTo>
                <a:lnTo>
                  <a:pt x="982" y="2420"/>
                </a:lnTo>
                <a:lnTo>
                  <a:pt x="950" y="2404"/>
                </a:lnTo>
                <a:lnTo>
                  <a:pt x="936" y="2412"/>
                </a:lnTo>
                <a:lnTo>
                  <a:pt x="924" y="2410"/>
                </a:lnTo>
                <a:lnTo>
                  <a:pt x="906" y="2416"/>
                </a:lnTo>
                <a:lnTo>
                  <a:pt x="886" y="2438"/>
                </a:lnTo>
                <a:lnTo>
                  <a:pt x="848" y="2442"/>
                </a:lnTo>
                <a:lnTo>
                  <a:pt x="846" y="2476"/>
                </a:lnTo>
                <a:lnTo>
                  <a:pt x="826" y="2486"/>
                </a:lnTo>
                <a:lnTo>
                  <a:pt x="812" y="2482"/>
                </a:lnTo>
                <a:lnTo>
                  <a:pt x="792" y="2466"/>
                </a:lnTo>
                <a:lnTo>
                  <a:pt x="782" y="2452"/>
                </a:lnTo>
                <a:lnTo>
                  <a:pt x="778" y="2430"/>
                </a:lnTo>
                <a:lnTo>
                  <a:pt x="768" y="2422"/>
                </a:lnTo>
                <a:lnTo>
                  <a:pt x="768" y="2402"/>
                </a:lnTo>
                <a:lnTo>
                  <a:pt x="752" y="2396"/>
                </a:lnTo>
                <a:lnTo>
                  <a:pt x="738" y="2380"/>
                </a:lnTo>
                <a:lnTo>
                  <a:pt x="740" y="2354"/>
                </a:lnTo>
                <a:lnTo>
                  <a:pt x="746" y="2352"/>
                </a:lnTo>
                <a:lnTo>
                  <a:pt x="766" y="2348"/>
                </a:lnTo>
                <a:lnTo>
                  <a:pt x="780" y="2356"/>
                </a:lnTo>
                <a:lnTo>
                  <a:pt x="786" y="2356"/>
                </a:lnTo>
                <a:lnTo>
                  <a:pt x="800" y="2354"/>
                </a:lnTo>
                <a:lnTo>
                  <a:pt x="816" y="2332"/>
                </a:lnTo>
                <a:lnTo>
                  <a:pt x="816" y="2316"/>
                </a:lnTo>
                <a:lnTo>
                  <a:pt x="830" y="2312"/>
                </a:lnTo>
                <a:lnTo>
                  <a:pt x="832" y="2300"/>
                </a:lnTo>
                <a:lnTo>
                  <a:pt x="802" y="2286"/>
                </a:lnTo>
                <a:lnTo>
                  <a:pt x="798" y="2270"/>
                </a:lnTo>
                <a:lnTo>
                  <a:pt x="788" y="2264"/>
                </a:lnTo>
                <a:lnTo>
                  <a:pt x="768" y="2264"/>
                </a:lnTo>
                <a:lnTo>
                  <a:pt x="758" y="2270"/>
                </a:lnTo>
                <a:lnTo>
                  <a:pt x="744" y="2274"/>
                </a:lnTo>
                <a:lnTo>
                  <a:pt x="744" y="2254"/>
                </a:lnTo>
                <a:lnTo>
                  <a:pt x="740" y="2240"/>
                </a:lnTo>
                <a:lnTo>
                  <a:pt x="716" y="2238"/>
                </a:lnTo>
                <a:lnTo>
                  <a:pt x="694" y="2228"/>
                </a:lnTo>
                <a:lnTo>
                  <a:pt x="682" y="2210"/>
                </a:lnTo>
                <a:lnTo>
                  <a:pt x="666" y="2200"/>
                </a:lnTo>
                <a:lnTo>
                  <a:pt x="668" y="2186"/>
                </a:lnTo>
                <a:lnTo>
                  <a:pt x="634" y="2168"/>
                </a:lnTo>
                <a:lnTo>
                  <a:pt x="640" y="2130"/>
                </a:lnTo>
                <a:lnTo>
                  <a:pt x="618" y="2108"/>
                </a:lnTo>
                <a:lnTo>
                  <a:pt x="624" y="2094"/>
                </a:lnTo>
                <a:lnTo>
                  <a:pt x="614" y="2070"/>
                </a:lnTo>
                <a:lnTo>
                  <a:pt x="602" y="2074"/>
                </a:lnTo>
                <a:lnTo>
                  <a:pt x="590" y="2064"/>
                </a:lnTo>
                <a:lnTo>
                  <a:pt x="572" y="2054"/>
                </a:lnTo>
                <a:lnTo>
                  <a:pt x="540" y="2056"/>
                </a:lnTo>
                <a:lnTo>
                  <a:pt x="524" y="2070"/>
                </a:lnTo>
                <a:lnTo>
                  <a:pt x="512" y="2088"/>
                </a:lnTo>
                <a:lnTo>
                  <a:pt x="496" y="2074"/>
                </a:lnTo>
                <a:lnTo>
                  <a:pt x="500" y="2062"/>
                </a:lnTo>
                <a:lnTo>
                  <a:pt x="494" y="2054"/>
                </a:lnTo>
                <a:lnTo>
                  <a:pt x="468" y="2054"/>
                </a:lnTo>
                <a:lnTo>
                  <a:pt x="448" y="2070"/>
                </a:lnTo>
                <a:lnTo>
                  <a:pt x="438" y="2056"/>
                </a:lnTo>
                <a:lnTo>
                  <a:pt x="422" y="2056"/>
                </a:lnTo>
                <a:lnTo>
                  <a:pt x="420" y="2062"/>
                </a:lnTo>
                <a:lnTo>
                  <a:pt x="410" y="2060"/>
                </a:lnTo>
                <a:lnTo>
                  <a:pt x="402" y="2054"/>
                </a:lnTo>
                <a:lnTo>
                  <a:pt x="402" y="2032"/>
                </a:lnTo>
                <a:lnTo>
                  <a:pt x="378" y="1998"/>
                </a:lnTo>
                <a:lnTo>
                  <a:pt x="366" y="1984"/>
                </a:lnTo>
                <a:lnTo>
                  <a:pt x="362" y="1970"/>
                </a:lnTo>
                <a:lnTo>
                  <a:pt x="346" y="1968"/>
                </a:lnTo>
                <a:lnTo>
                  <a:pt x="348" y="1948"/>
                </a:lnTo>
                <a:lnTo>
                  <a:pt x="342" y="1940"/>
                </a:lnTo>
                <a:lnTo>
                  <a:pt x="348" y="1932"/>
                </a:lnTo>
                <a:lnTo>
                  <a:pt x="348" y="1922"/>
                </a:lnTo>
                <a:lnTo>
                  <a:pt x="336" y="1912"/>
                </a:lnTo>
                <a:lnTo>
                  <a:pt x="318" y="1904"/>
                </a:lnTo>
                <a:lnTo>
                  <a:pt x="316" y="1896"/>
                </a:lnTo>
                <a:lnTo>
                  <a:pt x="300" y="1894"/>
                </a:lnTo>
                <a:lnTo>
                  <a:pt x="302" y="1876"/>
                </a:lnTo>
                <a:lnTo>
                  <a:pt x="310" y="1856"/>
                </a:lnTo>
                <a:lnTo>
                  <a:pt x="318" y="1856"/>
                </a:lnTo>
                <a:lnTo>
                  <a:pt x="324" y="1846"/>
                </a:lnTo>
                <a:lnTo>
                  <a:pt x="310" y="1836"/>
                </a:lnTo>
                <a:lnTo>
                  <a:pt x="306" y="1822"/>
                </a:lnTo>
                <a:lnTo>
                  <a:pt x="298" y="1820"/>
                </a:lnTo>
                <a:lnTo>
                  <a:pt x="288" y="1806"/>
                </a:lnTo>
                <a:lnTo>
                  <a:pt x="290" y="1786"/>
                </a:lnTo>
                <a:lnTo>
                  <a:pt x="282" y="1766"/>
                </a:lnTo>
                <a:lnTo>
                  <a:pt x="274" y="1748"/>
                </a:lnTo>
                <a:lnTo>
                  <a:pt x="268" y="1732"/>
                </a:lnTo>
                <a:lnTo>
                  <a:pt x="274" y="1718"/>
                </a:lnTo>
                <a:lnTo>
                  <a:pt x="282" y="1708"/>
                </a:lnTo>
                <a:lnTo>
                  <a:pt x="282" y="1670"/>
                </a:lnTo>
                <a:lnTo>
                  <a:pt x="294" y="1660"/>
                </a:lnTo>
                <a:lnTo>
                  <a:pt x="300" y="1652"/>
                </a:lnTo>
                <a:lnTo>
                  <a:pt x="294" y="1644"/>
                </a:lnTo>
                <a:lnTo>
                  <a:pt x="286" y="1642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96" name="Freeform 61"/>
          <p:cNvSpPr>
            <a:spLocks/>
          </p:cNvSpPr>
          <p:nvPr/>
        </p:nvSpPr>
        <p:spPr bwMode="auto">
          <a:xfrm>
            <a:off x="7486650" y="63500"/>
            <a:ext cx="123825" cy="134938"/>
          </a:xfrm>
          <a:custGeom>
            <a:avLst/>
            <a:gdLst>
              <a:gd name="T0" fmla="*/ 2147483647 w 96"/>
              <a:gd name="T1" fmla="*/ 0 h 104"/>
              <a:gd name="T2" fmla="*/ 2147483647 w 96"/>
              <a:gd name="T3" fmla="*/ 0 h 104"/>
              <a:gd name="T4" fmla="*/ 2147483647 w 96"/>
              <a:gd name="T5" fmla="*/ 0 h 104"/>
              <a:gd name="T6" fmla="*/ 2147483647 w 96"/>
              <a:gd name="T7" fmla="*/ 2147483647 h 104"/>
              <a:gd name="T8" fmla="*/ 2147483647 w 96"/>
              <a:gd name="T9" fmla="*/ 2147483647 h 104"/>
              <a:gd name="T10" fmla="*/ 2147483647 w 96"/>
              <a:gd name="T11" fmla="*/ 2147483647 h 104"/>
              <a:gd name="T12" fmla="*/ 2147483647 w 96"/>
              <a:gd name="T13" fmla="*/ 2147483647 h 104"/>
              <a:gd name="T14" fmla="*/ 2147483647 w 96"/>
              <a:gd name="T15" fmla="*/ 2147483647 h 104"/>
              <a:gd name="T16" fmla="*/ 2147483647 w 96"/>
              <a:gd name="T17" fmla="*/ 2147483647 h 104"/>
              <a:gd name="T18" fmla="*/ 2147483647 w 96"/>
              <a:gd name="T19" fmla="*/ 2147483647 h 104"/>
              <a:gd name="T20" fmla="*/ 2147483647 w 96"/>
              <a:gd name="T21" fmla="*/ 2147483647 h 104"/>
              <a:gd name="T22" fmla="*/ 2147483647 w 96"/>
              <a:gd name="T23" fmla="*/ 2147483647 h 104"/>
              <a:gd name="T24" fmla="*/ 2147483647 w 96"/>
              <a:gd name="T25" fmla="*/ 2147483647 h 104"/>
              <a:gd name="T26" fmla="*/ 2147483647 w 96"/>
              <a:gd name="T27" fmla="*/ 2147483647 h 104"/>
              <a:gd name="T28" fmla="*/ 2147483647 w 96"/>
              <a:gd name="T29" fmla="*/ 2147483647 h 104"/>
              <a:gd name="T30" fmla="*/ 2147483647 w 96"/>
              <a:gd name="T31" fmla="*/ 2147483647 h 104"/>
              <a:gd name="T32" fmla="*/ 2147483647 w 96"/>
              <a:gd name="T33" fmla="*/ 2147483647 h 104"/>
              <a:gd name="T34" fmla="*/ 2147483647 w 96"/>
              <a:gd name="T35" fmla="*/ 2147483647 h 104"/>
              <a:gd name="T36" fmla="*/ 2147483647 w 96"/>
              <a:gd name="T37" fmla="*/ 2147483647 h 104"/>
              <a:gd name="T38" fmla="*/ 2147483647 w 96"/>
              <a:gd name="T39" fmla="*/ 2147483647 h 104"/>
              <a:gd name="T40" fmla="*/ 2147483647 w 96"/>
              <a:gd name="T41" fmla="*/ 2147483647 h 104"/>
              <a:gd name="T42" fmla="*/ 2147483647 w 96"/>
              <a:gd name="T43" fmla="*/ 2147483647 h 104"/>
              <a:gd name="T44" fmla="*/ 2147483647 w 96"/>
              <a:gd name="T45" fmla="*/ 2147483647 h 104"/>
              <a:gd name="T46" fmla="*/ 2147483647 w 96"/>
              <a:gd name="T47" fmla="*/ 2147483647 h 104"/>
              <a:gd name="T48" fmla="*/ 2147483647 w 96"/>
              <a:gd name="T49" fmla="*/ 2147483647 h 104"/>
              <a:gd name="T50" fmla="*/ 0 w 96"/>
              <a:gd name="T51" fmla="*/ 2147483647 h 104"/>
              <a:gd name="T52" fmla="*/ 2147483647 w 96"/>
              <a:gd name="T53" fmla="*/ 2147483647 h 104"/>
              <a:gd name="T54" fmla="*/ 2147483647 w 96"/>
              <a:gd name="T55" fmla="*/ 2147483647 h 104"/>
              <a:gd name="T56" fmla="*/ 2147483647 w 96"/>
              <a:gd name="T57" fmla="*/ 0 h 104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0" t="0" r="r" b="b"/>
            <a:pathLst>
              <a:path w="96" h="104">
                <a:moveTo>
                  <a:pt x="18" y="0"/>
                </a:moveTo>
                <a:lnTo>
                  <a:pt x="38" y="0"/>
                </a:lnTo>
                <a:lnTo>
                  <a:pt x="58" y="0"/>
                </a:lnTo>
                <a:lnTo>
                  <a:pt x="62" y="2"/>
                </a:lnTo>
                <a:lnTo>
                  <a:pt x="80" y="2"/>
                </a:lnTo>
                <a:lnTo>
                  <a:pt x="90" y="8"/>
                </a:lnTo>
                <a:lnTo>
                  <a:pt x="96" y="14"/>
                </a:lnTo>
                <a:lnTo>
                  <a:pt x="96" y="24"/>
                </a:lnTo>
                <a:lnTo>
                  <a:pt x="94" y="28"/>
                </a:lnTo>
                <a:lnTo>
                  <a:pt x="92" y="24"/>
                </a:lnTo>
                <a:lnTo>
                  <a:pt x="86" y="22"/>
                </a:lnTo>
                <a:lnTo>
                  <a:pt x="84" y="30"/>
                </a:lnTo>
                <a:lnTo>
                  <a:pt x="86" y="40"/>
                </a:lnTo>
                <a:lnTo>
                  <a:pt x="86" y="52"/>
                </a:lnTo>
                <a:lnTo>
                  <a:pt x="86" y="66"/>
                </a:lnTo>
                <a:lnTo>
                  <a:pt x="80" y="72"/>
                </a:lnTo>
                <a:lnTo>
                  <a:pt x="74" y="86"/>
                </a:lnTo>
                <a:lnTo>
                  <a:pt x="58" y="100"/>
                </a:lnTo>
                <a:lnTo>
                  <a:pt x="50" y="104"/>
                </a:lnTo>
                <a:lnTo>
                  <a:pt x="36" y="100"/>
                </a:lnTo>
                <a:lnTo>
                  <a:pt x="24" y="94"/>
                </a:lnTo>
                <a:lnTo>
                  <a:pt x="16" y="82"/>
                </a:lnTo>
                <a:lnTo>
                  <a:pt x="14" y="74"/>
                </a:lnTo>
                <a:lnTo>
                  <a:pt x="10" y="62"/>
                </a:lnTo>
                <a:lnTo>
                  <a:pt x="2" y="54"/>
                </a:lnTo>
                <a:lnTo>
                  <a:pt x="0" y="22"/>
                </a:lnTo>
                <a:lnTo>
                  <a:pt x="6" y="12"/>
                </a:lnTo>
                <a:lnTo>
                  <a:pt x="12" y="6"/>
                </a:lnTo>
                <a:lnTo>
                  <a:pt x="18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97" name="Freeform 62"/>
          <p:cNvSpPr>
            <a:spLocks/>
          </p:cNvSpPr>
          <p:nvPr/>
        </p:nvSpPr>
        <p:spPr bwMode="auto">
          <a:xfrm>
            <a:off x="2760663" y="739775"/>
            <a:ext cx="757237" cy="604838"/>
          </a:xfrm>
          <a:custGeom>
            <a:avLst/>
            <a:gdLst>
              <a:gd name="T0" fmla="*/ 2147483647 w 584"/>
              <a:gd name="T1" fmla="*/ 2147483647 h 468"/>
              <a:gd name="T2" fmla="*/ 2147483647 w 584"/>
              <a:gd name="T3" fmla="*/ 2147483647 h 468"/>
              <a:gd name="T4" fmla="*/ 2147483647 w 584"/>
              <a:gd name="T5" fmla="*/ 2147483647 h 468"/>
              <a:gd name="T6" fmla="*/ 2147483647 w 584"/>
              <a:gd name="T7" fmla="*/ 2147483647 h 468"/>
              <a:gd name="T8" fmla="*/ 2147483647 w 584"/>
              <a:gd name="T9" fmla="*/ 2147483647 h 468"/>
              <a:gd name="T10" fmla="*/ 2147483647 w 584"/>
              <a:gd name="T11" fmla="*/ 2147483647 h 468"/>
              <a:gd name="T12" fmla="*/ 0 w 584"/>
              <a:gd name="T13" fmla="*/ 2147483647 h 468"/>
              <a:gd name="T14" fmla="*/ 2147483647 w 584"/>
              <a:gd name="T15" fmla="*/ 2147483647 h 468"/>
              <a:gd name="T16" fmla="*/ 2147483647 w 584"/>
              <a:gd name="T17" fmla="*/ 2147483647 h 468"/>
              <a:gd name="T18" fmla="*/ 2147483647 w 584"/>
              <a:gd name="T19" fmla="*/ 2147483647 h 468"/>
              <a:gd name="T20" fmla="*/ 2147483647 w 584"/>
              <a:gd name="T21" fmla="*/ 2147483647 h 468"/>
              <a:gd name="T22" fmla="*/ 2147483647 w 584"/>
              <a:gd name="T23" fmla="*/ 2147483647 h 468"/>
              <a:gd name="T24" fmla="*/ 2147483647 w 584"/>
              <a:gd name="T25" fmla="*/ 2147483647 h 468"/>
              <a:gd name="T26" fmla="*/ 2147483647 w 584"/>
              <a:gd name="T27" fmla="*/ 2147483647 h 468"/>
              <a:gd name="T28" fmla="*/ 2147483647 w 584"/>
              <a:gd name="T29" fmla="*/ 2147483647 h 468"/>
              <a:gd name="T30" fmla="*/ 2147483647 w 584"/>
              <a:gd name="T31" fmla="*/ 2147483647 h 468"/>
              <a:gd name="T32" fmla="*/ 2147483647 w 584"/>
              <a:gd name="T33" fmla="*/ 2147483647 h 468"/>
              <a:gd name="T34" fmla="*/ 2147483647 w 584"/>
              <a:gd name="T35" fmla="*/ 2147483647 h 468"/>
              <a:gd name="T36" fmla="*/ 2147483647 w 584"/>
              <a:gd name="T37" fmla="*/ 2147483647 h 468"/>
              <a:gd name="T38" fmla="*/ 2147483647 w 584"/>
              <a:gd name="T39" fmla="*/ 2147483647 h 468"/>
              <a:gd name="T40" fmla="*/ 2147483647 w 584"/>
              <a:gd name="T41" fmla="*/ 2147483647 h 468"/>
              <a:gd name="T42" fmla="*/ 2147483647 w 584"/>
              <a:gd name="T43" fmla="*/ 2147483647 h 468"/>
              <a:gd name="T44" fmla="*/ 2147483647 w 584"/>
              <a:gd name="T45" fmla="*/ 2147483647 h 468"/>
              <a:gd name="T46" fmla="*/ 2147483647 w 584"/>
              <a:gd name="T47" fmla="*/ 2147483647 h 468"/>
              <a:gd name="T48" fmla="*/ 2147483647 w 584"/>
              <a:gd name="T49" fmla="*/ 2147483647 h 468"/>
              <a:gd name="T50" fmla="*/ 2147483647 w 584"/>
              <a:gd name="T51" fmla="*/ 2147483647 h 468"/>
              <a:gd name="T52" fmla="*/ 2147483647 w 584"/>
              <a:gd name="T53" fmla="*/ 0 h 468"/>
              <a:gd name="T54" fmla="*/ 2147483647 w 584"/>
              <a:gd name="T55" fmla="*/ 2147483647 h 468"/>
              <a:gd name="T56" fmla="*/ 2147483647 w 584"/>
              <a:gd name="T57" fmla="*/ 2147483647 h 468"/>
              <a:gd name="T58" fmla="*/ 2147483647 w 584"/>
              <a:gd name="T59" fmla="*/ 2147483647 h 468"/>
              <a:gd name="T60" fmla="*/ 2147483647 w 584"/>
              <a:gd name="T61" fmla="*/ 2147483647 h 468"/>
              <a:gd name="T62" fmla="*/ 2147483647 w 584"/>
              <a:gd name="T63" fmla="*/ 2147483647 h 468"/>
              <a:gd name="T64" fmla="*/ 2147483647 w 584"/>
              <a:gd name="T65" fmla="*/ 2147483647 h 468"/>
              <a:gd name="T66" fmla="*/ 2147483647 w 584"/>
              <a:gd name="T67" fmla="*/ 2147483647 h 468"/>
              <a:gd name="T68" fmla="*/ 2147483647 w 584"/>
              <a:gd name="T69" fmla="*/ 2147483647 h 468"/>
              <a:gd name="T70" fmla="*/ 2147483647 w 584"/>
              <a:gd name="T71" fmla="*/ 2147483647 h 468"/>
              <a:gd name="T72" fmla="*/ 2147483647 w 584"/>
              <a:gd name="T73" fmla="*/ 2147483647 h 468"/>
              <a:gd name="T74" fmla="*/ 2147483647 w 584"/>
              <a:gd name="T75" fmla="*/ 2147483647 h 468"/>
              <a:gd name="T76" fmla="*/ 2147483647 w 584"/>
              <a:gd name="T77" fmla="*/ 2147483647 h 468"/>
              <a:gd name="T78" fmla="*/ 2147483647 w 584"/>
              <a:gd name="T79" fmla="*/ 2147483647 h 468"/>
              <a:gd name="T80" fmla="*/ 2147483647 w 584"/>
              <a:gd name="T81" fmla="*/ 2147483647 h 468"/>
              <a:gd name="T82" fmla="*/ 2147483647 w 584"/>
              <a:gd name="T83" fmla="*/ 2147483647 h 468"/>
              <a:gd name="T84" fmla="*/ 2147483647 w 584"/>
              <a:gd name="T85" fmla="*/ 2147483647 h 468"/>
              <a:gd name="T86" fmla="*/ 2147483647 w 584"/>
              <a:gd name="T87" fmla="*/ 2147483647 h 468"/>
              <a:gd name="T88" fmla="*/ 2147483647 w 584"/>
              <a:gd name="T89" fmla="*/ 2147483647 h 468"/>
              <a:gd name="T90" fmla="*/ 2147483647 w 584"/>
              <a:gd name="T91" fmla="*/ 2147483647 h 468"/>
              <a:gd name="T92" fmla="*/ 2147483647 w 584"/>
              <a:gd name="T93" fmla="*/ 2147483647 h 468"/>
              <a:gd name="T94" fmla="*/ 2147483647 w 584"/>
              <a:gd name="T95" fmla="*/ 2147483647 h 468"/>
              <a:gd name="T96" fmla="*/ 2147483647 w 584"/>
              <a:gd name="T97" fmla="*/ 2147483647 h 468"/>
              <a:gd name="T98" fmla="*/ 2147483647 w 584"/>
              <a:gd name="T99" fmla="*/ 2147483647 h 468"/>
              <a:gd name="T100" fmla="*/ 2147483647 w 584"/>
              <a:gd name="T101" fmla="*/ 2147483647 h 468"/>
              <a:gd name="T102" fmla="*/ 2147483647 w 584"/>
              <a:gd name="T103" fmla="*/ 2147483647 h 468"/>
              <a:gd name="T104" fmla="*/ 2147483647 w 584"/>
              <a:gd name="T105" fmla="*/ 2147483647 h 468"/>
              <a:gd name="T106" fmla="*/ 2147483647 w 584"/>
              <a:gd name="T107" fmla="*/ 2147483647 h 468"/>
              <a:gd name="T108" fmla="*/ 2147483647 w 584"/>
              <a:gd name="T109" fmla="*/ 2147483647 h 468"/>
              <a:gd name="T110" fmla="*/ 2147483647 w 584"/>
              <a:gd name="T111" fmla="*/ 2147483647 h 468"/>
              <a:gd name="T112" fmla="*/ 2147483647 w 584"/>
              <a:gd name="T113" fmla="*/ 2147483647 h 468"/>
              <a:gd name="T114" fmla="*/ 2147483647 w 584"/>
              <a:gd name="T115" fmla="*/ 2147483647 h 468"/>
              <a:gd name="T116" fmla="*/ 2147483647 w 584"/>
              <a:gd name="T117" fmla="*/ 2147483647 h 468"/>
              <a:gd name="T118" fmla="*/ 2147483647 w 584"/>
              <a:gd name="T119" fmla="*/ 2147483647 h 468"/>
              <a:gd name="T120" fmla="*/ 2147483647 w 584"/>
              <a:gd name="T121" fmla="*/ 2147483647 h 468"/>
              <a:gd name="T122" fmla="*/ 2147483647 w 584"/>
              <a:gd name="T123" fmla="*/ 2147483647 h 468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0" t="0" r="r" b="b"/>
            <a:pathLst>
              <a:path w="584" h="468">
                <a:moveTo>
                  <a:pt x="94" y="348"/>
                </a:moveTo>
                <a:lnTo>
                  <a:pt x="74" y="350"/>
                </a:lnTo>
                <a:lnTo>
                  <a:pt x="68" y="340"/>
                </a:lnTo>
                <a:lnTo>
                  <a:pt x="52" y="338"/>
                </a:lnTo>
                <a:lnTo>
                  <a:pt x="36" y="328"/>
                </a:lnTo>
                <a:lnTo>
                  <a:pt x="18" y="324"/>
                </a:lnTo>
                <a:lnTo>
                  <a:pt x="14" y="318"/>
                </a:lnTo>
                <a:lnTo>
                  <a:pt x="14" y="312"/>
                </a:lnTo>
                <a:lnTo>
                  <a:pt x="16" y="302"/>
                </a:lnTo>
                <a:lnTo>
                  <a:pt x="24" y="288"/>
                </a:lnTo>
                <a:lnTo>
                  <a:pt x="30" y="298"/>
                </a:lnTo>
                <a:lnTo>
                  <a:pt x="40" y="308"/>
                </a:lnTo>
                <a:lnTo>
                  <a:pt x="60" y="310"/>
                </a:lnTo>
                <a:lnTo>
                  <a:pt x="78" y="308"/>
                </a:lnTo>
                <a:lnTo>
                  <a:pt x="78" y="292"/>
                </a:lnTo>
                <a:lnTo>
                  <a:pt x="72" y="284"/>
                </a:lnTo>
                <a:lnTo>
                  <a:pt x="74" y="278"/>
                </a:lnTo>
                <a:lnTo>
                  <a:pt x="88" y="280"/>
                </a:lnTo>
                <a:lnTo>
                  <a:pt x="100" y="278"/>
                </a:lnTo>
                <a:lnTo>
                  <a:pt x="88" y="270"/>
                </a:lnTo>
                <a:lnTo>
                  <a:pt x="78" y="266"/>
                </a:lnTo>
                <a:lnTo>
                  <a:pt x="74" y="258"/>
                </a:lnTo>
                <a:lnTo>
                  <a:pt x="84" y="254"/>
                </a:lnTo>
                <a:lnTo>
                  <a:pt x="102" y="252"/>
                </a:lnTo>
                <a:lnTo>
                  <a:pt x="94" y="248"/>
                </a:lnTo>
                <a:lnTo>
                  <a:pt x="72" y="246"/>
                </a:lnTo>
                <a:lnTo>
                  <a:pt x="72" y="228"/>
                </a:lnTo>
                <a:lnTo>
                  <a:pt x="84" y="222"/>
                </a:lnTo>
                <a:lnTo>
                  <a:pt x="84" y="214"/>
                </a:lnTo>
                <a:lnTo>
                  <a:pt x="66" y="204"/>
                </a:lnTo>
                <a:lnTo>
                  <a:pt x="50" y="192"/>
                </a:lnTo>
                <a:lnTo>
                  <a:pt x="34" y="184"/>
                </a:lnTo>
                <a:lnTo>
                  <a:pt x="18" y="186"/>
                </a:lnTo>
                <a:lnTo>
                  <a:pt x="0" y="178"/>
                </a:lnTo>
                <a:lnTo>
                  <a:pt x="0" y="166"/>
                </a:lnTo>
                <a:lnTo>
                  <a:pt x="2" y="162"/>
                </a:lnTo>
                <a:lnTo>
                  <a:pt x="6" y="158"/>
                </a:lnTo>
                <a:lnTo>
                  <a:pt x="8" y="156"/>
                </a:lnTo>
                <a:lnTo>
                  <a:pt x="10" y="158"/>
                </a:lnTo>
                <a:lnTo>
                  <a:pt x="14" y="160"/>
                </a:lnTo>
                <a:lnTo>
                  <a:pt x="18" y="164"/>
                </a:lnTo>
                <a:lnTo>
                  <a:pt x="28" y="168"/>
                </a:lnTo>
                <a:lnTo>
                  <a:pt x="44" y="170"/>
                </a:lnTo>
                <a:lnTo>
                  <a:pt x="58" y="174"/>
                </a:lnTo>
                <a:lnTo>
                  <a:pt x="72" y="172"/>
                </a:lnTo>
                <a:lnTo>
                  <a:pt x="80" y="170"/>
                </a:lnTo>
                <a:lnTo>
                  <a:pt x="82" y="178"/>
                </a:lnTo>
                <a:lnTo>
                  <a:pt x="102" y="180"/>
                </a:lnTo>
                <a:lnTo>
                  <a:pt x="112" y="192"/>
                </a:lnTo>
                <a:lnTo>
                  <a:pt x="116" y="194"/>
                </a:lnTo>
                <a:lnTo>
                  <a:pt x="120" y="196"/>
                </a:lnTo>
                <a:lnTo>
                  <a:pt x="124" y="196"/>
                </a:lnTo>
                <a:lnTo>
                  <a:pt x="130" y="192"/>
                </a:lnTo>
                <a:lnTo>
                  <a:pt x="134" y="188"/>
                </a:lnTo>
                <a:lnTo>
                  <a:pt x="140" y="180"/>
                </a:lnTo>
                <a:lnTo>
                  <a:pt x="130" y="180"/>
                </a:lnTo>
                <a:lnTo>
                  <a:pt x="116" y="182"/>
                </a:lnTo>
                <a:lnTo>
                  <a:pt x="108" y="172"/>
                </a:lnTo>
                <a:lnTo>
                  <a:pt x="98" y="162"/>
                </a:lnTo>
                <a:lnTo>
                  <a:pt x="106" y="156"/>
                </a:lnTo>
                <a:lnTo>
                  <a:pt x="116" y="154"/>
                </a:lnTo>
                <a:lnTo>
                  <a:pt x="128" y="154"/>
                </a:lnTo>
                <a:lnTo>
                  <a:pt x="142" y="150"/>
                </a:lnTo>
                <a:lnTo>
                  <a:pt x="146" y="140"/>
                </a:lnTo>
                <a:lnTo>
                  <a:pt x="142" y="134"/>
                </a:lnTo>
                <a:lnTo>
                  <a:pt x="132" y="138"/>
                </a:lnTo>
                <a:lnTo>
                  <a:pt x="124" y="138"/>
                </a:lnTo>
                <a:lnTo>
                  <a:pt x="122" y="132"/>
                </a:lnTo>
                <a:lnTo>
                  <a:pt x="128" y="124"/>
                </a:lnTo>
                <a:lnTo>
                  <a:pt x="120" y="118"/>
                </a:lnTo>
                <a:lnTo>
                  <a:pt x="112" y="118"/>
                </a:lnTo>
                <a:lnTo>
                  <a:pt x="108" y="108"/>
                </a:lnTo>
                <a:lnTo>
                  <a:pt x="92" y="106"/>
                </a:lnTo>
                <a:lnTo>
                  <a:pt x="78" y="106"/>
                </a:lnTo>
                <a:lnTo>
                  <a:pt x="64" y="104"/>
                </a:lnTo>
                <a:lnTo>
                  <a:pt x="48" y="104"/>
                </a:lnTo>
                <a:lnTo>
                  <a:pt x="40" y="96"/>
                </a:lnTo>
                <a:lnTo>
                  <a:pt x="38" y="88"/>
                </a:lnTo>
                <a:lnTo>
                  <a:pt x="34" y="86"/>
                </a:lnTo>
                <a:lnTo>
                  <a:pt x="22" y="82"/>
                </a:lnTo>
                <a:lnTo>
                  <a:pt x="22" y="74"/>
                </a:lnTo>
                <a:lnTo>
                  <a:pt x="28" y="68"/>
                </a:lnTo>
                <a:lnTo>
                  <a:pt x="36" y="66"/>
                </a:lnTo>
                <a:lnTo>
                  <a:pt x="44" y="72"/>
                </a:lnTo>
                <a:lnTo>
                  <a:pt x="48" y="80"/>
                </a:lnTo>
                <a:lnTo>
                  <a:pt x="54" y="80"/>
                </a:lnTo>
                <a:lnTo>
                  <a:pt x="54" y="70"/>
                </a:lnTo>
                <a:lnTo>
                  <a:pt x="50" y="62"/>
                </a:lnTo>
                <a:lnTo>
                  <a:pt x="52" y="52"/>
                </a:lnTo>
                <a:lnTo>
                  <a:pt x="60" y="52"/>
                </a:lnTo>
                <a:lnTo>
                  <a:pt x="66" y="60"/>
                </a:lnTo>
                <a:lnTo>
                  <a:pt x="70" y="68"/>
                </a:lnTo>
                <a:lnTo>
                  <a:pt x="76" y="76"/>
                </a:lnTo>
                <a:lnTo>
                  <a:pt x="82" y="76"/>
                </a:lnTo>
                <a:lnTo>
                  <a:pt x="86" y="72"/>
                </a:lnTo>
                <a:lnTo>
                  <a:pt x="80" y="66"/>
                </a:lnTo>
                <a:lnTo>
                  <a:pt x="74" y="58"/>
                </a:lnTo>
                <a:lnTo>
                  <a:pt x="68" y="50"/>
                </a:lnTo>
                <a:lnTo>
                  <a:pt x="72" y="44"/>
                </a:lnTo>
                <a:lnTo>
                  <a:pt x="80" y="46"/>
                </a:lnTo>
                <a:lnTo>
                  <a:pt x="86" y="54"/>
                </a:lnTo>
                <a:lnTo>
                  <a:pt x="96" y="64"/>
                </a:lnTo>
                <a:lnTo>
                  <a:pt x="96" y="58"/>
                </a:lnTo>
                <a:lnTo>
                  <a:pt x="86" y="42"/>
                </a:lnTo>
                <a:lnTo>
                  <a:pt x="84" y="34"/>
                </a:lnTo>
                <a:lnTo>
                  <a:pt x="84" y="26"/>
                </a:lnTo>
                <a:lnTo>
                  <a:pt x="92" y="26"/>
                </a:lnTo>
                <a:lnTo>
                  <a:pt x="100" y="36"/>
                </a:lnTo>
                <a:lnTo>
                  <a:pt x="100" y="28"/>
                </a:lnTo>
                <a:lnTo>
                  <a:pt x="100" y="22"/>
                </a:lnTo>
                <a:lnTo>
                  <a:pt x="108" y="20"/>
                </a:lnTo>
                <a:lnTo>
                  <a:pt x="112" y="18"/>
                </a:lnTo>
                <a:lnTo>
                  <a:pt x="118" y="28"/>
                </a:lnTo>
                <a:lnTo>
                  <a:pt x="124" y="38"/>
                </a:lnTo>
                <a:lnTo>
                  <a:pt x="126" y="42"/>
                </a:lnTo>
                <a:lnTo>
                  <a:pt x="130" y="54"/>
                </a:lnTo>
                <a:lnTo>
                  <a:pt x="138" y="52"/>
                </a:lnTo>
                <a:lnTo>
                  <a:pt x="142" y="56"/>
                </a:lnTo>
                <a:lnTo>
                  <a:pt x="140" y="64"/>
                </a:lnTo>
                <a:lnTo>
                  <a:pt x="138" y="72"/>
                </a:lnTo>
                <a:lnTo>
                  <a:pt x="150" y="78"/>
                </a:lnTo>
                <a:lnTo>
                  <a:pt x="154" y="64"/>
                </a:lnTo>
                <a:lnTo>
                  <a:pt x="154" y="56"/>
                </a:lnTo>
                <a:lnTo>
                  <a:pt x="148" y="48"/>
                </a:lnTo>
                <a:lnTo>
                  <a:pt x="142" y="38"/>
                </a:lnTo>
                <a:lnTo>
                  <a:pt x="136" y="30"/>
                </a:lnTo>
                <a:lnTo>
                  <a:pt x="142" y="24"/>
                </a:lnTo>
                <a:lnTo>
                  <a:pt x="148" y="26"/>
                </a:lnTo>
                <a:lnTo>
                  <a:pt x="158" y="30"/>
                </a:lnTo>
                <a:lnTo>
                  <a:pt x="162" y="24"/>
                </a:lnTo>
                <a:lnTo>
                  <a:pt x="156" y="18"/>
                </a:lnTo>
                <a:lnTo>
                  <a:pt x="152" y="14"/>
                </a:lnTo>
                <a:lnTo>
                  <a:pt x="142" y="14"/>
                </a:lnTo>
                <a:lnTo>
                  <a:pt x="138" y="10"/>
                </a:lnTo>
                <a:lnTo>
                  <a:pt x="146" y="0"/>
                </a:lnTo>
                <a:lnTo>
                  <a:pt x="154" y="0"/>
                </a:lnTo>
                <a:lnTo>
                  <a:pt x="162" y="4"/>
                </a:lnTo>
                <a:lnTo>
                  <a:pt x="172" y="8"/>
                </a:lnTo>
                <a:lnTo>
                  <a:pt x="180" y="18"/>
                </a:lnTo>
                <a:lnTo>
                  <a:pt x="180" y="24"/>
                </a:lnTo>
                <a:lnTo>
                  <a:pt x="180" y="32"/>
                </a:lnTo>
                <a:lnTo>
                  <a:pt x="188" y="44"/>
                </a:lnTo>
                <a:lnTo>
                  <a:pt x="188" y="52"/>
                </a:lnTo>
                <a:lnTo>
                  <a:pt x="194" y="60"/>
                </a:lnTo>
                <a:lnTo>
                  <a:pt x="196" y="68"/>
                </a:lnTo>
                <a:lnTo>
                  <a:pt x="200" y="76"/>
                </a:lnTo>
                <a:lnTo>
                  <a:pt x="204" y="82"/>
                </a:lnTo>
                <a:lnTo>
                  <a:pt x="210" y="92"/>
                </a:lnTo>
                <a:lnTo>
                  <a:pt x="204" y="100"/>
                </a:lnTo>
                <a:lnTo>
                  <a:pt x="198" y="108"/>
                </a:lnTo>
                <a:lnTo>
                  <a:pt x="192" y="118"/>
                </a:lnTo>
                <a:lnTo>
                  <a:pt x="190" y="126"/>
                </a:lnTo>
                <a:lnTo>
                  <a:pt x="178" y="126"/>
                </a:lnTo>
                <a:lnTo>
                  <a:pt x="170" y="126"/>
                </a:lnTo>
                <a:lnTo>
                  <a:pt x="180" y="138"/>
                </a:lnTo>
                <a:lnTo>
                  <a:pt x="180" y="146"/>
                </a:lnTo>
                <a:lnTo>
                  <a:pt x="178" y="156"/>
                </a:lnTo>
                <a:lnTo>
                  <a:pt x="182" y="168"/>
                </a:lnTo>
                <a:lnTo>
                  <a:pt x="182" y="178"/>
                </a:lnTo>
                <a:lnTo>
                  <a:pt x="192" y="168"/>
                </a:lnTo>
                <a:lnTo>
                  <a:pt x="200" y="158"/>
                </a:lnTo>
                <a:lnTo>
                  <a:pt x="206" y="150"/>
                </a:lnTo>
                <a:lnTo>
                  <a:pt x="218" y="144"/>
                </a:lnTo>
                <a:lnTo>
                  <a:pt x="222" y="146"/>
                </a:lnTo>
                <a:lnTo>
                  <a:pt x="216" y="154"/>
                </a:lnTo>
                <a:lnTo>
                  <a:pt x="216" y="162"/>
                </a:lnTo>
                <a:lnTo>
                  <a:pt x="220" y="170"/>
                </a:lnTo>
                <a:lnTo>
                  <a:pt x="228" y="164"/>
                </a:lnTo>
                <a:lnTo>
                  <a:pt x="236" y="158"/>
                </a:lnTo>
                <a:lnTo>
                  <a:pt x="246" y="144"/>
                </a:lnTo>
                <a:lnTo>
                  <a:pt x="248" y="132"/>
                </a:lnTo>
                <a:lnTo>
                  <a:pt x="252" y="120"/>
                </a:lnTo>
                <a:lnTo>
                  <a:pt x="252" y="104"/>
                </a:lnTo>
                <a:lnTo>
                  <a:pt x="256" y="100"/>
                </a:lnTo>
                <a:lnTo>
                  <a:pt x="266" y="98"/>
                </a:lnTo>
                <a:lnTo>
                  <a:pt x="274" y="102"/>
                </a:lnTo>
                <a:lnTo>
                  <a:pt x="278" y="112"/>
                </a:lnTo>
                <a:lnTo>
                  <a:pt x="276" y="120"/>
                </a:lnTo>
                <a:lnTo>
                  <a:pt x="278" y="132"/>
                </a:lnTo>
                <a:lnTo>
                  <a:pt x="278" y="140"/>
                </a:lnTo>
                <a:lnTo>
                  <a:pt x="278" y="152"/>
                </a:lnTo>
                <a:lnTo>
                  <a:pt x="284" y="162"/>
                </a:lnTo>
                <a:lnTo>
                  <a:pt x="296" y="158"/>
                </a:lnTo>
                <a:lnTo>
                  <a:pt x="298" y="148"/>
                </a:lnTo>
                <a:lnTo>
                  <a:pt x="300" y="136"/>
                </a:lnTo>
                <a:lnTo>
                  <a:pt x="304" y="128"/>
                </a:lnTo>
                <a:lnTo>
                  <a:pt x="310" y="122"/>
                </a:lnTo>
                <a:lnTo>
                  <a:pt x="318" y="124"/>
                </a:lnTo>
                <a:lnTo>
                  <a:pt x="326" y="124"/>
                </a:lnTo>
                <a:lnTo>
                  <a:pt x="332" y="118"/>
                </a:lnTo>
                <a:lnTo>
                  <a:pt x="342" y="118"/>
                </a:lnTo>
                <a:lnTo>
                  <a:pt x="350" y="126"/>
                </a:lnTo>
                <a:lnTo>
                  <a:pt x="352" y="136"/>
                </a:lnTo>
                <a:lnTo>
                  <a:pt x="352" y="150"/>
                </a:lnTo>
                <a:lnTo>
                  <a:pt x="352" y="158"/>
                </a:lnTo>
                <a:lnTo>
                  <a:pt x="356" y="170"/>
                </a:lnTo>
                <a:lnTo>
                  <a:pt x="356" y="180"/>
                </a:lnTo>
                <a:lnTo>
                  <a:pt x="364" y="174"/>
                </a:lnTo>
                <a:lnTo>
                  <a:pt x="364" y="158"/>
                </a:lnTo>
                <a:lnTo>
                  <a:pt x="362" y="144"/>
                </a:lnTo>
                <a:lnTo>
                  <a:pt x="366" y="136"/>
                </a:lnTo>
                <a:lnTo>
                  <a:pt x="376" y="134"/>
                </a:lnTo>
                <a:lnTo>
                  <a:pt x="382" y="140"/>
                </a:lnTo>
                <a:lnTo>
                  <a:pt x="388" y="150"/>
                </a:lnTo>
                <a:lnTo>
                  <a:pt x="396" y="162"/>
                </a:lnTo>
                <a:lnTo>
                  <a:pt x="394" y="172"/>
                </a:lnTo>
                <a:lnTo>
                  <a:pt x="402" y="174"/>
                </a:lnTo>
                <a:lnTo>
                  <a:pt x="412" y="166"/>
                </a:lnTo>
                <a:lnTo>
                  <a:pt x="420" y="156"/>
                </a:lnTo>
                <a:lnTo>
                  <a:pt x="428" y="152"/>
                </a:lnTo>
                <a:lnTo>
                  <a:pt x="436" y="160"/>
                </a:lnTo>
                <a:lnTo>
                  <a:pt x="442" y="170"/>
                </a:lnTo>
                <a:lnTo>
                  <a:pt x="460" y="172"/>
                </a:lnTo>
                <a:lnTo>
                  <a:pt x="470" y="162"/>
                </a:lnTo>
                <a:lnTo>
                  <a:pt x="472" y="144"/>
                </a:lnTo>
                <a:lnTo>
                  <a:pt x="470" y="132"/>
                </a:lnTo>
                <a:lnTo>
                  <a:pt x="482" y="126"/>
                </a:lnTo>
                <a:lnTo>
                  <a:pt x="494" y="126"/>
                </a:lnTo>
                <a:lnTo>
                  <a:pt x="504" y="134"/>
                </a:lnTo>
                <a:lnTo>
                  <a:pt x="506" y="150"/>
                </a:lnTo>
                <a:lnTo>
                  <a:pt x="508" y="160"/>
                </a:lnTo>
                <a:lnTo>
                  <a:pt x="508" y="172"/>
                </a:lnTo>
                <a:lnTo>
                  <a:pt x="508" y="184"/>
                </a:lnTo>
                <a:lnTo>
                  <a:pt x="520" y="192"/>
                </a:lnTo>
                <a:lnTo>
                  <a:pt x="526" y="182"/>
                </a:lnTo>
                <a:lnTo>
                  <a:pt x="542" y="178"/>
                </a:lnTo>
                <a:lnTo>
                  <a:pt x="554" y="172"/>
                </a:lnTo>
                <a:lnTo>
                  <a:pt x="564" y="174"/>
                </a:lnTo>
                <a:lnTo>
                  <a:pt x="566" y="180"/>
                </a:lnTo>
                <a:lnTo>
                  <a:pt x="556" y="182"/>
                </a:lnTo>
                <a:lnTo>
                  <a:pt x="546" y="186"/>
                </a:lnTo>
                <a:lnTo>
                  <a:pt x="538" y="196"/>
                </a:lnTo>
                <a:lnTo>
                  <a:pt x="530" y="202"/>
                </a:lnTo>
                <a:lnTo>
                  <a:pt x="530" y="210"/>
                </a:lnTo>
                <a:lnTo>
                  <a:pt x="542" y="218"/>
                </a:lnTo>
                <a:lnTo>
                  <a:pt x="552" y="222"/>
                </a:lnTo>
                <a:lnTo>
                  <a:pt x="550" y="234"/>
                </a:lnTo>
                <a:lnTo>
                  <a:pt x="546" y="238"/>
                </a:lnTo>
                <a:lnTo>
                  <a:pt x="530" y="242"/>
                </a:lnTo>
                <a:lnTo>
                  <a:pt x="530" y="252"/>
                </a:lnTo>
                <a:lnTo>
                  <a:pt x="536" y="256"/>
                </a:lnTo>
                <a:lnTo>
                  <a:pt x="554" y="256"/>
                </a:lnTo>
                <a:lnTo>
                  <a:pt x="552" y="262"/>
                </a:lnTo>
                <a:lnTo>
                  <a:pt x="552" y="270"/>
                </a:lnTo>
                <a:lnTo>
                  <a:pt x="554" y="276"/>
                </a:lnTo>
                <a:lnTo>
                  <a:pt x="558" y="280"/>
                </a:lnTo>
                <a:lnTo>
                  <a:pt x="566" y="288"/>
                </a:lnTo>
                <a:lnTo>
                  <a:pt x="574" y="296"/>
                </a:lnTo>
                <a:lnTo>
                  <a:pt x="584" y="304"/>
                </a:lnTo>
                <a:lnTo>
                  <a:pt x="578" y="314"/>
                </a:lnTo>
                <a:lnTo>
                  <a:pt x="572" y="322"/>
                </a:lnTo>
                <a:lnTo>
                  <a:pt x="566" y="326"/>
                </a:lnTo>
                <a:lnTo>
                  <a:pt x="570" y="336"/>
                </a:lnTo>
                <a:lnTo>
                  <a:pt x="572" y="342"/>
                </a:lnTo>
                <a:lnTo>
                  <a:pt x="562" y="344"/>
                </a:lnTo>
                <a:lnTo>
                  <a:pt x="564" y="354"/>
                </a:lnTo>
                <a:lnTo>
                  <a:pt x="566" y="362"/>
                </a:lnTo>
                <a:lnTo>
                  <a:pt x="556" y="370"/>
                </a:lnTo>
                <a:lnTo>
                  <a:pt x="548" y="364"/>
                </a:lnTo>
                <a:lnTo>
                  <a:pt x="544" y="360"/>
                </a:lnTo>
                <a:lnTo>
                  <a:pt x="544" y="366"/>
                </a:lnTo>
                <a:lnTo>
                  <a:pt x="546" y="376"/>
                </a:lnTo>
                <a:lnTo>
                  <a:pt x="542" y="386"/>
                </a:lnTo>
                <a:lnTo>
                  <a:pt x="530" y="394"/>
                </a:lnTo>
                <a:lnTo>
                  <a:pt x="516" y="394"/>
                </a:lnTo>
                <a:lnTo>
                  <a:pt x="510" y="388"/>
                </a:lnTo>
                <a:lnTo>
                  <a:pt x="502" y="396"/>
                </a:lnTo>
                <a:lnTo>
                  <a:pt x="498" y="406"/>
                </a:lnTo>
                <a:lnTo>
                  <a:pt x="488" y="420"/>
                </a:lnTo>
                <a:lnTo>
                  <a:pt x="480" y="426"/>
                </a:lnTo>
                <a:lnTo>
                  <a:pt x="470" y="428"/>
                </a:lnTo>
                <a:lnTo>
                  <a:pt x="462" y="428"/>
                </a:lnTo>
                <a:lnTo>
                  <a:pt x="454" y="434"/>
                </a:lnTo>
                <a:lnTo>
                  <a:pt x="442" y="426"/>
                </a:lnTo>
                <a:lnTo>
                  <a:pt x="436" y="418"/>
                </a:lnTo>
                <a:lnTo>
                  <a:pt x="430" y="426"/>
                </a:lnTo>
                <a:lnTo>
                  <a:pt x="410" y="430"/>
                </a:lnTo>
                <a:lnTo>
                  <a:pt x="402" y="430"/>
                </a:lnTo>
                <a:lnTo>
                  <a:pt x="398" y="430"/>
                </a:lnTo>
                <a:lnTo>
                  <a:pt x="394" y="430"/>
                </a:lnTo>
                <a:lnTo>
                  <a:pt x="382" y="436"/>
                </a:lnTo>
                <a:lnTo>
                  <a:pt x="366" y="442"/>
                </a:lnTo>
                <a:lnTo>
                  <a:pt x="354" y="448"/>
                </a:lnTo>
                <a:lnTo>
                  <a:pt x="352" y="450"/>
                </a:lnTo>
                <a:lnTo>
                  <a:pt x="348" y="454"/>
                </a:lnTo>
                <a:lnTo>
                  <a:pt x="344" y="454"/>
                </a:lnTo>
                <a:lnTo>
                  <a:pt x="326" y="454"/>
                </a:lnTo>
                <a:lnTo>
                  <a:pt x="318" y="448"/>
                </a:lnTo>
                <a:lnTo>
                  <a:pt x="310" y="450"/>
                </a:lnTo>
                <a:lnTo>
                  <a:pt x="296" y="448"/>
                </a:lnTo>
                <a:lnTo>
                  <a:pt x="280" y="446"/>
                </a:lnTo>
                <a:lnTo>
                  <a:pt x="270" y="442"/>
                </a:lnTo>
                <a:lnTo>
                  <a:pt x="266" y="448"/>
                </a:lnTo>
                <a:lnTo>
                  <a:pt x="264" y="458"/>
                </a:lnTo>
                <a:lnTo>
                  <a:pt x="258" y="466"/>
                </a:lnTo>
                <a:lnTo>
                  <a:pt x="236" y="468"/>
                </a:lnTo>
                <a:lnTo>
                  <a:pt x="206" y="468"/>
                </a:lnTo>
                <a:lnTo>
                  <a:pt x="184" y="456"/>
                </a:lnTo>
                <a:lnTo>
                  <a:pt x="170" y="440"/>
                </a:lnTo>
                <a:lnTo>
                  <a:pt x="160" y="428"/>
                </a:lnTo>
                <a:lnTo>
                  <a:pt x="154" y="422"/>
                </a:lnTo>
                <a:lnTo>
                  <a:pt x="132" y="414"/>
                </a:lnTo>
                <a:lnTo>
                  <a:pt x="126" y="400"/>
                </a:lnTo>
                <a:lnTo>
                  <a:pt x="120" y="384"/>
                </a:lnTo>
                <a:lnTo>
                  <a:pt x="124" y="378"/>
                </a:lnTo>
                <a:lnTo>
                  <a:pt x="118" y="374"/>
                </a:lnTo>
                <a:lnTo>
                  <a:pt x="118" y="368"/>
                </a:lnTo>
                <a:lnTo>
                  <a:pt x="106" y="366"/>
                </a:lnTo>
                <a:lnTo>
                  <a:pt x="98" y="358"/>
                </a:lnTo>
                <a:lnTo>
                  <a:pt x="94" y="348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98" name="Freeform 63"/>
          <p:cNvSpPr>
            <a:spLocks/>
          </p:cNvSpPr>
          <p:nvPr/>
        </p:nvSpPr>
        <p:spPr bwMode="auto">
          <a:xfrm>
            <a:off x="3806825" y="1795463"/>
            <a:ext cx="84138" cy="65087"/>
          </a:xfrm>
          <a:custGeom>
            <a:avLst/>
            <a:gdLst>
              <a:gd name="T0" fmla="*/ 2147483647 w 64"/>
              <a:gd name="T1" fmla="*/ 0 h 50"/>
              <a:gd name="T2" fmla="*/ 2147483647 w 64"/>
              <a:gd name="T3" fmla="*/ 2147483647 h 50"/>
              <a:gd name="T4" fmla="*/ 2147483647 w 64"/>
              <a:gd name="T5" fmla="*/ 2147483647 h 50"/>
              <a:gd name="T6" fmla="*/ 2147483647 w 64"/>
              <a:gd name="T7" fmla="*/ 2147483647 h 50"/>
              <a:gd name="T8" fmla="*/ 2147483647 w 64"/>
              <a:gd name="T9" fmla="*/ 2147483647 h 50"/>
              <a:gd name="T10" fmla="*/ 2147483647 w 64"/>
              <a:gd name="T11" fmla="*/ 2147483647 h 50"/>
              <a:gd name="T12" fmla="*/ 2147483647 w 64"/>
              <a:gd name="T13" fmla="*/ 2147483647 h 50"/>
              <a:gd name="T14" fmla="*/ 2147483647 w 64"/>
              <a:gd name="T15" fmla="*/ 2147483647 h 50"/>
              <a:gd name="T16" fmla="*/ 2147483647 w 64"/>
              <a:gd name="T17" fmla="*/ 2147483647 h 50"/>
              <a:gd name="T18" fmla="*/ 2147483647 w 64"/>
              <a:gd name="T19" fmla="*/ 2147483647 h 50"/>
              <a:gd name="T20" fmla="*/ 2147483647 w 64"/>
              <a:gd name="T21" fmla="*/ 2147483647 h 50"/>
              <a:gd name="T22" fmla="*/ 2147483647 w 64"/>
              <a:gd name="T23" fmla="*/ 2147483647 h 50"/>
              <a:gd name="T24" fmla="*/ 2147483647 w 64"/>
              <a:gd name="T25" fmla="*/ 2147483647 h 50"/>
              <a:gd name="T26" fmla="*/ 2147483647 w 64"/>
              <a:gd name="T27" fmla="*/ 2147483647 h 50"/>
              <a:gd name="T28" fmla="*/ 2147483647 w 64"/>
              <a:gd name="T29" fmla="*/ 2147483647 h 50"/>
              <a:gd name="T30" fmla="*/ 0 w 64"/>
              <a:gd name="T31" fmla="*/ 2147483647 h 50"/>
              <a:gd name="T32" fmla="*/ 2147483647 w 64"/>
              <a:gd name="T33" fmla="*/ 2147483647 h 50"/>
              <a:gd name="T34" fmla="*/ 2147483647 w 64"/>
              <a:gd name="T35" fmla="*/ 2147483647 h 50"/>
              <a:gd name="T36" fmla="*/ 2147483647 w 64"/>
              <a:gd name="T37" fmla="*/ 2147483647 h 50"/>
              <a:gd name="T38" fmla="*/ 2147483647 w 64"/>
              <a:gd name="T39" fmla="*/ 2147483647 h 50"/>
              <a:gd name="T40" fmla="*/ 2147483647 w 64"/>
              <a:gd name="T41" fmla="*/ 2147483647 h 50"/>
              <a:gd name="T42" fmla="*/ 2147483647 w 64"/>
              <a:gd name="T43" fmla="*/ 0 h 50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0" t="0" r="r" b="b"/>
            <a:pathLst>
              <a:path w="64" h="50">
                <a:moveTo>
                  <a:pt x="32" y="0"/>
                </a:moveTo>
                <a:lnTo>
                  <a:pt x="40" y="12"/>
                </a:lnTo>
                <a:lnTo>
                  <a:pt x="46" y="22"/>
                </a:lnTo>
                <a:lnTo>
                  <a:pt x="54" y="18"/>
                </a:lnTo>
                <a:lnTo>
                  <a:pt x="58" y="4"/>
                </a:lnTo>
                <a:lnTo>
                  <a:pt x="64" y="8"/>
                </a:lnTo>
                <a:lnTo>
                  <a:pt x="60" y="22"/>
                </a:lnTo>
                <a:lnTo>
                  <a:pt x="50" y="30"/>
                </a:lnTo>
                <a:lnTo>
                  <a:pt x="50" y="46"/>
                </a:lnTo>
                <a:lnTo>
                  <a:pt x="36" y="44"/>
                </a:lnTo>
                <a:lnTo>
                  <a:pt x="28" y="50"/>
                </a:lnTo>
                <a:lnTo>
                  <a:pt x="26" y="34"/>
                </a:lnTo>
                <a:lnTo>
                  <a:pt x="20" y="36"/>
                </a:lnTo>
                <a:lnTo>
                  <a:pt x="8" y="36"/>
                </a:lnTo>
                <a:lnTo>
                  <a:pt x="2" y="28"/>
                </a:lnTo>
                <a:lnTo>
                  <a:pt x="0" y="16"/>
                </a:lnTo>
                <a:lnTo>
                  <a:pt x="8" y="14"/>
                </a:lnTo>
                <a:lnTo>
                  <a:pt x="14" y="18"/>
                </a:lnTo>
                <a:lnTo>
                  <a:pt x="22" y="20"/>
                </a:lnTo>
                <a:lnTo>
                  <a:pt x="28" y="18"/>
                </a:lnTo>
                <a:lnTo>
                  <a:pt x="26" y="6"/>
                </a:lnTo>
                <a:lnTo>
                  <a:pt x="32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099" name="Freeform 64"/>
          <p:cNvSpPr>
            <a:spLocks/>
          </p:cNvSpPr>
          <p:nvPr/>
        </p:nvSpPr>
        <p:spPr bwMode="auto">
          <a:xfrm>
            <a:off x="3100388" y="2927350"/>
            <a:ext cx="504825" cy="581025"/>
          </a:xfrm>
          <a:custGeom>
            <a:avLst/>
            <a:gdLst>
              <a:gd name="T0" fmla="*/ 2147483647 w 390"/>
              <a:gd name="T1" fmla="*/ 2147483647 h 449"/>
              <a:gd name="T2" fmla="*/ 2147483647 w 390"/>
              <a:gd name="T3" fmla="*/ 2147483647 h 449"/>
              <a:gd name="T4" fmla="*/ 2147483647 w 390"/>
              <a:gd name="T5" fmla="*/ 2147483647 h 449"/>
              <a:gd name="T6" fmla="*/ 2147483647 w 390"/>
              <a:gd name="T7" fmla="*/ 2147483647 h 449"/>
              <a:gd name="T8" fmla="*/ 2147483647 w 390"/>
              <a:gd name="T9" fmla="*/ 2147483647 h 449"/>
              <a:gd name="T10" fmla="*/ 2147483647 w 390"/>
              <a:gd name="T11" fmla="*/ 2147483647 h 449"/>
              <a:gd name="T12" fmla="*/ 2147483647 w 390"/>
              <a:gd name="T13" fmla="*/ 2147483647 h 449"/>
              <a:gd name="T14" fmla="*/ 2147483647 w 390"/>
              <a:gd name="T15" fmla="*/ 2147483647 h 449"/>
              <a:gd name="T16" fmla="*/ 2147483647 w 390"/>
              <a:gd name="T17" fmla="*/ 2147483647 h 449"/>
              <a:gd name="T18" fmla="*/ 2147483647 w 390"/>
              <a:gd name="T19" fmla="*/ 2147483647 h 449"/>
              <a:gd name="T20" fmla="*/ 2147483647 w 390"/>
              <a:gd name="T21" fmla="*/ 2147483647 h 449"/>
              <a:gd name="T22" fmla="*/ 2147483647 w 390"/>
              <a:gd name="T23" fmla="*/ 2147483647 h 449"/>
              <a:gd name="T24" fmla="*/ 2147483647 w 390"/>
              <a:gd name="T25" fmla="*/ 2147483647 h 449"/>
              <a:gd name="T26" fmla="*/ 2147483647 w 390"/>
              <a:gd name="T27" fmla="*/ 2147483647 h 449"/>
              <a:gd name="T28" fmla="*/ 2147483647 w 390"/>
              <a:gd name="T29" fmla="*/ 2147483647 h 449"/>
              <a:gd name="T30" fmla="*/ 2147483647 w 390"/>
              <a:gd name="T31" fmla="*/ 2147483647 h 449"/>
              <a:gd name="T32" fmla="*/ 2147483647 w 390"/>
              <a:gd name="T33" fmla="*/ 2147483647 h 449"/>
              <a:gd name="T34" fmla="*/ 2147483647 w 390"/>
              <a:gd name="T35" fmla="*/ 2147483647 h 449"/>
              <a:gd name="T36" fmla="*/ 2147483647 w 390"/>
              <a:gd name="T37" fmla="*/ 2147483647 h 449"/>
              <a:gd name="T38" fmla="*/ 2147483647 w 390"/>
              <a:gd name="T39" fmla="*/ 2147483647 h 449"/>
              <a:gd name="T40" fmla="*/ 2147483647 w 390"/>
              <a:gd name="T41" fmla="*/ 2147483647 h 449"/>
              <a:gd name="T42" fmla="*/ 2147483647 w 390"/>
              <a:gd name="T43" fmla="*/ 2147483647 h 449"/>
              <a:gd name="T44" fmla="*/ 2147483647 w 390"/>
              <a:gd name="T45" fmla="*/ 2147483647 h 449"/>
              <a:gd name="T46" fmla="*/ 2147483647 w 390"/>
              <a:gd name="T47" fmla="*/ 2147483647 h 449"/>
              <a:gd name="T48" fmla="*/ 2147483647 w 390"/>
              <a:gd name="T49" fmla="*/ 2147483647 h 449"/>
              <a:gd name="T50" fmla="*/ 2147483647 w 390"/>
              <a:gd name="T51" fmla="*/ 2147483647 h 449"/>
              <a:gd name="T52" fmla="*/ 2147483647 w 390"/>
              <a:gd name="T53" fmla="*/ 2147483647 h 449"/>
              <a:gd name="T54" fmla="*/ 2147483647 w 390"/>
              <a:gd name="T55" fmla="*/ 2147483647 h 449"/>
              <a:gd name="T56" fmla="*/ 2147483647 w 390"/>
              <a:gd name="T57" fmla="*/ 2147483647 h 449"/>
              <a:gd name="T58" fmla="*/ 2147483647 w 390"/>
              <a:gd name="T59" fmla="*/ 2147483647 h 449"/>
              <a:gd name="T60" fmla="*/ 2147483647 w 390"/>
              <a:gd name="T61" fmla="*/ 2147483647 h 449"/>
              <a:gd name="T62" fmla="*/ 2147483647 w 390"/>
              <a:gd name="T63" fmla="*/ 2147483647 h 449"/>
              <a:gd name="T64" fmla="*/ 2147483647 w 390"/>
              <a:gd name="T65" fmla="*/ 2147483647 h 449"/>
              <a:gd name="T66" fmla="*/ 2147483647 w 390"/>
              <a:gd name="T67" fmla="*/ 2147483647 h 449"/>
              <a:gd name="T68" fmla="*/ 2147483647 w 390"/>
              <a:gd name="T69" fmla="*/ 2147483647 h 449"/>
              <a:gd name="T70" fmla="*/ 2147483647 w 390"/>
              <a:gd name="T71" fmla="*/ 2147483647 h 449"/>
              <a:gd name="T72" fmla="*/ 2147483647 w 390"/>
              <a:gd name="T73" fmla="*/ 2147483647 h 449"/>
              <a:gd name="T74" fmla="*/ 2147483647 w 390"/>
              <a:gd name="T75" fmla="*/ 2147483647 h 449"/>
              <a:gd name="T76" fmla="*/ 2147483647 w 390"/>
              <a:gd name="T77" fmla="*/ 2147483647 h 449"/>
              <a:gd name="T78" fmla="*/ 2147483647 w 390"/>
              <a:gd name="T79" fmla="*/ 2147483647 h 449"/>
              <a:gd name="T80" fmla="*/ 2147483647 w 390"/>
              <a:gd name="T81" fmla="*/ 2147483647 h 449"/>
              <a:gd name="T82" fmla="*/ 2147483647 w 390"/>
              <a:gd name="T83" fmla="*/ 2147483647 h 449"/>
              <a:gd name="T84" fmla="*/ 2147483647 w 390"/>
              <a:gd name="T85" fmla="*/ 2147483647 h 449"/>
              <a:gd name="T86" fmla="*/ 2147483647 w 390"/>
              <a:gd name="T87" fmla="*/ 2147483647 h 449"/>
              <a:gd name="T88" fmla="*/ 2147483647 w 390"/>
              <a:gd name="T89" fmla="*/ 2147483647 h 449"/>
              <a:gd name="T90" fmla="*/ 2147483647 w 390"/>
              <a:gd name="T91" fmla="*/ 2147483647 h 449"/>
              <a:gd name="T92" fmla="*/ 2147483647 w 390"/>
              <a:gd name="T93" fmla="*/ 2147483647 h 449"/>
              <a:gd name="T94" fmla="*/ 2147483647 w 390"/>
              <a:gd name="T95" fmla="*/ 2147483647 h 449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0" t="0" r="r" b="b"/>
            <a:pathLst>
              <a:path w="390" h="449">
                <a:moveTo>
                  <a:pt x="114" y="86"/>
                </a:moveTo>
                <a:lnTo>
                  <a:pt x="124" y="92"/>
                </a:lnTo>
                <a:lnTo>
                  <a:pt x="138" y="86"/>
                </a:lnTo>
                <a:lnTo>
                  <a:pt x="150" y="94"/>
                </a:lnTo>
                <a:lnTo>
                  <a:pt x="166" y="96"/>
                </a:lnTo>
                <a:lnTo>
                  <a:pt x="168" y="106"/>
                </a:lnTo>
                <a:lnTo>
                  <a:pt x="176" y="112"/>
                </a:lnTo>
                <a:lnTo>
                  <a:pt x="184" y="106"/>
                </a:lnTo>
                <a:lnTo>
                  <a:pt x="194" y="110"/>
                </a:lnTo>
                <a:lnTo>
                  <a:pt x="212" y="118"/>
                </a:lnTo>
                <a:lnTo>
                  <a:pt x="224" y="114"/>
                </a:lnTo>
                <a:lnTo>
                  <a:pt x="218" y="106"/>
                </a:lnTo>
                <a:lnTo>
                  <a:pt x="222" y="100"/>
                </a:lnTo>
                <a:lnTo>
                  <a:pt x="230" y="94"/>
                </a:lnTo>
                <a:lnTo>
                  <a:pt x="250" y="94"/>
                </a:lnTo>
                <a:lnTo>
                  <a:pt x="254" y="98"/>
                </a:lnTo>
                <a:lnTo>
                  <a:pt x="256" y="88"/>
                </a:lnTo>
                <a:lnTo>
                  <a:pt x="260" y="78"/>
                </a:lnTo>
                <a:lnTo>
                  <a:pt x="246" y="76"/>
                </a:lnTo>
                <a:lnTo>
                  <a:pt x="238" y="72"/>
                </a:lnTo>
                <a:lnTo>
                  <a:pt x="224" y="70"/>
                </a:lnTo>
                <a:lnTo>
                  <a:pt x="218" y="60"/>
                </a:lnTo>
                <a:lnTo>
                  <a:pt x="220" y="52"/>
                </a:lnTo>
                <a:lnTo>
                  <a:pt x="242" y="54"/>
                </a:lnTo>
                <a:lnTo>
                  <a:pt x="242" y="44"/>
                </a:lnTo>
                <a:lnTo>
                  <a:pt x="254" y="42"/>
                </a:lnTo>
                <a:lnTo>
                  <a:pt x="252" y="26"/>
                </a:lnTo>
                <a:lnTo>
                  <a:pt x="266" y="22"/>
                </a:lnTo>
                <a:lnTo>
                  <a:pt x="270" y="10"/>
                </a:lnTo>
                <a:lnTo>
                  <a:pt x="284" y="16"/>
                </a:lnTo>
                <a:lnTo>
                  <a:pt x="292" y="10"/>
                </a:lnTo>
                <a:lnTo>
                  <a:pt x="296" y="16"/>
                </a:lnTo>
                <a:lnTo>
                  <a:pt x="306" y="10"/>
                </a:lnTo>
                <a:lnTo>
                  <a:pt x="316" y="8"/>
                </a:lnTo>
                <a:lnTo>
                  <a:pt x="316" y="16"/>
                </a:lnTo>
                <a:lnTo>
                  <a:pt x="326" y="16"/>
                </a:lnTo>
                <a:lnTo>
                  <a:pt x="334" y="10"/>
                </a:lnTo>
                <a:lnTo>
                  <a:pt x="342" y="4"/>
                </a:lnTo>
                <a:lnTo>
                  <a:pt x="350" y="0"/>
                </a:lnTo>
                <a:lnTo>
                  <a:pt x="356" y="12"/>
                </a:lnTo>
                <a:lnTo>
                  <a:pt x="366" y="18"/>
                </a:lnTo>
                <a:lnTo>
                  <a:pt x="366" y="24"/>
                </a:lnTo>
                <a:lnTo>
                  <a:pt x="356" y="30"/>
                </a:lnTo>
                <a:lnTo>
                  <a:pt x="342" y="34"/>
                </a:lnTo>
                <a:lnTo>
                  <a:pt x="334" y="38"/>
                </a:lnTo>
                <a:lnTo>
                  <a:pt x="328" y="46"/>
                </a:lnTo>
                <a:lnTo>
                  <a:pt x="314" y="62"/>
                </a:lnTo>
                <a:lnTo>
                  <a:pt x="310" y="72"/>
                </a:lnTo>
                <a:lnTo>
                  <a:pt x="296" y="74"/>
                </a:lnTo>
                <a:lnTo>
                  <a:pt x="286" y="72"/>
                </a:lnTo>
                <a:lnTo>
                  <a:pt x="278" y="70"/>
                </a:lnTo>
                <a:lnTo>
                  <a:pt x="284" y="80"/>
                </a:lnTo>
                <a:lnTo>
                  <a:pt x="292" y="88"/>
                </a:lnTo>
                <a:lnTo>
                  <a:pt x="286" y="94"/>
                </a:lnTo>
                <a:lnTo>
                  <a:pt x="274" y="94"/>
                </a:lnTo>
                <a:lnTo>
                  <a:pt x="268" y="90"/>
                </a:lnTo>
                <a:lnTo>
                  <a:pt x="262" y="98"/>
                </a:lnTo>
                <a:lnTo>
                  <a:pt x="254" y="106"/>
                </a:lnTo>
                <a:lnTo>
                  <a:pt x="262" y="118"/>
                </a:lnTo>
                <a:lnTo>
                  <a:pt x="270" y="134"/>
                </a:lnTo>
                <a:lnTo>
                  <a:pt x="278" y="138"/>
                </a:lnTo>
                <a:lnTo>
                  <a:pt x="286" y="148"/>
                </a:lnTo>
                <a:lnTo>
                  <a:pt x="308" y="156"/>
                </a:lnTo>
                <a:lnTo>
                  <a:pt x="322" y="146"/>
                </a:lnTo>
                <a:lnTo>
                  <a:pt x="322" y="132"/>
                </a:lnTo>
                <a:lnTo>
                  <a:pt x="338" y="126"/>
                </a:lnTo>
                <a:lnTo>
                  <a:pt x="346" y="134"/>
                </a:lnTo>
                <a:lnTo>
                  <a:pt x="346" y="150"/>
                </a:lnTo>
                <a:lnTo>
                  <a:pt x="352" y="156"/>
                </a:lnTo>
                <a:lnTo>
                  <a:pt x="360" y="158"/>
                </a:lnTo>
                <a:lnTo>
                  <a:pt x="358" y="174"/>
                </a:lnTo>
                <a:lnTo>
                  <a:pt x="372" y="176"/>
                </a:lnTo>
                <a:lnTo>
                  <a:pt x="384" y="178"/>
                </a:lnTo>
                <a:lnTo>
                  <a:pt x="390" y="188"/>
                </a:lnTo>
                <a:lnTo>
                  <a:pt x="380" y="190"/>
                </a:lnTo>
                <a:lnTo>
                  <a:pt x="374" y="192"/>
                </a:lnTo>
                <a:lnTo>
                  <a:pt x="372" y="204"/>
                </a:lnTo>
                <a:lnTo>
                  <a:pt x="378" y="210"/>
                </a:lnTo>
                <a:lnTo>
                  <a:pt x="376" y="232"/>
                </a:lnTo>
                <a:lnTo>
                  <a:pt x="386" y="250"/>
                </a:lnTo>
                <a:lnTo>
                  <a:pt x="376" y="256"/>
                </a:lnTo>
                <a:lnTo>
                  <a:pt x="374" y="272"/>
                </a:lnTo>
                <a:lnTo>
                  <a:pt x="374" y="286"/>
                </a:lnTo>
                <a:lnTo>
                  <a:pt x="374" y="328"/>
                </a:lnTo>
                <a:lnTo>
                  <a:pt x="358" y="344"/>
                </a:lnTo>
                <a:lnTo>
                  <a:pt x="348" y="357"/>
                </a:lnTo>
                <a:lnTo>
                  <a:pt x="348" y="373"/>
                </a:lnTo>
                <a:lnTo>
                  <a:pt x="330" y="389"/>
                </a:lnTo>
                <a:lnTo>
                  <a:pt x="320" y="395"/>
                </a:lnTo>
                <a:lnTo>
                  <a:pt x="324" y="405"/>
                </a:lnTo>
                <a:lnTo>
                  <a:pt x="328" y="419"/>
                </a:lnTo>
                <a:lnTo>
                  <a:pt x="312" y="419"/>
                </a:lnTo>
                <a:lnTo>
                  <a:pt x="298" y="413"/>
                </a:lnTo>
                <a:lnTo>
                  <a:pt x="292" y="407"/>
                </a:lnTo>
                <a:lnTo>
                  <a:pt x="286" y="411"/>
                </a:lnTo>
                <a:lnTo>
                  <a:pt x="280" y="407"/>
                </a:lnTo>
                <a:lnTo>
                  <a:pt x="274" y="415"/>
                </a:lnTo>
                <a:lnTo>
                  <a:pt x="264" y="417"/>
                </a:lnTo>
                <a:lnTo>
                  <a:pt x="244" y="405"/>
                </a:lnTo>
                <a:lnTo>
                  <a:pt x="230" y="409"/>
                </a:lnTo>
                <a:lnTo>
                  <a:pt x="224" y="413"/>
                </a:lnTo>
                <a:lnTo>
                  <a:pt x="224" y="421"/>
                </a:lnTo>
                <a:lnTo>
                  <a:pt x="200" y="423"/>
                </a:lnTo>
                <a:lnTo>
                  <a:pt x="196" y="431"/>
                </a:lnTo>
                <a:lnTo>
                  <a:pt x="180" y="435"/>
                </a:lnTo>
                <a:lnTo>
                  <a:pt x="158" y="435"/>
                </a:lnTo>
                <a:lnTo>
                  <a:pt x="146" y="441"/>
                </a:lnTo>
                <a:lnTo>
                  <a:pt x="140" y="445"/>
                </a:lnTo>
                <a:lnTo>
                  <a:pt x="136" y="447"/>
                </a:lnTo>
                <a:lnTo>
                  <a:pt x="130" y="447"/>
                </a:lnTo>
                <a:lnTo>
                  <a:pt x="96" y="447"/>
                </a:lnTo>
                <a:lnTo>
                  <a:pt x="66" y="449"/>
                </a:lnTo>
                <a:lnTo>
                  <a:pt x="62" y="441"/>
                </a:lnTo>
                <a:lnTo>
                  <a:pt x="46" y="441"/>
                </a:lnTo>
                <a:lnTo>
                  <a:pt x="32" y="439"/>
                </a:lnTo>
                <a:lnTo>
                  <a:pt x="36" y="429"/>
                </a:lnTo>
                <a:lnTo>
                  <a:pt x="52" y="429"/>
                </a:lnTo>
                <a:lnTo>
                  <a:pt x="60" y="425"/>
                </a:lnTo>
                <a:lnTo>
                  <a:pt x="66" y="417"/>
                </a:lnTo>
                <a:lnTo>
                  <a:pt x="62" y="413"/>
                </a:lnTo>
                <a:lnTo>
                  <a:pt x="52" y="417"/>
                </a:lnTo>
                <a:lnTo>
                  <a:pt x="30" y="417"/>
                </a:lnTo>
                <a:lnTo>
                  <a:pt x="20" y="421"/>
                </a:lnTo>
                <a:lnTo>
                  <a:pt x="16" y="411"/>
                </a:lnTo>
                <a:lnTo>
                  <a:pt x="30" y="407"/>
                </a:lnTo>
                <a:lnTo>
                  <a:pt x="40" y="405"/>
                </a:lnTo>
                <a:lnTo>
                  <a:pt x="44" y="405"/>
                </a:lnTo>
                <a:lnTo>
                  <a:pt x="48" y="401"/>
                </a:lnTo>
                <a:lnTo>
                  <a:pt x="54" y="397"/>
                </a:lnTo>
                <a:lnTo>
                  <a:pt x="40" y="395"/>
                </a:lnTo>
                <a:lnTo>
                  <a:pt x="22" y="397"/>
                </a:lnTo>
                <a:lnTo>
                  <a:pt x="14" y="389"/>
                </a:lnTo>
                <a:lnTo>
                  <a:pt x="0" y="385"/>
                </a:lnTo>
                <a:lnTo>
                  <a:pt x="2" y="379"/>
                </a:lnTo>
                <a:lnTo>
                  <a:pt x="12" y="377"/>
                </a:lnTo>
                <a:lnTo>
                  <a:pt x="16" y="369"/>
                </a:lnTo>
                <a:lnTo>
                  <a:pt x="30" y="369"/>
                </a:lnTo>
                <a:lnTo>
                  <a:pt x="42" y="367"/>
                </a:lnTo>
                <a:lnTo>
                  <a:pt x="52" y="361"/>
                </a:lnTo>
                <a:lnTo>
                  <a:pt x="40" y="357"/>
                </a:lnTo>
                <a:lnTo>
                  <a:pt x="18" y="353"/>
                </a:lnTo>
                <a:lnTo>
                  <a:pt x="4" y="349"/>
                </a:lnTo>
                <a:lnTo>
                  <a:pt x="10" y="334"/>
                </a:lnTo>
                <a:lnTo>
                  <a:pt x="24" y="330"/>
                </a:lnTo>
                <a:lnTo>
                  <a:pt x="38" y="338"/>
                </a:lnTo>
                <a:lnTo>
                  <a:pt x="54" y="346"/>
                </a:lnTo>
                <a:lnTo>
                  <a:pt x="60" y="332"/>
                </a:lnTo>
                <a:lnTo>
                  <a:pt x="60" y="320"/>
                </a:lnTo>
                <a:lnTo>
                  <a:pt x="80" y="320"/>
                </a:lnTo>
                <a:lnTo>
                  <a:pt x="80" y="308"/>
                </a:lnTo>
                <a:lnTo>
                  <a:pt x="90" y="308"/>
                </a:lnTo>
                <a:lnTo>
                  <a:pt x="98" y="302"/>
                </a:lnTo>
                <a:lnTo>
                  <a:pt x="84" y="300"/>
                </a:lnTo>
                <a:lnTo>
                  <a:pt x="78" y="296"/>
                </a:lnTo>
                <a:lnTo>
                  <a:pt x="90" y="288"/>
                </a:lnTo>
                <a:lnTo>
                  <a:pt x="114" y="274"/>
                </a:lnTo>
                <a:lnTo>
                  <a:pt x="112" y="260"/>
                </a:lnTo>
                <a:lnTo>
                  <a:pt x="126" y="246"/>
                </a:lnTo>
                <a:lnTo>
                  <a:pt x="146" y="250"/>
                </a:lnTo>
                <a:lnTo>
                  <a:pt x="152" y="244"/>
                </a:lnTo>
                <a:lnTo>
                  <a:pt x="154" y="232"/>
                </a:lnTo>
                <a:lnTo>
                  <a:pt x="142" y="234"/>
                </a:lnTo>
                <a:lnTo>
                  <a:pt x="126" y="232"/>
                </a:lnTo>
                <a:lnTo>
                  <a:pt x="114" y="226"/>
                </a:lnTo>
                <a:lnTo>
                  <a:pt x="108" y="216"/>
                </a:lnTo>
                <a:lnTo>
                  <a:pt x="108" y="208"/>
                </a:lnTo>
                <a:lnTo>
                  <a:pt x="92" y="210"/>
                </a:lnTo>
                <a:lnTo>
                  <a:pt x="94" y="200"/>
                </a:lnTo>
                <a:lnTo>
                  <a:pt x="84" y="198"/>
                </a:lnTo>
                <a:lnTo>
                  <a:pt x="80" y="188"/>
                </a:lnTo>
                <a:lnTo>
                  <a:pt x="78" y="176"/>
                </a:lnTo>
                <a:lnTo>
                  <a:pt x="94" y="174"/>
                </a:lnTo>
                <a:lnTo>
                  <a:pt x="100" y="170"/>
                </a:lnTo>
                <a:lnTo>
                  <a:pt x="102" y="154"/>
                </a:lnTo>
                <a:lnTo>
                  <a:pt x="114" y="150"/>
                </a:lnTo>
                <a:lnTo>
                  <a:pt x="124" y="154"/>
                </a:lnTo>
                <a:lnTo>
                  <a:pt x="128" y="144"/>
                </a:lnTo>
                <a:lnTo>
                  <a:pt x="122" y="138"/>
                </a:lnTo>
                <a:lnTo>
                  <a:pt x="106" y="138"/>
                </a:lnTo>
                <a:lnTo>
                  <a:pt x="100" y="130"/>
                </a:lnTo>
                <a:lnTo>
                  <a:pt x="92" y="124"/>
                </a:lnTo>
                <a:lnTo>
                  <a:pt x="86" y="116"/>
                </a:lnTo>
                <a:lnTo>
                  <a:pt x="96" y="114"/>
                </a:lnTo>
                <a:lnTo>
                  <a:pt x="100" y="116"/>
                </a:lnTo>
                <a:lnTo>
                  <a:pt x="104" y="120"/>
                </a:lnTo>
                <a:lnTo>
                  <a:pt x="108" y="124"/>
                </a:lnTo>
                <a:lnTo>
                  <a:pt x="114" y="112"/>
                </a:lnTo>
                <a:lnTo>
                  <a:pt x="112" y="98"/>
                </a:lnTo>
                <a:lnTo>
                  <a:pt x="108" y="96"/>
                </a:lnTo>
                <a:lnTo>
                  <a:pt x="102" y="102"/>
                </a:lnTo>
                <a:lnTo>
                  <a:pt x="98" y="96"/>
                </a:lnTo>
                <a:lnTo>
                  <a:pt x="106" y="88"/>
                </a:lnTo>
                <a:lnTo>
                  <a:pt x="114" y="86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30100" name="Group 65"/>
          <p:cNvGrpSpPr>
            <a:grpSpLocks/>
          </p:cNvGrpSpPr>
          <p:nvPr/>
        </p:nvGrpSpPr>
        <p:grpSpPr bwMode="auto">
          <a:xfrm>
            <a:off x="3419475" y="2133600"/>
            <a:ext cx="925513" cy="1716088"/>
            <a:chOff x="848" y="1921"/>
            <a:chExt cx="714" cy="1325"/>
          </a:xfrm>
        </p:grpSpPr>
        <p:sp>
          <p:nvSpPr>
            <p:cNvPr id="130184" name="Freeform 66"/>
            <p:cNvSpPr>
              <a:spLocks/>
            </p:cNvSpPr>
            <p:nvPr/>
          </p:nvSpPr>
          <p:spPr bwMode="auto">
            <a:xfrm>
              <a:off x="1450" y="1921"/>
              <a:ext cx="72" cy="118"/>
            </a:xfrm>
            <a:custGeom>
              <a:avLst/>
              <a:gdLst>
                <a:gd name="T0" fmla="*/ 22 w 72"/>
                <a:gd name="T1" fmla="*/ 74 h 118"/>
                <a:gd name="T2" fmla="*/ 12 w 72"/>
                <a:gd name="T3" fmla="*/ 78 h 118"/>
                <a:gd name="T4" fmla="*/ 4 w 72"/>
                <a:gd name="T5" fmla="*/ 72 h 118"/>
                <a:gd name="T6" fmla="*/ 0 w 72"/>
                <a:gd name="T7" fmla="*/ 62 h 118"/>
                <a:gd name="T8" fmla="*/ 8 w 72"/>
                <a:gd name="T9" fmla="*/ 58 h 118"/>
                <a:gd name="T10" fmla="*/ 20 w 72"/>
                <a:gd name="T11" fmla="*/ 60 h 118"/>
                <a:gd name="T12" fmla="*/ 26 w 72"/>
                <a:gd name="T13" fmla="*/ 56 h 118"/>
                <a:gd name="T14" fmla="*/ 22 w 72"/>
                <a:gd name="T15" fmla="*/ 50 h 118"/>
                <a:gd name="T16" fmla="*/ 18 w 72"/>
                <a:gd name="T17" fmla="*/ 44 h 118"/>
                <a:gd name="T18" fmla="*/ 12 w 72"/>
                <a:gd name="T19" fmla="*/ 32 h 118"/>
                <a:gd name="T20" fmla="*/ 20 w 72"/>
                <a:gd name="T21" fmla="*/ 26 h 118"/>
                <a:gd name="T22" fmla="*/ 28 w 72"/>
                <a:gd name="T23" fmla="*/ 22 h 118"/>
                <a:gd name="T24" fmla="*/ 32 w 72"/>
                <a:gd name="T25" fmla="*/ 28 h 118"/>
                <a:gd name="T26" fmla="*/ 28 w 72"/>
                <a:gd name="T27" fmla="*/ 36 h 118"/>
                <a:gd name="T28" fmla="*/ 38 w 72"/>
                <a:gd name="T29" fmla="*/ 38 h 118"/>
                <a:gd name="T30" fmla="*/ 38 w 72"/>
                <a:gd name="T31" fmla="*/ 24 h 118"/>
                <a:gd name="T32" fmla="*/ 46 w 72"/>
                <a:gd name="T33" fmla="*/ 12 h 118"/>
                <a:gd name="T34" fmla="*/ 54 w 72"/>
                <a:gd name="T35" fmla="*/ 14 h 118"/>
                <a:gd name="T36" fmla="*/ 62 w 72"/>
                <a:gd name="T37" fmla="*/ 6 h 118"/>
                <a:gd name="T38" fmla="*/ 68 w 72"/>
                <a:gd name="T39" fmla="*/ 0 h 118"/>
                <a:gd name="T40" fmla="*/ 72 w 72"/>
                <a:gd name="T41" fmla="*/ 8 h 118"/>
                <a:gd name="T42" fmla="*/ 66 w 72"/>
                <a:gd name="T43" fmla="*/ 14 h 118"/>
                <a:gd name="T44" fmla="*/ 62 w 72"/>
                <a:gd name="T45" fmla="*/ 20 h 118"/>
                <a:gd name="T46" fmla="*/ 64 w 72"/>
                <a:gd name="T47" fmla="*/ 30 h 118"/>
                <a:gd name="T48" fmla="*/ 54 w 72"/>
                <a:gd name="T49" fmla="*/ 32 h 118"/>
                <a:gd name="T50" fmla="*/ 50 w 72"/>
                <a:gd name="T51" fmla="*/ 22 h 118"/>
                <a:gd name="T52" fmla="*/ 46 w 72"/>
                <a:gd name="T53" fmla="*/ 28 h 118"/>
                <a:gd name="T54" fmla="*/ 46 w 72"/>
                <a:gd name="T55" fmla="*/ 40 h 118"/>
                <a:gd name="T56" fmla="*/ 36 w 72"/>
                <a:gd name="T57" fmla="*/ 46 h 118"/>
                <a:gd name="T58" fmla="*/ 38 w 72"/>
                <a:gd name="T59" fmla="*/ 52 h 118"/>
                <a:gd name="T60" fmla="*/ 40 w 72"/>
                <a:gd name="T61" fmla="*/ 62 h 118"/>
                <a:gd name="T62" fmla="*/ 34 w 72"/>
                <a:gd name="T63" fmla="*/ 72 h 118"/>
                <a:gd name="T64" fmla="*/ 32 w 72"/>
                <a:gd name="T65" fmla="*/ 82 h 118"/>
                <a:gd name="T66" fmla="*/ 30 w 72"/>
                <a:gd name="T67" fmla="*/ 92 h 118"/>
                <a:gd name="T68" fmla="*/ 26 w 72"/>
                <a:gd name="T69" fmla="*/ 102 h 118"/>
                <a:gd name="T70" fmla="*/ 22 w 72"/>
                <a:gd name="T71" fmla="*/ 116 h 118"/>
                <a:gd name="T72" fmla="*/ 12 w 72"/>
                <a:gd name="T73" fmla="*/ 118 h 118"/>
                <a:gd name="T74" fmla="*/ 12 w 72"/>
                <a:gd name="T75" fmla="*/ 104 h 118"/>
                <a:gd name="T76" fmla="*/ 18 w 72"/>
                <a:gd name="T77" fmla="*/ 94 h 118"/>
                <a:gd name="T78" fmla="*/ 24 w 72"/>
                <a:gd name="T79" fmla="*/ 84 h 118"/>
                <a:gd name="T80" fmla="*/ 22 w 72"/>
                <a:gd name="T81" fmla="*/ 74 h 118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0" t="0" r="r" b="b"/>
              <a:pathLst>
                <a:path w="72" h="118">
                  <a:moveTo>
                    <a:pt x="22" y="74"/>
                  </a:moveTo>
                  <a:lnTo>
                    <a:pt x="12" y="78"/>
                  </a:lnTo>
                  <a:lnTo>
                    <a:pt x="4" y="72"/>
                  </a:lnTo>
                  <a:lnTo>
                    <a:pt x="0" y="62"/>
                  </a:lnTo>
                  <a:lnTo>
                    <a:pt x="8" y="58"/>
                  </a:lnTo>
                  <a:lnTo>
                    <a:pt x="20" y="60"/>
                  </a:lnTo>
                  <a:lnTo>
                    <a:pt x="26" y="56"/>
                  </a:lnTo>
                  <a:lnTo>
                    <a:pt x="22" y="50"/>
                  </a:lnTo>
                  <a:lnTo>
                    <a:pt x="18" y="44"/>
                  </a:lnTo>
                  <a:lnTo>
                    <a:pt x="12" y="32"/>
                  </a:lnTo>
                  <a:lnTo>
                    <a:pt x="20" y="26"/>
                  </a:lnTo>
                  <a:lnTo>
                    <a:pt x="28" y="22"/>
                  </a:lnTo>
                  <a:lnTo>
                    <a:pt x="32" y="28"/>
                  </a:lnTo>
                  <a:lnTo>
                    <a:pt x="28" y="36"/>
                  </a:lnTo>
                  <a:lnTo>
                    <a:pt x="38" y="38"/>
                  </a:lnTo>
                  <a:lnTo>
                    <a:pt x="38" y="24"/>
                  </a:lnTo>
                  <a:lnTo>
                    <a:pt x="46" y="12"/>
                  </a:lnTo>
                  <a:lnTo>
                    <a:pt x="54" y="14"/>
                  </a:lnTo>
                  <a:lnTo>
                    <a:pt x="62" y="6"/>
                  </a:lnTo>
                  <a:lnTo>
                    <a:pt x="68" y="0"/>
                  </a:lnTo>
                  <a:lnTo>
                    <a:pt x="72" y="8"/>
                  </a:lnTo>
                  <a:lnTo>
                    <a:pt x="66" y="14"/>
                  </a:lnTo>
                  <a:lnTo>
                    <a:pt x="62" y="20"/>
                  </a:lnTo>
                  <a:lnTo>
                    <a:pt x="64" y="30"/>
                  </a:lnTo>
                  <a:lnTo>
                    <a:pt x="54" y="32"/>
                  </a:lnTo>
                  <a:lnTo>
                    <a:pt x="50" y="22"/>
                  </a:lnTo>
                  <a:lnTo>
                    <a:pt x="46" y="28"/>
                  </a:lnTo>
                  <a:lnTo>
                    <a:pt x="46" y="40"/>
                  </a:lnTo>
                  <a:lnTo>
                    <a:pt x="36" y="46"/>
                  </a:lnTo>
                  <a:lnTo>
                    <a:pt x="38" y="52"/>
                  </a:lnTo>
                  <a:lnTo>
                    <a:pt x="40" y="62"/>
                  </a:lnTo>
                  <a:lnTo>
                    <a:pt x="34" y="72"/>
                  </a:lnTo>
                  <a:lnTo>
                    <a:pt x="32" y="82"/>
                  </a:lnTo>
                  <a:lnTo>
                    <a:pt x="30" y="92"/>
                  </a:lnTo>
                  <a:lnTo>
                    <a:pt x="26" y="102"/>
                  </a:lnTo>
                  <a:lnTo>
                    <a:pt x="22" y="116"/>
                  </a:lnTo>
                  <a:lnTo>
                    <a:pt x="12" y="118"/>
                  </a:lnTo>
                  <a:lnTo>
                    <a:pt x="12" y="104"/>
                  </a:lnTo>
                  <a:lnTo>
                    <a:pt x="18" y="94"/>
                  </a:lnTo>
                  <a:lnTo>
                    <a:pt x="24" y="84"/>
                  </a:lnTo>
                  <a:lnTo>
                    <a:pt x="22" y="74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85" name="Freeform 67"/>
            <p:cNvSpPr>
              <a:spLocks/>
            </p:cNvSpPr>
            <p:nvPr/>
          </p:nvSpPr>
          <p:spPr bwMode="auto">
            <a:xfrm>
              <a:off x="1304" y="2111"/>
              <a:ext cx="48" cy="46"/>
            </a:xfrm>
            <a:custGeom>
              <a:avLst/>
              <a:gdLst>
                <a:gd name="T0" fmla="*/ 22 w 48"/>
                <a:gd name="T1" fmla="*/ 32 h 46"/>
                <a:gd name="T2" fmla="*/ 12 w 48"/>
                <a:gd name="T3" fmla="*/ 30 h 46"/>
                <a:gd name="T4" fmla="*/ 12 w 48"/>
                <a:gd name="T5" fmla="*/ 38 h 46"/>
                <a:gd name="T6" fmla="*/ 8 w 48"/>
                <a:gd name="T7" fmla="*/ 46 h 46"/>
                <a:gd name="T8" fmla="*/ 0 w 48"/>
                <a:gd name="T9" fmla="*/ 38 h 46"/>
                <a:gd name="T10" fmla="*/ 2 w 48"/>
                <a:gd name="T11" fmla="*/ 28 h 46"/>
                <a:gd name="T12" fmla="*/ 8 w 48"/>
                <a:gd name="T13" fmla="*/ 24 h 46"/>
                <a:gd name="T14" fmla="*/ 8 w 48"/>
                <a:gd name="T15" fmla="*/ 10 h 46"/>
                <a:gd name="T16" fmla="*/ 14 w 48"/>
                <a:gd name="T17" fmla="*/ 2 h 46"/>
                <a:gd name="T18" fmla="*/ 24 w 48"/>
                <a:gd name="T19" fmla="*/ 0 h 46"/>
                <a:gd name="T20" fmla="*/ 34 w 48"/>
                <a:gd name="T21" fmla="*/ 0 h 46"/>
                <a:gd name="T22" fmla="*/ 30 w 48"/>
                <a:gd name="T23" fmla="*/ 8 h 46"/>
                <a:gd name="T24" fmla="*/ 30 w 48"/>
                <a:gd name="T25" fmla="*/ 18 h 46"/>
                <a:gd name="T26" fmla="*/ 38 w 48"/>
                <a:gd name="T27" fmla="*/ 24 h 46"/>
                <a:gd name="T28" fmla="*/ 44 w 48"/>
                <a:gd name="T29" fmla="*/ 26 h 46"/>
                <a:gd name="T30" fmla="*/ 48 w 48"/>
                <a:gd name="T31" fmla="*/ 34 h 46"/>
                <a:gd name="T32" fmla="*/ 42 w 48"/>
                <a:gd name="T33" fmla="*/ 40 h 46"/>
                <a:gd name="T34" fmla="*/ 32 w 48"/>
                <a:gd name="T35" fmla="*/ 36 h 46"/>
                <a:gd name="T36" fmla="*/ 28 w 48"/>
                <a:gd name="T37" fmla="*/ 30 h 46"/>
                <a:gd name="T38" fmla="*/ 22 w 48"/>
                <a:gd name="T39" fmla="*/ 32 h 4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0" t="0" r="r" b="b"/>
              <a:pathLst>
                <a:path w="48" h="46">
                  <a:moveTo>
                    <a:pt x="22" y="32"/>
                  </a:moveTo>
                  <a:lnTo>
                    <a:pt x="12" y="30"/>
                  </a:lnTo>
                  <a:lnTo>
                    <a:pt x="12" y="38"/>
                  </a:lnTo>
                  <a:lnTo>
                    <a:pt x="8" y="46"/>
                  </a:lnTo>
                  <a:lnTo>
                    <a:pt x="0" y="38"/>
                  </a:lnTo>
                  <a:lnTo>
                    <a:pt x="2" y="28"/>
                  </a:lnTo>
                  <a:lnTo>
                    <a:pt x="8" y="24"/>
                  </a:lnTo>
                  <a:lnTo>
                    <a:pt x="8" y="10"/>
                  </a:lnTo>
                  <a:lnTo>
                    <a:pt x="14" y="2"/>
                  </a:lnTo>
                  <a:lnTo>
                    <a:pt x="24" y="0"/>
                  </a:lnTo>
                  <a:lnTo>
                    <a:pt x="34" y="0"/>
                  </a:lnTo>
                  <a:lnTo>
                    <a:pt x="30" y="8"/>
                  </a:lnTo>
                  <a:lnTo>
                    <a:pt x="30" y="18"/>
                  </a:lnTo>
                  <a:lnTo>
                    <a:pt x="38" y="24"/>
                  </a:lnTo>
                  <a:lnTo>
                    <a:pt x="44" y="26"/>
                  </a:lnTo>
                  <a:lnTo>
                    <a:pt x="48" y="34"/>
                  </a:lnTo>
                  <a:lnTo>
                    <a:pt x="42" y="40"/>
                  </a:lnTo>
                  <a:lnTo>
                    <a:pt x="32" y="36"/>
                  </a:lnTo>
                  <a:lnTo>
                    <a:pt x="28" y="30"/>
                  </a:lnTo>
                  <a:lnTo>
                    <a:pt x="22" y="32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86" name="Freeform 68"/>
            <p:cNvSpPr>
              <a:spLocks/>
            </p:cNvSpPr>
            <p:nvPr/>
          </p:nvSpPr>
          <p:spPr bwMode="auto">
            <a:xfrm>
              <a:off x="1028" y="2153"/>
              <a:ext cx="84" cy="86"/>
            </a:xfrm>
            <a:custGeom>
              <a:avLst/>
              <a:gdLst>
                <a:gd name="T0" fmla="*/ 16 w 84"/>
                <a:gd name="T1" fmla="*/ 28 h 86"/>
                <a:gd name="T2" fmla="*/ 24 w 84"/>
                <a:gd name="T3" fmla="*/ 28 h 86"/>
                <a:gd name="T4" fmla="*/ 26 w 84"/>
                <a:gd name="T5" fmla="*/ 34 h 86"/>
                <a:gd name="T6" fmla="*/ 34 w 84"/>
                <a:gd name="T7" fmla="*/ 34 h 86"/>
                <a:gd name="T8" fmla="*/ 36 w 84"/>
                <a:gd name="T9" fmla="*/ 26 h 86"/>
                <a:gd name="T10" fmla="*/ 36 w 84"/>
                <a:gd name="T11" fmla="*/ 18 h 86"/>
                <a:gd name="T12" fmla="*/ 50 w 84"/>
                <a:gd name="T13" fmla="*/ 14 h 86"/>
                <a:gd name="T14" fmla="*/ 56 w 84"/>
                <a:gd name="T15" fmla="*/ 10 h 86"/>
                <a:gd name="T16" fmla="*/ 62 w 84"/>
                <a:gd name="T17" fmla="*/ 8 h 86"/>
                <a:gd name="T18" fmla="*/ 72 w 84"/>
                <a:gd name="T19" fmla="*/ 2 h 86"/>
                <a:gd name="T20" fmla="*/ 82 w 84"/>
                <a:gd name="T21" fmla="*/ 0 h 86"/>
                <a:gd name="T22" fmla="*/ 84 w 84"/>
                <a:gd name="T23" fmla="*/ 12 h 86"/>
                <a:gd name="T24" fmla="*/ 78 w 84"/>
                <a:gd name="T25" fmla="*/ 26 h 86"/>
                <a:gd name="T26" fmla="*/ 66 w 84"/>
                <a:gd name="T27" fmla="*/ 30 h 86"/>
                <a:gd name="T28" fmla="*/ 68 w 84"/>
                <a:gd name="T29" fmla="*/ 38 h 86"/>
                <a:gd name="T30" fmla="*/ 58 w 84"/>
                <a:gd name="T31" fmla="*/ 44 h 86"/>
                <a:gd name="T32" fmla="*/ 52 w 84"/>
                <a:gd name="T33" fmla="*/ 48 h 86"/>
                <a:gd name="T34" fmla="*/ 38 w 84"/>
                <a:gd name="T35" fmla="*/ 52 h 86"/>
                <a:gd name="T36" fmla="*/ 32 w 84"/>
                <a:gd name="T37" fmla="*/ 58 h 86"/>
                <a:gd name="T38" fmla="*/ 32 w 84"/>
                <a:gd name="T39" fmla="*/ 70 h 86"/>
                <a:gd name="T40" fmla="*/ 24 w 84"/>
                <a:gd name="T41" fmla="*/ 70 h 86"/>
                <a:gd name="T42" fmla="*/ 22 w 84"/>
                <a:gd name="T43" fmla="*/ 78 h 86"/>
                <a:gd name="T44" fmla="*/ 10 w 84"/>
                <a:gd name="T45" fmla="*/ 86 h 86"/>
                <a:gd name="T46" fmla="*/ 0 w 84"/>
                <a:gd name="T47" fmla="*/ 82 h 86"/>
                <a:gd name="T48" fmla="*/ 0 w 84"/>
                <a:gd name="T49" fmla="*/ 74 h 86"/>
                <a:gd name="T50" fmla="*/ 14 w 84"/>
                <a:gd name="T51" fmla="*/ 70 h 86"/>
                <a:gd name="T52" fmla="*/ 12 w 84"/>
                <a:gd name="T53" fmla="*/ 62 h 86"/>
                <a:gd name="T54" fmla="*/ 6 w 84"/>
                <a:gd name="T55" fmla="*/ 56 h 86"/>
                <a:gd name="T56" fmla="*/ 8 w 84"/>
                <a:gd name="T57" fmla="*/ 50 h 86"/>
                <a:gd name="T58" fmla="*/ 16 w 84"/>
                <a:gd name="T59" fmla="*/ 46 h 86"/>
                <a:gd name="T60" fmla="*/ 12 w 84"/>
                <a:gd name="T61" fmla="*/ 42 h 86"/>
                <a:gd name="T62" fmla="*/ 6 w 84"/>
                <a:gd name="T63" fmla="*/ 34 h 86"/>
                <a:gd name="T64" fmla="*/ 16 w 84"/>
                <a:gd name="T65" fmla="*/ 28 h 8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0" t="0" r="r" b="b"/>
              <a:pathLst>
                <a:path w="84" h="86">
                  <a:moveTo>
                    <a:pt x="16" y="28"/>
                  </a:moveTo>
                  <a:lnTo>
                    <a:pt x="24" y="28"/>
                  </a:lnTo>
                  <a:lnTo>
                    <a:pt x="26" y="34"/>
                  </a:lnTo>
                  <a:lnTo>
                    <a:pt x="34" y="34"/>
                  </a:lnTo>
                  <a:lnTo>
                    <a:pt x="36" y="26"/>
                  </a:lnTo>
                  <a:lnTo>
                    <a:pt x="36" y="18"/>
                  </a:lnTo>
                  <a:lnTo>
                    <a:pt x="50" y="14"/>
                  </a:lnTo>
                  <a:lnTo>
                    <a:pt x="56" y="10"/>
                  </a:lnTo>
                  <a:lnTo>
                    <a:pt x="62" y="8"/>
                  </a:lnTo>
                  <a:lnTo>
                    <a:pt x="72" y="2"/>
                  </a:lnTo>
                  <a:lnTo>
                    <a:pt x="82" y="0"/>
                  </a:lnTo>
                  <a:lnTo>
                    <a:pt x="84" y="12"/>
                  </a:lnTo>
                  <a:lnTo>
                    <a:pt x="78" y="26"/>
                  </a:lnTo>
                  <a:lnTo>
                    <a:pt x="66" y="30"/>
                  </a:lnTo>
                  <a:lnTo>
                    <a:pt x="68" y="38"/>
                  </a:lnTo>
                  <a:lnTo>
                    <a:pt x="58" y="44"/>
                  </a:lnTo>
                  <a:lnTo>
                    <a:pt x="52" y="48"/>
                  </a:lnTo>
                  <a:lnTo>
                    <a:pt x="38" y="52"/>
                  </a:lnTo>
                  <a:lnTo>
                    <a:pt x="32" y="58"/>
                  </a:lnTo>
                  <a:lnTo>
                    <a:pt x="32" y="70"/>
                  </a:lnTo>
                  <a:lnTo>
                    <a:pt x="24" y="70"/>
                  </a:lnTo>
                  <a:lnTo>
                    <a:pt x="22" y="78"/>
                  </a:lnTo>
                  <a:lnTo>
                    <a:pt x="10" y="86"/>
                  </a:lnTo>
                  <a:lnTo>
                    <a:pt x="0" y="82"/>
                  </a:lnTo>
                  <a:lnTo>
                    <a:pt x="0" y="74"/>
                  </a:lnTo>
                  <a:lnTo>
                    <a:pt x="14" y="70"/>
                  </a:lnTo>
                  <a:lnTo>
                    <a:pt x="12" y="62"/>
                  </a:lnTo>
                  <a:lnTo>
                    <a:pt x="6" y="56"/>
                  </a:lnTo>
                  <a:lnTo>
                    <a:pt x="8" y="50"/>
                  </a:lnTo>
                  <a:lnTo>
                    <a:pt x="16" y="46"/>
                  </a:lnTo>
                  <a:lnTo>
                    <a:pt x="12" y="42"/>
                  </a:lnTo>
                  <a:lnTo>
                    <a:pt x="6" y="34"/>
                  </a:lnTo>
                  <a:lnTo>
                    <a:pt x="16" y="28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87" name="Freeform 69"/>
            <p:cNvSpPr>
              <a:spLocks/>
            </p:cNvSpPr>
            <p:nvPr/>
          </p:nvSpPr>
          <p:spPr bwMode="auto">
            <a:xfrm>
              <a:off x="1040" y="2257"/>
              <a:ext cx="48" cy="66"/>
            </a:xfrm>
            <a:custGeom>
              <a:avLst/>
              <a:gdLst>
                <a:gd name="T0" fmla="*/ 0 w 48"/>
                <a:gd name="T1" fmla="*/ 20 h 66"/>
                <a:gd name="T2" fmla="*/ 12 w 48"/>
                <a:gd name="T3" fmla="*/ 22 h 66"/>
                <a:gd name="T4" fmla="*/ 10 w 48"/>
                <a:gd name="T5" fmla="*/ 14 h 66"/>
                <a:gd name="T6" fmla="*/ 12 w 48"/>
                <a:gd name="T7" fmla="*/ 4 h 66"/>
                <a:gd name="T8" fmla="*/ 18 w 48"/>
                <a:gd name="T9" fmla="*/ 8 h 66"/>
                <a:gd name="T10" fmla="*/ 20 w 48"/>
                <a:gd name="T11" fmla="*/ 16 h 66"/>
                <a:gd name="T12" fmla="*/ 26 w 48"/>
                <a:gd name="T13" fmla="*/ 20 h 66"/>
                <a:gd name="T14" fmla="*/ 30 w 48"/>
                <a:gd name="T15" fmla="*/ 12 h 66"/>
                <a:gd name="T16" fmla="*/ 30 w 48"/>
                <a:gd name="T17" fmla="*/ 4 h 66"/>
                <a:gd name="T18" fmla="*/ 38 w 48"/>
                <a:gd name="T19" fmla="*/ 0 h 66"/>
                <a:gd name="T20" fmla="*/ 42 w 48"/>
                <a:gd name="T21" fmla="*/ 6 h 66"/>
                <a:gd name="T22" fmla="*/ 44 w 48"/>
                <a:gd name="T23" fmla="*/ 16 h 66"/>
                <a:gd name="T24" fmla="*/ 46 w 48"/>
                <a:gd name="T25" fmla="*/ 24 h 66"/>
                <a:gd name="T26" fmla="*/ 40 w 48"/>
                <a:gd name="T27" fmla="*/ 32 h 66"/>
                <a:gd name="T28" fmla="*/ 48 w 48"/>
                <a:gd name="T29" fmla="*/ 36 h 66"/>
                <a:gd name="T30" fmla="*/ 44 w 48"/>
                <a:gd name="T31" fmla="*/ 46 h 66"/>
                <a:gd name="T32" fmla="*/ 40 w 48"/>
                <a:gd name="T33" fmla="*/ 50 h 66"/>
                <a:gd name="T34" fmla="*/ 48 w 48"/>
                <a:gd name="T35" fmla="*/ 52 h 66"/>
                <a:gd name="T36" fmla="*/ 48 w 48"/>
                <a:gd name="T37" fmla="*/ 58 h 66"/>
                <a:gd name="T38" fmla="*/ 44 w 48"/>
                <a:gd name="T39" fmla="*/ 64 h 66"/>
                <a:gd name="T40" fmla="*/ 34 w 48"/>
                <a:gd name="T41" fmla="*/ 64 h 66"/>
                <a:gd name="T42" fmla="*/ 30 w 48"/>
                <a:gd name="T43" fmla="*/ 62 h 66"/>
                <a:gd name="T44" fmla="*/ 24 w 48"/>
                <a:gd name="T45" fmla="*/ 66 h 66"/>
                <a:gd name="T46" fmla="*/ 16 w 48"/>
                <a:gd name="T47" fmla="*/ 58 h 66"/>
                <a:gd name="T48" fmla="*/ 16 w 48"/>
                <a:gd name="T49" fmla="*/ 48 h 66"/>
                <a:gd name="T50" fmla="*/ 22 w 48"/>
                <a:gd name="T51" fmla="*/ 40 h 66"/>
                <a:gd name="T52" fmla="*/ 14 w 48"/>
                <a:gd name="T53" fmla="*/ 32 h 66"/>
                <a:gd name="T54" fmla="*/ 10 w 48"/>
                <a:gd name="T55" fmla="*/ 36 h 66"/>
                <a:gd name="T56" fmla="*/ 2 w 48"/>
                <a:gd name="T57" fmla="*/ 30 h 66"/>
                <a:gd name="T58" fmla="*/ 0 w 48"/>
                <a:gd name="T59" fmla="*/ 20 h 6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0" t="0" r="r" b="b"/>
              <a:pathLst>
                <a:path w="48" h="66">
                  <a:moveTo>
                    <a:pt x="0" y="20"/>
                  </a:moveTo>
                  <a:lnTo>
                    <a:pt x="12" y="22"/>
                  </a:lnTo>
                  <a:lnTo>
                    <a:pt x="10" y="14"/>
                  </a:lnTo>
                  <a:lnTo>
                    <a:pt x="12" y="4"/>
                  </a:lnTo>
                  <a:lnTo>
                    <a:pt x="18" y="8"/>
                  </a:lnTo>
                  <a:lnTo>
                    <a:pt x="20" y="16"/>
                  </a:lnTo>
                  <a:lnTo>
                    <a:pt x="26" y="20"/>
                  </a:lnTo>
                  <a:lnTo>
                    <a:pt x="30" y="12"/>
                  </a:lnTo>
                  <a:lnTo>
                    <a:pt x="30" y="4"/>
                  </a:lnTo>
                  <a:lnTo>
                    <a:pt x="38" y="0"/>
                  </a:lnTo>
                  <a:lnTo>
                    <a:pt x="42" y="6"/>
                  </a:lnTo>
                  <a:lnTo>
                    <a:pt x="44" y="16"/>
                  </a:lnTo>
                  <a:lnTo>
                    <a:pt x="46" y="24"/>
                  </a:lnTo>
                  <a:lnTo>
                    <a:pt x="40" y="32"/>
                  </a:lnTo>
                  <a:lnTo>
                    <a:pt x="48" y="36"/>
                  </a:lnTo>
                  <a:lnTo>
                    <a:pt x="44" y="46"/>
                  </a:lnTo>
                  <a:lnTo>
                    <a:pt x="40" y="50"/>
                  </a:lnTo>
                  <a:lnTo>
                    <a:pt x="48" y="52"/>
                  </a:lnTo>
                  <a:lnTo>
                    <a:pt x="48" y="58"/>
                  </a:lnTo>
                  <a:lnTo>
                    <a:pt x="44" y="64"/>
                  </a:lnTo>
                  <a:lnTo>
                    <a:pt x="34" y="64"/>
                  </a:lnTo>
                  <a:lnTo>
                    <a:pt x="30" y="62"/>
                  </a:lnTo>
                  <a:lnTo>
                    <a:pt x="24" y="66"/>
                  </a:lnTo>
                  <a:lnTo>
                    <a:pt x="16" y="58"/>
                  </a:lnTo>
                  <a:lnTo>
                    <a:pt x="16" y="48"/>
                  </a:lnTo>
                  <a:lnTo>
                    <a:pt x="22" y="40"/>
                  </a:lnTo>
                  <a:lnTo>
                    <a:pt x="14" y="32"/>
                  </a:lnTo>
                  <a:lnTo>
                    <a:pt x="10" y="36"/>
                  </a:lnTo>
                  <a:lnTo>
                    <a:pt x="2" y="30"/>
                  </a:lnTo>
                  <a:lnTo>
                    <a:pt x="0" y="2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88" name="Freeform 70"/>
            <p:cNvSpPr>
              <a:spLocks/>
            </p:cNvSpPr>
            <p:nvPr/>
          </p:nvSpPr>
          <p:spPr bwMode="auto">
            <a:xfrm>
              <a:off x="984" y="2281"/>
              <a:ext cx="16" cy="32"/>
            </a:xfrm>
            <a:custGeom>
              <a:avLst/>
              <a:gdLst>
                <a:gd name="T0" fmla="*/ 14 w 16"/>
                <a:gd name="T1" fmla="*/ 14 h 32"/>
                <a:gd name="T2" fmla="*/ 16 w 16"/>
                <a:gd name="T3" fmla="*/ 22 h 32"/>
                <a:gd name="T4" fmla="*/ 8 w 16"/>
                <a:gd name="T5" fmla="*/ 32 h 32"/>
                <a:gd name="T6" fmla="*/ 0 w 16"/>
                <a:gd name="T7" fmla="*/ 24 h 32"/>
                <a:gd name="T8" fmla="*/ 2 w 16"/>
                <a:gd name="T9" fmla="*/ 14 h 32"/>
                <a:gd name="T10" fmla="*/ 6 w 16"/>
                <a:gd name="T11" fmla="*/ 4 h 32"/>
                <a:gd name="T12" fmla="*/ 12 w 16"/>
                <a:gd name="T13" fmla="*/ 0 h 32"/>
                <a:gd name="T14" fmla="*/ 16 w 16"/>
                <a:gd name="T15" fmla="*/ 4 h 32"/>
                <a:gd name="T16" fmla="*/ 14 w 16"/>
                <a:gd name="T17" fmla="*/ 14 h 32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0" t="0" r="r" b="b"/>
              <a:pathLst>
                <a:path w="16" h="32">
                  <a:moveTo>
                    <a:pt x="14" y="14"/>
                  </a:moveTo>
                  <a:lnTo>
                    <a:pt x="16" y="22"/>
                  </a:lnTo>
                  <a:lnTo>
                    <a:pt x="8" y="32"/>
                  </a:lnTo>
                  <a:lnTo>
                    <a:pt x="0" y="24"/>
                  </a:lnTo>
                  <a:lnTo>
                    <a:pt x="2" y="14"/>
                  </a:lnTo>
                  <a:lnTo>
                    <a:pt x="6" y="4"/>
                  </a:lnTo>
                  <a:lnTo>
                    <a:pt x="12" y="0"/>
                  </a:lnTo>
                  <a:lnTo>
                    <a:pt x="16" y="4"/>
                  </a:lnTo>
                  <a:lnTo>
                    <a:pt x="14" y="14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89" name="Freeform 71"/>
            <p:cNvSpPr>
              <a:spLocks/>
            </p:cNvSpPr>
            <p:nvPr/>
          </p:nvSpPr>
          <p:spPr bwMode="auto">
            <a:xfrm>
              <a:off x="994" y="2239"/>
              <a:ext cx="28" cy="32"/>
            </a:xfrm>
            <a:custGeom>
              <a:avLst/>
              <a:gdLst>
                <a:gd name="T0" fmla="*/ 10 w 28"/>
                <a:gd name="T1" fmla="*/ 24 h 32"/>
                <a:gd name="T2" fmla="*/ 6 w 28"/>
                <a:gd name="T3" fmla="*/ 16 h 32"/>
                <a:gd name="T4" fmla="*/ 0 w 28"/>
                <a:gd name="T5" fmla="*/ 10 h 32"/>
                <a:gd name="T6" fmla="*/ 6 w 28"/>
                <a:gd name="T7" fmla="*/ 2 h 32"/>
                <a:gd name="T8" fmla="*/ 12 w 28"/>
                <a:gd name="T9" fmla="*/ 0 h 32"/>
                <a:gd name="T10" fmla="*/ 22 w 28"/>
                <a:gd name="T11" fmla="*/ 2 h 32"/>
                <a:gd name="T12" fmla="*/ 28 w 28"/>
                <a:gd name="T13" fmla="*/ 12 h 32"/>
                <a:gd name="T14" fmla="*/ 20 w 28"/>
                <a:gd name="T15" fmla="*/ 18 h 32"/>
                <a:gd name="T16" fmla="*/ 18 w 28"/>
                <a:gd name="T17" fmla="*/ 28 h 32"/>
                <a:gd name="T18" fmla="*/ 12 w 28"/>
                <a:gd name="T19" fmla="*/ 32 h 32"/>
                <a:gd name="T20" fmla="*/ 10 w 28"/>
                <a:gd name="T21" fmla="*/ 24 h 32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28" h="32">
                  <a:moveTo>
                    <a:pt x="10" y="24"/>
                  </a:moveTo>
                  <a:lnTo>
                    <a:pt x="6" y="16"/>
                  </a:lnTo>
                  <a:lnTo>
                    <a:pt x="0" y="10"/>
                  </a:lnTo>
                  <a:lnTo>
                    <a:pt x="6" y="2"/>
                  </a:lnTo>
                  <a:lnTo>
                    <a:pt x="12" y="0"/>
                  </a:lnTo>
                  <a:lnTo>
                    <a:pt x="22" y="2"/>
                  </a:lnTo>
                  <a:lnTo>
                    <a:pt x="28" y="12"/>
                  </a:lnTo>
                  <a:lnTo>
                    <a:pt x="20" y="18"/>
                  </a:lnTo>
                  <a:lnTo>
                    <a:pt x="18" y="28"/>
                  </a:lnTo>
                  <a:lnTo>
                    <a:pt x="12" y="32"/>
                  </a:lnTo>
                  <a:lnTo>
                    <a:pt x="10" y="24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90" name="Freeform 72"/>
            <p:cNvSpPr>
              <a:spLocks/>
            </p:cNvSpPr>
            <p:nvPr/>
          </p:nvSpPr>
          <p:spPr bwMode="auto">
            <a:xfrm>
              <a:off x="1012" y="2457"/>
              <a:ext cx="66" cy="64"/>
            </a:xfrm>
            <a:custGeom>
              <a:avLst/>
              <a:gdLst>
                <a:gd name="T0" fmla="*/ 4 w 66"/>
                <a:gd name="T1" fmla="*/ 30 h 64"/>
                <a:gd name="T2" fmla="*/ 12 w 66"/>
                <a:gd name="T3" fmla="*/ 32 h 64"/>
                <a:gd name="T4" fmla="*/ 20 w 66"/>
                <a:gd name="T5" fmla="*/ 26 h 64"/>
                <a:gd name="T6" fmla="*/ 26 w 66"/>
                <a:gd name="T7" fmla="*/ 22 h 64"/>
                <a:gd name="T8" fmla="*/ 30 w 66"/>
                <a:gd name="T9" fmla="*/ 28 h 64"/>
                <a:gd name="T10" fmla="*/ 38 w 66"/>
                <a:gd name="T11" fmla="*/ 28 h 64"/>
                <a:gd name="T12" fmla="*/ 42 w 66"/>
                <a:gd name="T13" fmla="*/ 20 h 64"/>
                <a:gd name="T14" fmla="*/ 48 w 66"/>
                <a:gd name="T15" fmla="*/ 10 h 64"/>
                <a:gd name="T16" fmla="*/ 56 w 66"/>
                <a:gd name="T17" fmla="*/ 4 h 64"/>
                <a:gd name="T18" fmla="*/ 64 w 66"/>
                <a:gd name="T19" fmla="*/ 0 h 64"/>
                <a:gd name="T20" fmla="*/ 66 w 66"/>
                <a:gd name="T21" fmla="*/ 2 h 64"/>
                <a:gd name="T22" fmla="*/ 62 w 66"/>
                <a:gd name="T23" fmla="*/ 16 h 64"/>
                <a:gd name="T24" fmla="*/ 48 w 66"/>
                <a:gd name="T25" fmla="*/ 22 h 64"/>
                <a:gd name="T26" fmla="*/ 44 w 66"/>
                <a:gd name="T27" fmla="*/ 32 h 64"/>
                <a:gd name="T28" fmla="*/ 44 w 66"/>
                <a:gd name="T29" fmla="*/ 36 h 64"/>
                <a:gd name="T30" fmla="*/ 42 w 66"/>
                <a:gd name="T31" fmla="*/ 40 h 64"/>
                <a:gd name="T32" fmla="*/ 30 w 66"/>
                <a:gd name="T33" fmla="*/ 44 h 64"/>
                <a:gd name="T34" fmla="*/ 28 w 66"/>
                <a:gd name="T35" fmla="*/ 52 h 64"/>
                <a:gd name="T36" fmla="*/ 24 w 66"/>
                <a:gd name="T37" fmla="*/ 58 h 64"/>
                <a:gd name="T38" fmla="*/ 14 w 66"/>
                <a:gd name="T39" fmla="*/ 64 h 64"/>
                <a:gd name="T40" fmla="*/ 6 w 66"/>
                <a:gd name="T41" fmla="*/ 58 h 64"/>
                <a:gd name="T42" fmla="*/ 8 w 66"/>
                <a:gd name="T43" fmla="*/ 48 h 64"/>
                <a:gd name="T44" fmla="*/ 8 w 66"/>
                <a:gd name="T45" fmla="*/ 44 h 64"/>
                <a:gd name="T46" fmla="*/ 0 w 66"/>
                <a:gd name="T47" fmla="*/ 44 h 64"/>
                <a:gd name="T48" fmla="*/ 2 w 66"/>
                <a:gd name="T49" fmla="*/ 36 h 64"/>
                <a:gd name="T50" fmla="*/ 4 w 66"/>
                <a:gd name="T51" fmla="*/ 30 h 64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</a:gdLst>
              <a:ahLst/>
              <a:cxnLst>
                <a:cxn ang="T52">
                  <a:pos x="T0" y="T1"/>
                </a:cxn>
                <a:cxn ang="T53">
                  <a:pos x="T2" y="T3"/>
                </a:cxn>
                <a:cxn ang="T54">
                  <a:pos x="T4" y="T5"/>
                </a:cxn>
                <a:cxn ang="T55">
                  <a:pos x="T6" y="T7"/>
                </a:cxn>
                <a:cxn ang="T56">
                  <a:pos x="T8" y="T9"/>
                </a:cxn>
                <a:cxn ang="T57">
                  <a:pos x="T10" y="T11"/>
                </a:cxn>
                <a:cxn ang="T58">
                  <a:pos x="T12" y="T13"/>
                </a:cxn>
                <a:cxn ang="T59">
                  <a:pos x="T14" y="T15"/>
                </a:cxn>
                <a:cxn ang="T60">
                  <a:pos x="T16" y="T17"/>
                </a:cxn>
                <a:cxn ang="T61">
                  <a:pos x="T18" y="T19"/>
                </a:cxn>
                <a:cxn ang="T62">
                  <a:pos x="T20" y="T21"/>
                </a:cxn>
                <a:cxn ang="T63">
                  <a:pos x="T22" y="T23"/>
                </a:cxn>
                <a:cxn ang="T64">
                  <a:pos x="T24" y="T25"/>
                </a:cxn>
                <a:cxn ang="T65">
                  <a:pos x="T26" y="T27"/>
                </a:cxn>
                <a:cxn ang="T66">
                  <a:pos x="T28" y="T29"/>
                </a:cxn>
                <a:cxn ang="T67">
                  <a:pos x="T30" y="T31"/>
                </a:cxn>
                <a:cxn ang="T68">
                  <a:pos x="T32" y="T33"/>
                </a:cxn>
                <a:cxn ang="T69">
                  <a:pos x="T34" y="T35"/>
                </a:cxn>
                <a:cxn ang="T70">
                  <a:pos x="T36" y="T37"/>
                </a:cxn>
                <a:cxn ang="T71">
                  <a:pos x="T38" y="T39"/>
                </a:cxn>
                <a:cxn ang="T72">
                  <a:pos x="T40" y="T41"/>
                </a:cxn>
                <a:cxn ang="T73">
                  <a:pos x="T42" y="T43"/>
                </a:cxn>
                <a:cxn ang="T74">
                  <a:pos x="T44" y="T45"/>
                </a:cxn>
                <a:cxn ang="T75">
                  <a:pos x="T46" y="T47"/>
                </a:cxn>
                <a:cxn ang="T76">
                  <a:pos x="T48" y="T49"/>
                </a:cxn>
                <a:cxn ang="T77">
                  <a:pos x="T50" y="T51"/>
                </a:cxn>
              </a:cxnLst>
              <a:rect l="0" t="0" r="r" b="b"/>
              <a:pathLst>
                <a:path w="66" h="64">
                  <a:moveTo>
                    <a:pt x="4" y="30"/>
                  </a:moveTo>
                  <a:lnTo>
                    <a:pt x="12" y="32"/>
                  </a:lnTo>
                  <a:lnTo>
                    <a:pt x="20" y="26"/>
                  </a:lnTo>
                  <a:lnTo>
                    <a:pt x="26" y="22"/>
                  </a:lnTo>
                  <a:lnTo>
                    <a:pt x="30" y="28"/>
                  </a:lnTo>
                  <a:lnTo>
                    <a:pt x="38" y="28"/>
                  </a:lnTo>
                  <a:lnTo>
                    <a:pt x="42" y="20"/>
                  </a:lnTo>
                  <a:lnTo>
                    <a:pt x="48" y="10"/>
                  </a:lnTo>
                  <a:lnTo>
                    <a:pt x="56" y="4"/>
                  </a:lnTo>
                  <a:lnTo>
                    <a:pt x="64" y="0"/>
                  </a:lnTo>
                  <a:lnTo>
                    <a:pt x="66" y="2"/>
                  </a:lnTo>
                  <a:lnTo>
                    <a:pt x="62" y="16"/>
                  </a:lnTo>
                  <a:lnTo>
                    <a:pt x="48" y="22"/>
                  </a:lnTo>
                  <a:lnTo>
                    <a:pt x="44" y="32"/>
                  </a:lnTo>
                  <a:lnTo>
                    <a:pt x="44" y="36"/>
                  </a:lnTo>
                  <a:lnTo>
                    <a:pt x="42" y="40"/>
                  </a:lnTo>
                  <a:lnTo>
                    <a:pt x="30" y="44"/>
                  </a:lnTo>
                  <a:lnTo>
                    <a:pt x="28" y="52"/>
                  </a:lnTo>
                  <a:lnTo>
                    <a:pt x="24" y="58"/>
                  </a:lnTo>
                  <a:lnTo>
                    <a:pt x="14" y="64"/>
                  </a:lnTo>
                  <a:lnTo>
                    <a:pt x="6" y="58"/>
                  </a:lnTo>
                  <a:lnTo>
                    <a:pt x="8" y="48"/>
                  </a:lnTo>
                  <a:lnTo>
                    <a:pt x="8" y="44"/>
                  </a:lnTo>
                  <a:lnTo>
                    <a:pt x="0" y="44"/>
                  </a:lnTo>
                  <a:lnTo>
                    <a:pt x="2" y="36"/>
                  </a:lnTo>
                  <a:lnTo>
                    <a:pt x="4" y="3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91" name="Freeform 73"/>
            <p:cNvSpPr>
              <a:spLocks/>
            </p:cNvSpPr>
            <p:nvPr/>
          </p:nvSpPr>
          <p:spPr bwMode="auto">
            <a:xfrm>
              <a:off x="1084" y="2521"/>
              <a:ext cx="18" cy="36"/>
            </a:xfrm>
            <a:custGeom>
              <a:avLst/>
              <a:gdLst>
                <a:gd name="T0" fmla="*/ 8 w 18"/>
                <a:gd name="T1" fmla="*/ 0 h 36"/>
                <a:gd name="T2" fmla="*/ 18 w 18"/>
                <a:gd name="T3" fmla="*/ 4 h 36"/>
                <a:gd name="T4" fmla="*/ 18 w 18"/>
                <a:gd name="T5" fmla="*/ 12 h 36"/>
                <a:gd name="T6" fmla="*/ 16 w 18"/>
                <a:gd name="T7" fmla="*/ 22 h 36"/>
                <a:gd name="T8" fmla="*/ 18 w 18"/>
                <a:gd name="T9" fmla="*/ 34 h 36"/>
                <a:gd name="T10" fmla="*/ 8 w 18"/>
                <a:gd name="T11" fmla="*/ 36 h 36"/>
                <a:gd name="T12" fmla="*/ 0 w 18"/>
                <a:gd name="T13" fmla="*/ 22 h 36"/>
                <a:gd name="T14" fmla="*/ 2 w 18"/>
                <a:gd name="T15" fmla="*/ 12 h 36"/>
                <a:gd name="T16" fmla="*/ 2 w 18"/>
                <a:gd name="T17" fmla="*/ 6 h 36"/>
                <a:gd name="T18" fmla="*/ 8 w 18"/>
                <a:gd name="T19" fmla="*/ 0 h 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0" t="0" r="r" b="b"/>
              <a:pathLst>
                <a:path w="18" h="36">
                  <a:moveTo>
                    <a:pt x="8" y="0"/>
                  </a:moveTo>
                  <a:lnTo>
                    <a:pt x="18" y="4"/>
                  </a:lnTo>
                  <a:lnTo>
                    <a:pt x="18" y="12"/>
                  </a:lnTo>
                  <a:lnTo>
                    <a:pt x="16" y="22"/>
                  </a:lnTo>
                  <a:lnTo>
                    <a:pt x="18" y="34"/>
                  </a:lnTo>
                  <a:lnTo>
                    <a:pt x="8" y="36"/>
                  </a:lnTo>
                  <a:lnTo>
                    <a:pt x="0" y="22"/>
                  </a:lnTo>
                  <a:lnTo>
                    <a:pt x="2" y="12"/>
                  </a:lnTo>
                  <a:lnTo>
                    <a:pt x="2" y="6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92" name="Freeform 74"/>
            <p:cNvSpPr>
              <a:spLocks/>
            </p:cNvSpPr>
            <p:nvPr/>
          </p:nvSpPr>
          <p:spPr bwMode="auto">
            <a:xfrm>
              <a:off x="1088" y="2699"/>
              <a:ext cx="40" cy="38"/>
            </a:xfrm>
            <a:custGeom>
              <a:avLst/>
              <a:gdLst>
                <a:gd name="T0" fmla="*/ 34 w 40"/>
                <a:gd name="T1" fmla="*/ 0 h 38"/>
                <a:gd name="T2" fmla="*/ 38 w 40"/>
                <a:gd name="T3" fmla="*/ 6 h 38"/>
                <a:gd name="T4" fmla="*/ 40 w 40"/>
                <a:gd name="T5" fmla="*/ 16 h 38"/>
                <a:gd name="T6" fmla="*/ 38 w 40"/>
                <a:gd name="T7" fmla="*/ 20 h 38"/>
                <a:gd name="T8" fmla="*/ 34 w 40"/>
                <a:gd name="T9" fmla="*/ 24 h 38"/>
                <a:gd name="T10" fmla="*/ 26 w 40"/>
                <a:gd name="T11" fmla="*/ 32 h 38"/>
                <a:gd name="T12" fmla="*/ 24 w 40"/>
                <a:gd name="T13" fmla="*/ 36 h 38"/>
                <a:gd name="T14" fmla="*/ 14 w 40"/>
                <a:gd name="T15" fmla="*/ 38 h 38"/>
                <a:gd name="T16" fmla="*/ 0 w 40"/>
                <a:gd name="T17" fmla="*/ 38 h 38"/>
                <a:gd name="T18" fmla="*/ 6 w 40"/>
                <a:gd name="T19" fmla="*/ 24 h 38"/>
                <a:gd name="T20" fmla="*/ 18 w 40"/>
                <a:gd name="T21" fmla="*/ 10 h 38"/>
                <a:gd name="T22" fmla="*/ 24 w 40"/>
                <a:gd name="T23" fmla="*/ 4 h 38"/>
                <a:gd name="T24" fmla="*/ 34 w 40"/>
                <a:gd name="T25" fmla="*/ 0 h 38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0" t="0" r="r" b="b"/>
              <a:pathLst>
                <a:path w="40" h="38">
                  <a:moveTo>
                    <a:pt x="34" y="0"/>
                  </a:moveTo>
                  <a:lnTo>
                    <a:pt x="38" y="6"/>
                  </a:lnTo>
                  <a:lnTo>
                    <a:pt x="40" y="16"/>
                  </a:lnTo>
                  <a:lnTo>
                    <a:pt x="38" y="20"/>
                  </a:lnTo>
                  <a:lnTo>
                    <a:pt x="34" y="24"/>
                  </a:lnTo>
                  <a:lnTo>
                    <a:pt x="26" y="32"/>
                  </a:lnTo>
                  <a:lnTo>
                    <a:pt x="24" y="36"/>
                  </a:lnTo>
                  <a:lnTo>
                    <a:pt x="14" y="38"/>
                  </a:lnTo>
                  <a:lnTo>
                    <a:pt x="0" y="38"/>
                  </a:lnTo>
                  <a:lnTo>
                    <a:pt x="6" y="24"/>
                  </a:lnTo>
                  <a:lnTo>
                    <a:pt x="18" y="10"/>
                  </a:lnTo>
                  <a:lnTo>
                    <a:pt x="24" y="4"/>
                  </a:lnTo>
                  <a:lnTo>
                    <a:pt x="34" y="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93" name="Freeform 75"/>
            <p:cNvSpPr>
              <a:spLocks/>
            </p:cNvSpPr>
            <p:nvPr/>
          </p:nvSpPr>
          <p:spPr bwMode="auto">
            <a:xfrm>
              <a:off x="1270" y="3206"/>
              <a:ext cx="32" cy="24"/>
            </a:xfrm>
            <a:custGeom>
              <a:avLst/>
              <a:gdLst>
                <a:gd name="T0" fmla="*/ 0 w 32"/>
                <a:gd name="T1" fmla="*/ 10 h 24"/>
                <a:gd name="T2" fmla="*/ 8 w 32"/>
                <a:gd name="T3" fmla="*/ 4 h 24"/>
                <a:gd name="T4" fmla="*/ 14 w 32"/>
                <a:gd name="T5" fmla="*/ 0 h 24"/>
                <a:gd name="T6" fmla="*/ 22 w 32"/>
                <a:gd name="T7" fmla="*/ 2 h 24"/>
                <a:gd name="T8" fmla="*/ 30 w 32"/>
                <a:gd name="T9" fmla="*/ 8 h 24"/>
                <a:gd name="T10" fmla="*/ 32 w 32"/>
                <a:gd name="T11" fmla="*/ 14 h 24"/>
                <a:gd name="T12" fmla="*/ 24 w 32"/>
                <a:gd name="T13" fmla="*/ 20 h 24"/>
                <a:gd name="T14" fmla="*/ 20 w 32"/>
                <a:gd name="T15" fmla="*/ 24 h 24"/>
                <a:gd name="T16" fmla="*/ 10 w 32"/>
                <a:gd name="T17" fmla="*/ 24 h 24"/>
                <a:gd name="T18" fmla="*/ 2 w 32"/>
                <a:gd name="T19" fmla="*/ 16 h 24"/>
                <a:gd name="T20" fmla="*/ 0 w 32"/>
                <a:gd name="T21" fmla="*/ 10 h 24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0" t="0" r="r" b="b"/>
              <a:pathLst>
                <a:path w="32" h="24">
                  <a:moveTo>
                    <a:pt x="0" y="10"/>
                  </a:moveTo>
                  <a:lnTo>
                    <a:pt x="8" y="4"/>
                  </a:lnTo>
                  <a:lnTo>
                    <a:pt x="14" y="0"/>
                  </a:lnTo>
                  <a:lnTo>
                    <a:pt x="22" y="2"/>
                  </a:lnTo>
                  <a:lnTo>
                    <a:pt x="30" y="8"/>
                  </a:lnTo>
                  <a:lnTo>
                    <a:pt x="32" y="14"/>
                  </a:lnTo>
                  <a:lnTo>
                    <a:pt x="24" y="20"/>
                  </a:lnTo>
                  <a:lnTo>
                    <a:pt x="20" y="24"/>
                  </a:lnTo>
                  <a:lnTo>
                    <a:pt x="10" y="24"/>
                  </a:lnTo>
                  <a:lnTo>
                    <a:pt x="2" y="16"/>
                  </a:lnTo>
                  <a:lnTo>
                    <a:pt x="0" y="10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94" name="Freeform 76"/>
            <p:cNvSpPr>
              <a:spLocks/>
            </p:cNvSpPr>
            <p:nvPr/>
          </p:nvSpPr>
          <p:spPr bwMode="auto">
            <a:xfrm>
              <a:off x="908" y="2153"/>
              <a:ext cx="654" cy="1093"/>
            </a:xfrm>
            <a:custGeom>
              <a:avLst/>
              <a:gdLst>
                <a:gd name="T0" fmla="*/ 202 w 654"/>
                <a:gd name="T1" fmla="*/ 1041 h 1093"/>
                <a:gd name="T2" fmla="*/ 170 w 654"/>
                <a:gd name="T3" fmla="*/ 1091 h 1093"/>
                <a:gd name="T4" fmla="*/ 122 w 654"/>
                <a:gd name="T5" fmla="*/ 1065 h 1093"/>
                <a:gd name="T6" fmla="*/ 52 w 654"/>
                <a:gd name="T7" fmla="*/ 1081 h 1093"/>
                <a:gd name="T8" fmla="*/ 10 w 654"/>
                <a:gd name="T9" fmla="*/ 1081 h 1093"/>
                <a:gd name="T10" fmla="*/ 22 w 654"/>
                <a:gd name="T11" fmla="*/ 1061 h 1093"/>
                <a:gd name="T12" fmla="*/ 84 w 654"/>
                <a:gd name="T13" fmla="*/ 1023 h 1093"/>
                <a:gd name="T14" fmla="*/ 148 w 654"/>
                <a:gd name="T15" fmla="*/ 971 h 1093"/>
                <a:gd name="T16" fmla="*/ 220 w 654"/>
                <a:gd name="T17" fmla="*/ 971 h 1093"/>
                <a:gd name="T18" fmla="*/ 294 w 654"/>
                <a:gd name="T19" fmla="*/ 923 h 1093"/>
                <a:gd name="T20" fmla="*/ 224 w 654"/>
                <a:gd name="T21" fmla="*/ 947 h 1093"/>
                <a:gd name="T22" fmla="*/ 170 w 654"/>
                <a:gd name="T23" fmla="*/ 917 h 1093"/>
                <a:gd name="T24" fmla="*/ 154 w 654"/>
                <a:gd name="T25" fmla="*/ 883 h 1093"/>
                <a:gd name="T26" fmla="*/ 88 w 654"/>
                <a:gd name="T27" fmla="*/ 881 h 1093"/>
                <a:gd name="T28" fmla="*/ 126 w 654"/>
                <a:gd name="T29" fmla="*/ 843 h 1093"/>
                <a:gd name="T30" fmla="*/ 196 w 654"/>
                <a:gd name="T31" fmla="*/ 769 h 1093"/>
                <a:gd name="T32" fmla="*/ 152 w 654"/>
                <a:gd name="T33" fmla="*/ 749 h 1093"/>
                <a:gd name="T34" fmla="*/ 176 w 654"/>
                <a:gd name="T35" fmla="*/ 686 h 1093"/>
                <a:gd name="T36" fmla="*/ 232 w 654"/>
                <a:gd name="T37" fmla="*/ 692 h 1093"/>
                <a:gd name="T38" fmla="*/ 286 w 654"/>
                <a:gd name="T39" fmla="*/ 694 h 1093"/>
                <a:gd name="T40" fmla="*/ 310 w 654"/>
                <a:gd name="T41" fmla="*/ 628 h 1093"/>
                <a:gd name="T42" fmla="*/ 308 w 654"/>
                <a:gd name="T43" fmla="*/ 606 h 1093"/>
                <a:gd name="T44" fmla="*/ 282 w 654"/>
                <a:gd name="T45" fmla="*/ 536 h 1093"/>
                <a:gd name="T46" fmla="*/ 298 w 654"/>
                <a:gd name="T47" fmla="*/ 486 h 1093"/>
                <a:gd name="T48" fmla="*/ 234 w 654"/>
                <a:gd name="T49" fmla="*/ 488 h 1093"/>
                <a:gd name="T50" fmla="*/ 192 w 654"/>
                <a:gd name="T51" fmla="*/ 482 h 1093"/>
                <a:gd name="T52" fmla="*/ 178 w 654"/>
                <a:gd name="T53" fmla="*/ 458 h 1093"/>
                <a:gd name="T54" fmla="*/ 226 w 654"/>
                <a:gd name="T55" fmla="*/ 390 h 1093"/>
                <a:gd name="T56" fmla="*/ 222 w 654"/>
                <a:gd name="T57" fmla="*/ 334 h 1093"/>
                <a:gd name="T58" fmla="*/ 188 w 654"/>
                <a:gd name="T59" fmla="*/ 350 h 1093"/>
                <a:gd name="T60" fmla="*/ 156 w 654"/>
                <a:gd name="T61" fmla="*/ 412 h 1093"/>
                <a:gd name="T62" fmla="*/ 164 w 654"/>
                <a:gd name="T63" fmla="*/ 346 h 1093"/>
                <a:gd name="T64" fmla="*/ 194 w 654"/>
                <a:gd name="T65" fmla="*/ 272 h 1093"/>
                <a:gd name="T66" fmla="*/ 186 w 654"/>
                <a:gd name="T67" fmla="*/ 260 h 1093"/>
                <a:gd name="T68" fmla="*/ 130 w 654"/>
                <a:gd name="T69" fmla="*/ 274 h 1093"/>
                <a:gd name="T70" fmla="*/ 152 w 654"/>
                <a:gd name="T71" fmla="*/ 230 h 1093"/>
                <a:gd name="T72" fmla="*/ 184 w 654"/>
                <a:gd name="T73" fmla="*/ 196 h 1093"/>
                <a:gd name="T74" fmla="*/ 210 w 654"/>
                <a:gd name="T75" fmla="*/ 166 h 1093"/>
                <a:gd name="T76" fmla="*/ 206 w 654"/>
                <a:gd name="T77" fmla="*/ 108 h 1093"/>
                <a:gd name="T78" fmla="*/ 240 w 654"/>
                <a:gd name="T79" fmla="*/ 70 h 1093"/>
                <a:gd name="T80" fmla="*/ 286 w 654"/>
                <a:gd name="T81" fmla="*/ 0 h 1093"/>
                <a:gd name="T82" fmla="*/ 358 w 654"/>
                <a:gd name="T83" fmla="*/ 22 h 1093"/>
                <a:gd name="T84" fmla="*/ 408 w 654"/>
                <a:gd name="T85" fmla="*/ 52 h 1093"/>
                <a:gd name="T86" fmla="*/ 332 w 654"/>
                <a:gd name="T87" fmla="*/ 112 h 1093"/>
                <a:gd name="T88" fmla="*/ 360 w 654"/>
                <a:gd name="T89" fmla="*/ 142 h 1093"/>
                <a:gd name="T90" fmla="*/ 476 w 654"/>
                <a:gd name="T91" fmla="*/ 170 h 1093"/>
                <a:gd name="T92" fmla="*/ 430 w 654"/>
                <a:gd name="T93" fmla="*/ 264 h 1093"/>
                <a:gd name="T94" fmla="*/ 350 w 654"/>
                <a:gd name="T95" fmla="*/ 310 h 1093"/>
                <a:gd name="T96" fmla="*/ 360 w 654"/>
                <a:gd name="T97" fmla="*/ 340 h 1093"/>
                <a:gd name="T98" fmla="*/ 336 w 654"/>
                <a:gd name="T99" fmla="*/ 360 h 1093"/>
                <a:gd name="T100" fmla="*/ 412 w 654"/>
                <a:gd name="T101" fmla="*/ 378 h 1093"/>
                <a:gd name="T102" fmla="*/ 458 w 654"/>
                <a:gd name="T103" fmla="*/ 458 h 1093"/>
                <a:gd name="T104" fmla="*/ 492 w 654"/>
                <a:gd name="T105" fmla="*/ 576 h 1093"/>
                <a:gd name="T106" fmla="*/ 532 w 654"/>
                <a:gd name="T107" fmla="*/ 674 h 1093"/>
                <a:gd name="T108" fmla="*/ 554 w 654"/>
                <a:gd name="T109" fmla="*/ 765 h 1093"/>
                <a:gd name="T110" fmla="*/ 570 w 654"/>
                <a:gd name="T111" fmla="*/ 793 h 1093"/>
                <a:gd name="T112" fmla="*/ 640 w 654"/>
                <a:gd name="T113" fmla="*/ 901 h 1093"/>
                <a:gd name="T114" fmla="*/ 594 w 654"/>
                <a:gd name="T115" fmla="*/ 951 h 1093"/>
                <a:gd name="T116" fmla="*/ 546 w 654"/>
                <a:gd name="T117" fmla="*/ 975 h 1093"/>
                <a:gd name="T118" fmla="*/ 604 w 654"/>
                <a:gd name="T119" fmla="*/ 1015 h 1093"/>
                <a:gd name="T120" fmla="*/ 512 w 654"/>
                <a:gd name="T121" fmla="*/ 1069 h 1093"/>
                <a:gd name="T122" fmla="*/ 412 w 654"/>
                <a:gd name="T123" fmla="*/ 1057 h 1093"/>
                <a:gd name="T124" fmla="*/ 318 w 654"/>
                <a:gd name="T125" fmla="*/ 1051 h 1093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0" t="0" r="r" b="b"/>
              <a:pathLst>
                <a:path w="654" h="1093">
                  <a:moveTo>
                    <a:pt x="276" y="1057"/>
                  </a:moveTo>
                  <a:lnTo>
                    <a:pt x="264" y="1045"/>
                  </a:lnTo>
                  <a:lnTo>
                    <a:pt x="252" y="1037"/>
                  </a:lnTo>
                  <a:lnTo>
                    <a:pt x="234" y="1037"/>
                  </a:lnTo>
                  <a:lnTo>
                    <a:pt x="222" y="1037"/>
                  </a:lnTo>
                  <a:lnTo>
                    <a:pt x="214" y="1045"/>
                  </a:lnTo>
                  <a:lnTo>
                    <a:pt x="202" y="1041"/>
                  </a:lnTo>
                  <a:lnTo>
                    <a:pt x="196" y="1049"/>
                  </a:lnTo>
                  <a:lnTo>
                    <a:pt x="190" y="1061"/>
                  </a:lnTo>
                  <a:lnTo>
                    <a:pt x="188" y="1075"/>
                  </a:lnTo>
                  <a:lnTo>
                    <a:pt x="180" y="1069"/>
                  </a:lnTo>
                  <a:lnTo>
                    <a:pt x="180" y="1077"/>
                  </a:lnTo>
                  <a:lnTo>
                    <a:pt x="174" y="1085"/>
                  </a:lnTo>
                  <a:lnTo>
                    <a:pt x="170" y="1091"/>
                  </a:lnTo>
                  <a:lnTo>
                    <a:pt x="158" y="1083"/>
                  </a:lnTo>
                  <a:lnTo>
                    <a:pt x="148" y="1075"/>
                  </a:lnTo>
                  <a:lnTo>
                    <a:pt x="142" y="1067"/>
                  </a:lnTo>
                  <a:lnTo>
                    <a:pt x="138" y="1059"/>
                  </a:lnTo>
                  <a:lnTo>
                    <a:pt x="132" y="1053"/>
                  </a:lnTo>
                  <a:lnTo>
                    <a:pt x="132" y="1065"/>
                  </a:lnTo>
                  <a:lnTo>
                    <a:pt x="122" y="1065"/>
                  </a:lnTo>
                  <a:lnTo>
                    <a:pt x="108" y="1063"/>
                  </a:lnTo>
                  <a:lnTo>
                    <a:pt x="96" y="1061"/>
                  </a:lnTo>
                  <a:lnTo>
                    <a:pt x="88" y="1061"/>
                  </a:lnTo>
                  <a:lnTo>
                    <a:pt x="80" y="1071"/>
                  </a:lnTo>
                  <a:lnTo>
                    <a:pt x="68" y="1073"/>
                  </a:lnTo>
                  <a:lnTo>
                    <a:pt x="60" y="1073"/>
                  </a:lnTo>
                  <a:lnTo>
                    <a:pt x="52" y="1081"/>
                  </a:lnTo>
                  <a:lnTo>
                    <a:pt x="50" y="1089"/>
                  </a:lnTo>
                  <a:lnTo>
                    <a:pt x="42" y="1093"/>
                  </a:lnTo>
                  <a:lnTo>
                    <a:pt x="34" y="1081"/>
                  </a:lnTo>
                  <a:lnTo>
                    <a:pt x="30" y="1077"/>
                  </a:lnTo>
                  <a:lnTo>
                    <a:pt x="22" y="1073"/>
                  </a:lnTo>
                  <a:lnTo>
                    <a:pt x="16" y="1077"/>
                  </a:lnTo>
                  <a:lnTo>
                    <a:pt x="10" y="1081"/>
                  </a:lnTo>
                  <a:lnTo>
                    <a:pt x="0" y="1079"/>
                  </a:lnTo>
                  <a:lnTo>
                    <a:pt x="0" y="1069"/>
                  </a:lnTo>
                  <a:lnTo>
                    <a:pt x="2" y="1065"/>
                  </a:lnTo>
                  <a:lnTo>
                    <a:pt x="6" y="1063"/>
                  </a:lnTo>
                  <a:lnTo>
                    <a:pt x="10" y="1061"/>
                  </a:lnTo>
                  <a:lnTo>
                    <a:pt x="16" y="1061"/>
                  </a:lnTo>
                  <a:lnTo>
                    <a:pt x="22" y="1061"/>
                  </a:lnTo>
                  <a:lnTo>
                    <a:pt x="30" y="1061"/>
                  </a:lnTo>
                  <a:lnTo>
                    <a:pt x="36" y="1061"/>
                  </a:lnTo>
                  <a:lnTo>
                    <a:pt x="48" y="1055"/>
                  </a:lnTo>
                  <a:lnTo>
                    <a:pt x="60" y="1045"/>
                  </a:lnTo>
                  <a:lnTo>
                    <a:pt x="70" y="1035"/>
                  </a:lnTo>
                  <a:lnTo>
                    <a:pt x="74" y="1027"/>
                  </a:lnTo>
                  <a:lnTo>
                    <a:pt x="84" y="1023"/>
                  </a:lnTo>
                  <a:lnTo>
                    <a:pt x="98" y="1017"/>
                  </a:lnTo>
                  <a:lnTo>
                    <a:pt x="116" y="1003"/>
                  </a:lnTo>
                  <a:lnTo>
                    <a:pt x="116" y="989"/>
                  </a:lnTo>
                  <a:lnTo>
                    <a:pt x="122" y="979"/>
                  </a:lnTo>
                  <a:lnTo>
                    <a:pt x="132" y="979"/>
                  </a:lnTo>
                  <a:lnTo>
                    <a:pt x="142" y="981"/>
                  </a:lnTo>
                  <a:lnTo>
                    <a:pt x="148" y="971"/>
                  </a:lnTo>
                  <a:lnTo>
                    <a:pt x="152" y="959"/>
                  </a:lnTo>
                  <a:lnTo>
                    <a:pt x="166" y="957"/>
                  </a:lnTo>
                  <a:lnTo>
                    <a:pt x="176" y="957"/>
                  </a:lnTo>
                  <a:lnTo>
                    <a:pt x="184" y="957"/>
                  </a:lnTo>
                  <a:lnTo>
                    <a:pt x="196" y="959"/>
                  </a:lnTo>
                  <a:lnTo>
                    <a:pt x="210" y="969"/>
                  </a:lnTo>
                  <a:lnTo>
                    <a:pt x="220" y="971"/>
                  </a:lnTo>
                  <a:lnTo>
                    <a:pt x="236" y="971"/>
                  </a:lnTo>
                  <a:lnTo>
                    <a:pt x="250" y="969"/>
                  </a:lnTo>
                  <a:lnTo>
                    <a:pt x="256" y="957"/>
                  </a:lnTo>
                  <a:lnTo>
                    <a:pt x="264" y="949"/>
                  </a:lnTo>
                  <a:lnTo>
                    <a:pt x="274" y="943"/>
                  </a:lnTo>
                  <a:lnTo>
                    <a:pt x="286" y="937"/>
                  </a:lnTo>
                  <a:lnTo>
                    <a:pt x="294" y="923"/>
                  </a:lnTo>
                  <a:lnTo>
                    <a:pt x="288" y="925"/>
                  </a:lnTo>
                  <a:lnTo>
                    <a:pt x="280" y="931"/>
                  </a:lnTo>
                  <a:lnTo>
                    <a:pt x="264" y="929"/>
                  </a:lnTo>
                  <a:lnTo>
                    <a:pt x="262" y="927"/>
                  </a:lnTo>
                  <a:lnTo>
                    <a:pt x="248" y="935"/>
                  </a:lnTo>
                  <a:lnTo>
                    <a:pt x="242" y="945"/>
                  </a:lnTo>
                  <a:lnTo>
                    <a:pt x="224" y="947"/>
                  </a:lnTo>
                  <a:lnTo>
                    <a:pt x="214" y="941"/>
                  </a:lnTo>
                  <a:lnTo>
                    <a:pt x="202" y="931"/>
                  </a:lnTo>
                  <a:lnTo>
                    <a:pt x="196" y="919"/>
                  </a:lnTo>
                  <a:lnTo>
                    <a:pt x="190" y="911"/>
                  </a:lnTo>
                  <a:lnTo>
                    <a:pt x="184" y="909"/>
                  </a:lnTo>
                  <a:lnTo>
                    <a:pt x="176" y="911"/>
                  </a:lnTo>
                  <a:lnTo>
                    <a:pt x="170" y="917"/>
                  </a:lnTo>
                  <a:lnTo>
                    <a:pt x="154" y="915"/>
                  </a:lnTo>
                  <a:lnTo>
                    <a:pt x="156" y="907"/>
                  </a:lnTo>
                  <a:lnTo>
                    <a:pt x="170" y="903"/>
                  </a:lnTo>
                  <a:lnTo>
                    <a:pt x="174" y="895"/>
                  </a:lnTo>
                  <a:lnTo>
                    <a:pt x="160" y="895"/>
                  </a:lnTo>
                  <a:lnTo>
                    <a:pt x="154" y="891"/>
                  </a:lnTo>
                  <a:lnTo>
                    <a:pt x="154" y="883"/>
                  </a:lnTo>
                  <a:lnTo>
                    <a:pt x="146" y="883"/>
                  </a:lnTo>
                  <a:lnTo>
                    <a:pt x="138" y="885"/>
                  </a:lnTo>
                  <a:lnTo>
                    <a:pt x="122" y="887"/>
                  </a:lnTo>
                  <a:lnTo>
                    <a:pt x="116" y="893"/>
                  </a:lnTo>
                  <a:lnTo>
                    <a:pt x="96" y="891"/>
                  </a:lnTo>
                  <a:lnTo>
                    <a:pt x="94" y="883"/>
                  </a:lnTo>
                  <a:lnTo>
                    <a:pt x="88" y="881"/>
                  </a:lnTo>
                  <a:lnTo>
                    <a:pt x="86" y="875"/>
                  </a:lnTo>
                  <a:lnTo>
                    <a:pt x="94" y="869"/>
                  </a:lnTo>
                  <a:lnTo>
                    <a:pt x="96" y="861"/>
                  </a:lnTo>
                  <a:lnTo>
                    <a:pt x="88" y="853"/>
                  </a:lnTo>
                  <a:lnTo>
                    <a:pt x="92" y="845"/>
                  </a:lnTo>
                  <a:lnTo>
                    <a:pt x="106" y="839"/>
                  </a:lnTo>
                  <a:lnTo>
                    <a:pt x="126" y="843"/>
                  </a:lnTo>
                  <a:lnTo>
                    <a:pt x="134" y="833"/>
                  </a:lnTo>
                  <a:lnTo>
                    <a:pt x="154" y="831"/>
                  </a:lnTo>
                  <a:lnTo>
                    <a:pt x="170" y="827"/>
                  </a:lnTo>
                  <a:lnTo>
                    <a:pt x="186" y="815"/>
                  </a:lnTo>
                  <a:lnTo>
                    <a:pt x="194" y="795"/>
                  </a:lnTo>
                  <a:lnTo>
                    <a:pt x="198" y="781"/>
                  </a:lnTo>
                  <a:lnTo>
                    <a:pt x="196" y="769"/>
                  </a:lnTo>
                  <a:lnTo>
                    <a:pt x="198" y="755"/>
                  </a:lnTo>
                  <a:lnTo>
                    <a:pt x="200" y="745"/>
                  </a:lnTo>
                  <a:lnTo>
                    <a:pt x="194" y="739"/>
                  </a:lnTo>
                  <a:lnTo>
                    <a:pt x="184" y="739"/>
                  </a:lnTo>
                  <a:lnTo>
                    <a:pt x="176" y="747"/>
                  </a:lnTo>
                  <a:lnTo>
                    <a:pt x="164" y="751"/>
                  </a:lnTo>
                  <a:lnTo>
                    <a:pt x="152" y="749"/>
                  </a:lnTo>
                  <a:lnTo>
                    <a:pt x="154" y="741"/>
                  </a:lnTo>
                  <a:lnTo>
                    <a:pt x="166" y="735"/>
                  </a:lnTo>
                  <a:lnTo>
                    <a:pt x="180" y="724"/>
                  </a:lnTo>
                  <a:lnTo>
                    <a:pt x="190" y="714"/>
                  </a:lnTo>
                  <a:lnTo>
                    <a:pt x="188" y="704"/>
                  </a:lnTo>
                  <a:lnTo>
                    <a:pt x="180" y="696"/>
                  </a:lnTo>
                  <a:lnTo>
                    <a:pt x="176" y="686"/>
                  </a:lnTo>
                  <a:lnTo>
                    <a:pt x="180" y="674"/>
                  </a:lnTo>
                  <a:lnTo>
                    <a:pt x="194" y="670"/>
                  </a:lnTo>
                  <a:lnTo>
                    <a:pt x="200" y="676"/>
                  </a:lnTo>
                  <a:lnTo>
                    <a:pt x="212" y="692"/>
                  </a:lnTo>
                  <a:lnTo>
                    <a:pt x="216" y="698"/>
                  </a:lnTo>
                  <a:lnTo>
                    <a:pt x="226" y="700"/>
                  </a:lnTo>
                  <a:lnTo>
                    <a:pt x="232" y="692"/>
                  </a:lnTo>
                  <a:lnTo>
                    <a:pt x="240" y="698"/>
                  </a:lnTo>
                  <a:lnTo>
                    <a:pt x="256" y="698"/>
                  </a:lnTo>
                  <a:lnTo>
                    <a:pt x="264" y="696"/>
                  </a:lnTo>
                  <a:lnTo>
                    <a:pt x="274" y="698"/>
                  </a:lnTo>
                  <a:lnTo>
                    <a:pt x="280" y="710"/>
                  </a:lnTo>
                  <a:lnTo>
                    <a:pt x="288" y="708"/>
                  </a:lnTo>
                  <a:lnTo>
                    <a:pt x="286" y="694"/>
                  </a:lnTo>
                  <a:lnTo>
                    <a:pt x="296" y="688"/>
                  </a:lnTo>
                  <a:lnTo>
                    <a:pt x="298" y="678"/>
                  </a:lnTo>
                  <a:lnTo>
                    <a:pt x="296" y="670"/>
                  </a:lnTo>
                  <a:lnTo>
                    <a:pt x="308" y="654"/>
                  </a:lnTo>
                  <a:lnTo>
                    <a:pt x="302" y="646"/>
                  </a:lnTo>
                  <a:lnTo>
                    <a:pt x="304" y="632"/>
                  </a:lnTo>
                  <a:lnTo>
                    <a:pt x="310" y="628"/>
                  </a:lnTo>
                  <a:lnTo>
                    <a:pt x="322" y="626"/>
                  </a:lnTo>
                  <a:lnTo>
                    <a:pt x="322" y="612"/>
                  </a:lnTo>
                  <a:lnTo>
                    <a:pt x="328" y="602"/>
                  </a:lnTo>
                  <a:lnTo>
                    <a:pt x="328" y="596"/>
                  </a:lnTo>
                  <a:lnTo>
                    <a:pt x="318" y="594"/>
                  </a:lnTo>
                  <a:lnTo>
                    <a:pt x="310" y="596"/>
                  </a:lnTo>
                  <a:lnTo>
                    <a:pt x="308" y="606"/>
                  </a:lnTo>
                  <a:lnTo>
                    <a:pt x="300" y="600"/>
                  </a:lnTo>
                  <a:lnTo>
                    <a:pt x="302" y="590"/>
                  </a:lnTo>
                  <a:lnTo>
                    <a:pt x="294" y="586"/>
                  </a:lnTo>
                  <a:lnTo>
                    <a:pt x="290" y="574"/>
                  </a:lnTo>
                  <a:lnTo>
                    <a:pt x="292" y="564"/>
                  </a:lnTo>
                  <a:lnTo>
                    <a:pt x="282" y="552"/>
                  </a:lnTo>
                  <a:lnTo>
                    <a:pt x="282" y="536"/>
                  </a:lnTo>
                  <a:lnTo>
                    <a:pt x="288" y="522"/>
                  </a:lnTo>
                  <a:lnTo>
                    <a:pt x="298" y="508"/>
                  </a:lnTo>
                  <a:lnTo>
                    <a:pt x="308" y="502"/>
                  </a:lnTo>
                  <a:lnTo>
                    <a:pt x="316" y="496"/>
                  </a:lnTo>
                  <a:lnTo>
                    <a:pt x="328" y="492"/>
                  </a:lnTo>
                  <a:lnTo>
                    <a:pt x="314" y="490"/>
                  </a:lnTo>
                  <a:lnTo>
                    <a:pt x="298" y="486"/>
                  </a:lnTo>
                  <a:lnTo>
                    <a:pt x="294" y="492"/>
                  </a:lnTo>
                  <a:lnTo>
                    <a:pt x="288" y="496"/>
                  </a:lnTo>
                  <a:lnTo>
                    <a:pt x="274" y="496"/>
                  </a:lnTo>
                  <a:lnTo>
                    <a:pt x="268" y="500"/>
                  </a:lnTo>
                  <a:lnTo>
                    <a:pt x="252" y="504"/>
                  </a:lnTo>
                  <a:lnTo>
                    <a:pt x="240" y="496"/>
                  </a:lnTo>
                  <a:lnTo>
                    <a:pt x="234" y="488"/>
                  </a:lnTo>
                  <a:lnTo>
                    <a:pt x="228" y="492"/>
                  </a:lnTo>
                  <a:lnTo>
                    <a:pt x="230" y="500"/>
                  </a:lnTo>
                  <a:lnTo>
                    <a:pt x="230" y="510"/>
                  </a:lnTo>
                  <a:lnTo>
                    <a:pt x="218" y="508"/>
                  </a:lnTo>
                  <a:lnTo>
                    <a:pt x="208" y="492"/>
                  </a:lnTo>
                  <a:lnTo>
                    <a:pt x="202" y="484"/>
                  </a:lnTo>
                  <a:lnTo>
                    <a:pt x="192" y="482"/>
                  </a:lnTo>
                  <a:lnTo>
                    <a:pt x="190" y="488"/>
                  </a:lnTo>
                  <a:lnTo>
                    <a:pt x="190" y="500"/>
                  </a:lnTo>
                  <a:lnTo>
                    <a:pt x="186" y="504"/>
                  </a:lnTo>
                  <a:lnTo>
                    <a:pt x="184" y="492"/>
                  </a:lnTo>
                  <a:lnTo>
                    <a:pt x="178" y="480"/>
                  </a:lnTo>
                  <a:lnTo>
                    <a:pt x="176" y="468"/>
                  </a:lnTo>
                  <a:lnTo>
                    <a:pt x="178" y="458"/>
                  </a:lnTo>
                  <a:lnTo>
                    <a:pt x="188" y="458"/>
                  </a:lnTo>
                  <a:lnTo>
                    <a:pt x="194" y="444"/>
                  </a:lnTo>
                  <a:lnTo>
                    <a:pt x="208" y="434"/>
                  </a:lnTo>
                  <a:lnTo>
                    <a:pt x="210" y="420"/>
                  </a:lnTo>
                  <a:lnTo>
                    <a:pt x="222" y="410"/>
                  </a:lnTo>
                  <a:lnTo>
                    <a:pt x="232" y="402"/>
                  </a:lnTo>
                  <a:lnTo>
                    <a:pt x="226" y="390"/>
                  </a:lnTo>
                  <a:lnTo>
                    <a:pt x="216" y="380"/>
                  </a:lnTo>
                  <a:lnTo>
                    <a:pt x="220" y="366"/>
                  </a:lnTo>
                  <a:lnTo>
                    <a:pt x="220" y="360"/>
                  </a:lnTo>
                  <a:lnTo>
                    <a:pt x="220" y="346"/>
                  </a:lnTo>
                  <a:lnTo>
                    <a:pt x="230" y="344"/>
                  </a:lnTo>
                  <a:lnTo>
                    <a:pt x="230" y="336"/>
                  </a:lnTo>
                  <a:lnTo>
                    <a:pt x="222" y="334"/>
                  </a:lnTo>
                  <a:lnTo>
                    <a:pt x="214" y="348"/>
                  </a:lnTo>
                  <a:lnTo>
                    <a:pt x="210" y="348"/>
                  </a:lnTo>
                  <a:lnTo>
                    <a:pt x="206" y="354"/>
                  </a:lnTo>
                  <a:lnTo>
                    <a:pt x="204" y="366"/>
                  </a:lnTo>
                  <a:lnTo>
                    <a:pt x="200" y="354"/>
                  </a:lnTo>
                  <a:lnTo>
                    <a:pt x="196" y="348"/>
                  </a:lnTo>
                  <a:lnTo>
                    <a:pt x="188" y="350"/>
                  </a:lnTo>
                  <a:lnTo>
                    <a:pt x="186" y="360"/>
                  </a:lnTo>
                  <a:lnTo>
                    <a:pt x="174" y="364"/>
                  </a:lnTo>
                  <a:lnTo>
                    <a:pt x="170" y="376"/>
                  </a:lnTo>
                  <a:lnTo>
                    <a:pt x="170" y="384"/>
                  </a:lnTo>
                  <a:lnTo>
                    <a:pt x="164" y="394"/>
                  </a:lnTo>
                  <a:lnTo>
                    <a:pt x="160" y="404"/>
                  </a:lnTo>
                  <a:lnTo>
                    <a:pt x="156" y="412"/>
                  </a:lnTo>
                  <a:lnTo>
                    <a:pt x="144" y="410"/>
                  </a:lnTo>
                  <a:lnTo>
                    <a:pt x="142" y="398"/>
                  </a:lnTo>
                  <a:lnTo>
                    <a:pt x="152" y="386"/>
                  </a:lnTo>
                  <a:lnTo>
                    <a:pt x="156" y="376"/>
                  </a:lnTo>
                  <a:lnTo>
                    <a:pt x="162" y="366"/>
                  </a:lnTo>
                  <a:lnTo>
                    <a:pt x="172" y="358"/>
                  </a:lnTo>
                  <a:lnTo>
                    <a:pt x="164" y="346"/>
                  </a:lnTo>
                  <a:lnTo>
                    <a:pt x="172" y="334"/>
                  </a:lnTo>
                  <a:lnTo>
                    <a:pt x="170" y="320"/>
                  </a:lnTo>
                  <a:lnTo>
                    <a:pt x="178" y="310"/>
                  </a:lnTo>
                  <a:lnTo>
                    <a:pt x="182" y="300"/>
                  </a:lnTo>
                  <a:lnTo>
                    <a:pt x="180" y="294"/>
                  </a:lnTo>
                  <a:lnTo>
                    <a:pt x="194" y="284"/>
                  </a:lnTo>
                  <a:lnTo>
                    <a:pt x="194" y="272"/>
                  </a:lnTo>
                  <a:lnTo>
                    <a:pt x="202" y="272"/>
                  </a:lnTo>
                  <a:lnTo>
                    <a:pt x="202" y="262"/>
                  </a:lnTo>
                  <a:lnTo>
                    <a:pt x="208" y="252"/>
                  </a:lnTo>
                  <a:lnTo>
                    <a:pt x="212" y="246"/>
                  </a:lnTo>
                  <a:lnTo>
                    <a:pt x="204" y="244"/>
                  </a:lnTo>
                  <a:lnTo>
                    <a:pt x="192" y="252"/>
                  </a:lnTo>
                  <a:lnTo>
                    <a:pt x="186" y="260"/>
                  </a:lnTo>
                  <a:lnTo>
                    <a:pt x="176" y="260"/>
                  </a:lnTo>
                  <a:lnTo>
                    <a:pt x="178" y="270"/>
                  </a:lnTo>
                  <a:lnTo>
                    <a:pt x="170" y="276"/>
                  </a:lnTo>
                  <a:lnTo>
                    <a:pt x="164" y="282"/>
                  </a:lnTo>
                  <a:lnTo>
                    <a:pt x="150" y="280"/>
                  </a:lnTo>
                  <a:lnTo>
                    <a:pt x="134" y="282"/>
                  </a:lnTo>
                  <a:lnTo>
                    <a:pt x="130" y="274"/>
                  </a:lnTo>
                  <a:lnTo>
                    <a:pt x="136" y="270"/>
                  </a:lnTo>
                  <a:lnTo>
                    <a:pt x="148" y="262"/>
                  </a:lnTo>
                  <a:lnTo>
                    <a:pt x="152" y="256"/>
                  </a:lnTo>
                  <a:lnTo>
                    <a:pt x="144" y="250"/>
                  </a:lnTo>
                  <a:lnTo>
                    <a:pt x="140" y="240"/>
                  </a:lnTo>
                  <a:lnTo>
                    <a:pt x="148" y="234"/>
                  </a:lnTo>
                  <a:lnTo>
                    <a:pt x="152" y="230"/>
                  </a:lnTo>
                  <a:lnTo>
                    <a:pt x="148" y="222"/>
                  </a:lnTo>
                  <a:lnTo>
                    <a:pt x="158" y="220"/>
                  </a:lnTo>
                  <a:lnTo>
                    <a:pt x="170" y="222"/>
                  </a:lnTo>
                  <a:lnTo>
                    <a:pt x="178" y="226"/>
                  </a:lnTo>
                  <a:lnTo>
                    <a:pt x="178" y="214"/>
                  </a:lnTo>
                  <a:lnTo>
                    <a:pt x="178" y="202"/>
                  </a:lnTo>
                  <a:lnTo>
                    <a:pt x="184" y="196"/>
                  </a:lnTo>
                  <a:lnTo>
                    <a:pt x="194" y="200"/>
                  </a:lnTo>
                  <a:lnTo>
                    <a:pt x="188" y="186"/>
                  </a:lnTo>
                  <a:lnTo>
                    <a:pt x="196" y="182"/>
                  </a:lnTo>
                  <a:lnTo>
                    <a:pt x="206" y="186"/>
                  </a:lnTo>
                  <a:lnTo>
                    <a:pt x="198" y="172"/>
                  </a:lnTo>
                  <a:lnTo>
                    <a:pt x="200" y="166"/>
                  </a:lnTo>
                  <a:lnTo>
                    <a:pt x="210" y="166"/>
                  </a:lnTo>
                  <a:lnTo>
                    <a:pt x="200" y="158"/>
                  </a:lnTo>
                  <a:lnTo>
                    <a:pt x="198" y="150"/>
                  </a:lnTo>
                  <a:lnTo>
                    <a:pt x="194" y="138"/>
                  </a:lnTo>
                  <a:lnTo>
                    <a:pt x="196" y="128"/>
                  </a:lnTo>
                  <a:lnTo>
                    <a:pt x="210" y="126"/>
                  </a:lnTo>
                  <a:lnTo>
                    <a:pt x="204" y="118"/>
                  </a:lnTo>
                  <a:lnTo>
                    <a:pt x="206" y="108"/>
                  </a:lnTo>
                  <a:lnTo>
                    <a:pt x="210" y="100"/>
                  </a:lnTo>
                  <a:lnTo>
                    <a:pt x="216" y="86"/>
                  </a:lnTo>
                  <a:lnTo>
                    <a:pt x="230" y="86"/>
                  </a:lnTo>
                  <a:lnTo>
                    <a:pt x="244" y="92"/>
                  </a:lnTo>
                  <a:lnTo>
                    <a:pt x="252" y="88"/>
                  </a:lnTo>
                  <a:lnTo>
                    <a:pt x="246" y="78"/>
                  </a:lnTo>
                  <a:lnTo>
                    <a:pt x="240" y="70"/>
                  </a:lnTo>
                  <a:lnTo>
                    <a:pt x="250" y="68"/>
                  </a:lnTo>
                  <a:lnTo>
                    <a:pt x="250" y="48"/>
                  </a:lnTo>
                  <a:lnTo>
                    <a:pt x="264" y="46"/>
                  </a:lnTo>
                  <a:lnTo>
                    <a:pt x="266" y="34"/>
                  </a:lnTo>
                  <a:lnTo>
                    <a:pt x="278" y="28"/>
                  </a:lnTo>
                  <a:lnTo>
                    <a:pt x="276" y="14"/>
                  </a:lnTo>
                  <a:lnTo>
                    <a:pt x="286" y="0"/>
                  </a:lnTo>
                  <a:lnTo>
                    <a:pt x="296" y="6"/>
                  </a:lnTo>
                  <a:lnTo>
                    <a:pt x="308" y="14"/>
                  </a:lnTo>
                  <a:lnTo>
                    <a:pt x="304" y="22"/>
                  </a:lnTo>
                  <a:lnTo>
                    <a:pt x="314" y="18"/>
                  </a:lnTo>
                  <a:lnTo>
                    <a:pt x="322" y="24"/>
                  </a:lnTo>
                  <a:lnTo>
                    <a:pt x="336" y="24"/>
                  </a:lnTo>
                  <a:lnTo>
                    <a:pt x="358" y="22"/>
                  </a:lnTo>
                  <a:lnTo>
                    <a:pt x="378" y="20"/>
                  </a:lnTo>
                  <a:lnTo>
                    <a:pt x="384" y="24"/>
                  </a:lnTo>
                  <a:lnTo>
                    <a:pt x="396" y="22"/>
                  </a:lnTo>
                  <a:lnTo>
                    <a:pt x="410" y="24"/>
                  </a:lnTo>
                  <a:lnTo>
                    <a:pt x="416" y="30"/>
                  </a:lnTo>
                  <a:lnTo>
                    <a:pt x="410" y="38"/>
                  </a:lnTo>
                  <a:lnTo>
                    <a:pt x="408" y="52"/>
                  </a:lnTo>
                  <a:lnTo>
                    <a:pt x="398" y="70"/>
                  </a:lnTo>
                  <a:lnTo>
                    <a:pt x="384" y="70"/>
                  </a:lnTo>
                  <a:lnTo>
                    <a:pt x="370" y="82"/>
                  </a:lnTo>
                  <a:lnTo>
                    <a:pt x="354" y="90"/>
                  </a:lnTo>
                  <a:lnTo>
                    <a:pt x="346" y="100"/>
                  </a:lnTo>
                  <a:lnTo>
                    <a:pt x="330" y="102"/>
                  </a:lnTo>
                  <a:lnTo>
                    <a:pt x="332" y="112"/>
                  </a:lnTo>
                  <a:lnTo>
                    <a:pt x="316" y="110"/>
                  </a:lnTo>
                  <a:lnTo>
                    <a:pt x="324" y="118"/>
                  </a:lnTo>
                  <a:lnTo>
                    <a:pt x="342" y="120"/>
                  </a:lnTo>
                  <a:lnTo>
                    <a:pt x="332" y="132"/>
                  </a:lnTo>
                  <a:lnTo>
                    <a:pt x="318" y="144"/>
                  </a:lnTo>
                  <a:lnTo>
                    <a:pt x="342" y="146"/>
                  </a:lnTo>
                  <a:lnTo>
                    <a:pt x="360" y="142"/>
                  </a:lnTo>
                  <a:lnTo>
                    <a:pt x="378" y="138"/>
                  </a:lnTo>
                  <a:lnTo>
                    <a:pt x="390" y="148"/>
                  </a:lnTo>
                  <a:lnTo>
                    <a:pt x="408" y="148"/>
                  </a:lnTo>
                  <a:lnTo>
                    <a:pt x="428" y="154"/>
                  </a:lnTo>
                  <a:lnTo>
                    <a:pt x="448" y="158"/>
                  </a:lnTo>
                  <a:lnTo>
                    <a:pt x="468" y="160"/>
                  </a:lnTo>
                  <a:lnTo>
                    <a:pt x="476" y="170"/>
                  </a:lnTo>
                  <a:lnTo>
                    <a:pt x="478" y="182"/>
                  </a:lnTo>
                  <a:lnTo>
                    <a:pt x="476" y="194"/>
                  </a:lnTo>
                  <a:lnTo>
                    <a:pt x="466" y="202"/>
                  </a:lnTo>
                  <a:lnTo>
                    <a:pt x="454" y="220"/>
                  </a:lnTo>
                  <a:lnTo>
                    <a:pt x="450" y="232"/>
                  </a:lnTo>
                  <a:lnTo>
                    <a:pt x="440" y="254"/>
                  </a:lnTo>
                  <a:lnTo>
                    <a:pt x="430" y="264"/>
                  </a:lnTo>
                  <a:lnTo>
                    <a:pt x="418" y="274"/>
                  </a:lnTo>
                  <a:lnTo>
                    <a:pt x="408" y="288"/>
                  </a:lnTo>
                  <a:lnTo>
                    <a:pt x="398" y="300"/>
                  </a:lnTo>
                  <a:lnTo>
                    <a:pt x="392" y="302"/>
                  </a:lnTo>
                  <a:lnTo>
                    <a:pt x="384" y="304"/>
                  </a:lnTo>
                  <a:lnTo>
                    <a:pt x="362" y="308"/>
                  </a:lnTo>
                  <a:lnTo>
                    <a:pt x="350" y="310"/>
                  </a:lnTo>
                  <a:lnTo>
                    <a:pt x="364" y="318"/>
                  </a:lnTo>
                  <a:lnTo>
                    <a:pt x="380" y="318"/>
                  </a:lnTo>
                  <a:lnTo>
                    <a:pt x="398" y="318"/>
                  </a:lnTo>
                  <a:lnTo>
                    <a:pt x="408" y="324"/>
                  </a:lnTo>
                  <a:lnTo>
                    <a:pt x="400" y="332"/>
                  </a:lnTo>
                  <a:lnTo>
                    <a:pt x="376" y="342"/>
                  </a:lnTo>
                  <a:lnTo>
                    <a:pt x="360" y="340"/>
                  </a:lnTo>
                  <a:lnTo>
                    <a:pt x="352" y="346"/>
                  </a:lnTo>
                  <a:lnTo>
                    <a:pt x="344" y="350"/>
                  </a:lnTo>
                  <a:lnTo>
                    <a:pt x="332" y="352"/>
                  </a:lnTo>
                  <a:lnTo>
                    <a:pt x="318" y="350"/>
                  </a:lnTo>
                  <a:lnTo>
                    <a:pt x="318" y="352"/>
                  </a:lnTo>
                  <a:lnTo>
                    <a:pt x="324" y="354"/>
                  </a:lnTo>
                  <a:lnTo>
                    <a:pt x="336" y="360"/>
                  </a:lnTo>
                  <a:lnTo>
                    <a:pt x="346" y="364"/>
                  </a:lnTo>
                  <a:lnTo>
                    <a:pt x="354" y="366"/>
                  </a:lnTo>
                  <a:lnTo>
                    <a:pt x="364" y="366"/>
                  </a:lnTo>
                  <a:lnTo>
                    <a:pt x="374" y="358"/>
                  </a:lnTo>
                  <a:lnTo>
                    <a:pt x="386" y="362"/>
                  </a:lnTo>
                  <a:lnTo>
                    <a:pt x="398" y="370"/>
                  </a:lnTo>
                  <a:lnTo>
                    <a:pt x="412" y="378"/>
                  </a:lnTo>
                  <a:lnTo>
                    <a:pt x="420" y="378"/>
                  </a:lnTo>
                  <a:lnTo>
                    <a:pt x="422" y="384"/>
                  </a:lnTo>
                  <a:lnTo>
                    <a:pt x="428" y="400"/>
                  </a:lnTo>
                  <a:lnTo>
                    <a:pt x="432" y="420"/>
                  </a:lnTo>
                  <a:lnTo>
                    <a:pt x="454" y="430"/>
                  </a:lnTo>
                  <a:lnTo>
                    <a:pt x="456" y="438"/>
                  </a:lnTo>
                  <a:lnTo>
                    <a:pt x="458" y="458"/>
                  </a:lnTo>
                  <a:lnTo>
                    <a:pt x="448" y="464"/>
                  </a:lnTo>
                  <a:lnTo>
                    <a:pt x="450" y="482"/>
                  </a:lnTo>
                  <a:lnTo>
                    <a:pt x="456" y="518"/>
                  </a:lnTo>
                  <a:lnTo>
                    <a:pt x="460" y="546"/>
                  </a:lnTo>
                  <a:lnTo>
                    <a:pt x="464" y="560"/>
                  </a:lnTo>
                  <a:lnTo>
                    <a:pt x="480" y="566"/>
                  </a:lnTo>
                  <a:lnTo>
                    <a:pt x="492" y="576"/>
                  </a:lnTo>
                  <a:lnTo>
                    <a:pt x="514" y="594"/>
                  </a:lnTo>
                  <a:lnTo>
                    <a:pt x="518" y="612"/>
                  </a:lnTo>
                  <a:lnTo>
                    <a:pt x="528" y="630"/>
                  </a:lnTo>
                  <a:lnTo>
                    <a:pt x="534" y="640"/>
                  </a:lnTo>
                  <a:lnTo>
                    <a:pt x="530" y="648"/>
                  </a:lnTo>
                  <a:lnTo>
                    <a:pt x="528" y="660"/>
                  </a:lnTo>
                  <a:lnTo>
                    <a:pt x="532" y="674"/>
                  </a:lnTo>
                  <a:lnTo>
                    <a:pt x="540" y="692"/>
                  </a:lnTo>
                  <a:lnTo>
                    <a:pt x="536" y="700"/>
                  </a:lnTo>
                  <a:lnTo>
                    <a:pt x="530" y="710"/>
                  </a:lnTo>
                  <a:lnTo>
                    <a:pt x="536" y="718"/>
                  </a:lnTo>
                  <a:lnTo>
                    <a:pt x="548" y="731"/>
                  </a:lnTo>
                  <a:lnTo>
                    <a:pt x="552" y="751"/>
                  </a:lnTo>
                  <a:lnTo>
                    <a:pt x="554" y="765"/>
                  </a:lnTo>
                  <a:lnTo>
                    <a:pt x="544" y="777"/>
                  </a:lnTo>
                  <a:lnTo>
                    <a:pt x="532" y="783"/>
                  </a:lnTo>
                  <a:lnTo>
                    <a:pt x="528" y="791"/>
                  </a:lnTo>
                  <a:lnTo>
                    <a:pt x="532" y="805"/>
                  </a:lnTo>
                  <a:lnTo>
                    <a:pt x="546" y="809"/>
                  </a:lnTo>
                  <a:lnTo>
                    <a:pt x="558" y="801"/>
                  </a:lnTo>
                  <a:lnTo>
                    <a:pt x="570" y="793"/>
                  </a:lnTo>
                  <a:lnTo>
                    <a:pt x="590" y="795"/>
                  </a:lnTo>
                  <a:lnTo>
                    <a:pt x="618" y="801"/>
                  </a:lnTo>
                  <a:lnTo>
                    <a:pt x="640" y="819"/>
                  </a:lnTo>
                  <a:lnTo>
                    <a:pt x="654" y="845"/>
                  </a:lnTo>
                  <a:lnTo>
                    <a:pt x="652" y="869"/>
                  </a:lnTo>
                  <a:lnTo>
                    <a:pt x="644" y="885"/>
                  </a:lnTo>
                  <a:lnTo>
                    <a:pt x="640" y="901"/>
                  </a:lnTo>
                  <a:lnTo>
                    <a:pt x="630" y="911"/>
                  </a:lnTo>
                  <a:lnTo>
                    <a:pt x="620" y="923"/>
                  </a:lnTo>
                  <a:lnTo>
                    <a:pt x="602" y="925"/>
                  </a:lnTo>
                  <a:lnTo>
                    <a:pt x="590" y="925"/>
                  </a:lnTo>
                  <a:lnTo>
                    <a:pt x="604" y="935"/>
                  </a:lnTo>
                  <a:lnTo>
                    <a:pt x="604" y="945"/>
                  </a:lnTo>
                  <a:lnTo>
                    <a:pt x="594" y="951"/>
                  </a:lnTo>
                  <a:lnTo>
                    <a:pt x="584" y="941"/>
                  </a:lnTo>
                  <a:lnTo>
                    <a:pt x="576" y="945"/>
                  </a:lnTo>
                  <a:lnTo>
                    <a:pt x="568" y="949"/>
                  </a:lnTo>
                  <a:lnTo>
                    <a:pt x="574" y="957"/>
                  </a:lnTo>
                  <a:lnTo>
                    <a:pt x="576" y="969"/>
                  </a:lnTo>
                  <a:lnTo>
                    <a:pt x="570" y="975"/>
                  </a:lnTo>
                  <a:lnTo>
                    <a:pt x="546" y="975"/>
                  </a:lnTo>
                  <a:lnTo>
                    <a:pt x="544" y="981"/>
                  </a:lnTo>
                  <a:lnTo>
                    <a:pt x="548" y="989"/>
                  </a:lnTo>
                  <a:lnTo>
                    <a:pt x="558" y="999"/>
                  </a:lnTo>
                  <a:lnTo>
                    <a:pt x="576" y="1003"/>
                  </a:lnTo>
                  <a:lnTo>
                    <a:pt x="592" y="1003"/>
                  </a:lnTo>
                  <a:lnTo>
                    <a:pt x="610" y="1005"/>
                  </a:lnTo>
                  <a:lnTo>
                    <a:pt x="604" y="1015"/>
                  </a:lnTo>
                  <a:lnTo>
                    <a:pt x="602" y="1033"/>
                  </a:lnTo>
                  <a:lnTo>
                    <a:pt x="576" y="1043"/>
                  </a:lnTo>
                  <a:lnTo>
                    <a:pt x="568" y="1043"/>
                  </a:lnTo>
                  <a:lnTo>
                    <a:pt x="566" y="1055"/>
                  </a:lnTo>
                  <a:lnTo>
                    <a:pt x="544" y="1059"/>
                  </a:lnTo>
                  <a:lnTo>
                    <a:pt x="520" y="1065"/>
                  </a:lnTo>
                  <a:lnTo>
                    <a:pt x="512" y="1069"/>
                  </a:lnTo>
                  <a:lnTo>
                    <a:pt x="506" y="1073"/>
                  </a:lnTo>
                  <a:lnTo>
                    <a:pt x="490" y="1069"/>
                  </a:lnTo>
                  <a:lnTo>
                    <a:pt x="476" y="1059"/>
                  </a:lnTo>
                  <a:lnTo>
                    <a:pt x="464" y="1057"/>
                  </a:lnTo>
                  <a:lnTo>
                    <a:pt x="440" y="1057"/>
                  </a:lnTo>
                  <a:lnTo>
                    <a:pt x="426" y="1061"/>
                  </a:lnTo>
                  <a:lnTo>
                    <a:pt x="412" y="1057"/>
                  </a:lnTo>
                  <a:lnTo>
                    <a:pt x="404" y="1051"/>
                  </a:lnTo>
                  <a:lnTo>
                    <a:pt x="386" y="1049"/>
                  </a:lnTo>
                  <a:lnTo>
                    <a:pt x="376" y="1039"/>
                  </a:lnTo>
                  <a:lnTo>
                    <a:pt x="372" y="1049"/>
                  </a:lnTo>
                  <a:lnTo>
                    <a:pt x="342" y="1053"/>
                  </a:lnTo>
                  <a:lnTo>
                    <a:pt x="324" y="1051"/>
                  </a:lnTo>
                  <a:lnTo>
                    <a:pt x="318" y="1051"/>
                  </a:lnTo>
                  <a:lnTo>
                    <a:pt x="320" y="1057"/>
                  </a:lnTo>
                  <a:lnTo>
                    <a:pt x="324" y="1061"/>
                  </a:lnTo>
                  <a:lnTo>
                    <a:pt x="318" y="1069"/>
                  </a:lnTo>
                  <a:lnTo>
                    <a:pt x="304" y="1061"/>
                  </a:lnTo>
                  <a:lnTo>
                    <a:pt x="286" y="1055"/>
                  </a:lnTo>
                  <a:lnTo>
                    <a:pt x="276" y="1057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95" name="Freeform 77"/>
            <p:cNvSpPr>
              <a:spLocks/>
            </p:cNvSpPr>
            <p:nvPr/>
          </p:nvSpPr>
          <p:spPr bwMode="auto">
            <a:xfrm>
              <a:off x="848" y="2563"/>
              <a:ext cx="204" cy="158"/>
            </a:xfrm>
            <a:custGeom>
              <a:avLst/>
              <a:gdLst>
                <a:gd name="T0" fmla="*/ 92 w 204"/>
                <a:gd name="T1" fmla="*/ 8 h 158"/>
                <a:gd name="T2" fmla="*/ 112 w 204"/>
                <a:gd name="T3" fmla="*/ 4 h 158"/>
                <a:gd name="T4" fmla="*/ 122 w 204"/>
                <a:gd name="T5" fmla="*/ 0 h 158"/>
                <a:gd name="T6" fmla="*/ 164 w 204"/>
                <a:gd name="T7" fmla="*/ 2 h 158"/>
                <a:gd name="T8" fmla="*/ 176 w 204"/>
                <a:gd name="T9" fmla="*/ 14 h 158"/>
                <a:gd name="T10" fmla="*/ 182 w 204"/>
                <a:gd name="T11" fmla="*/ 32 h 158"/>
                <a:gd name="T12" fmla="*/ 184 w 204"/>
                <a:gd name="T13" fmla="*/ 50 h 158"/>
                <a:gd name="T14" fmla="*/ 194 w 204"/>
                <a:gd name="T15" fmla="*/ 62 h 158"/>
                <a:gd name="T16" fmla="*/ 190 w 204"/>
                <a:gd name="T17" fmla="*/ 74 h 158"/>
                <a:gd name="T18" fmla="*/ 182 w 204"/>
                <a:gd name="T19" fmla="*/ 82 h 158"/>
                <a:gd name="T20" fmla="*/ 200 w 204"/>
                <a:gd name="T21" fmla="*/ 90 h 158"/>
                <a:gd name="T22" fmla="*/ 202 w 204"/>
                <a:gd name="T23" fmla="*/ 106 h 158"/>
                <a:gd name="T24" fmla="*/ 194 w 204"/>
                <a:gd name="T25" fmla="*/ 108 h 158"/>
                <a:gd name="T26" fmla="*/ 190 w 204"/>
                <a:gd name="T27" fmla="*/ 112 h 158"/>
                <a:gd name="T28" fmla="*/ 194 w 204"/>
                <a:gd name="T29" fmla="*/ 124 h 158"/>
                <a:gd name="T30" fmla="*/ 180 w 204"/>
                <a:gd name="T31" fmla="*/ 138 h 158"/>
                <a:gd name="T32" fmla="*/ 164 w 204"/>
                <a:gd name="T33" fmla="*/ 142 h 158"/>
                <a:gd name="T34" fmla="*/ 144 w 204"/>
                <a:gd name="T35" fmla="*/ 158 h 158"/>
                <a:gd name="T36" fmla="*/ 130 w 204"/>
                <a:gd name="T37" fmla="*/ 146 h 158"/>
                <a:gd name="T38" fmla="*/ 104 w 204"/>
                <a:gd name="T39" fmla="*/ 142 h 158"/>
                <a:gd name="T40" fmla="*/ 98 w 204"/>
                <a:gd name="T41" fmla="*/ 124 h 158"/>
                <a:gd name="T42" fmla="*/ 92 w 204"/>
                <a:gd name="T43" fmla="*/ 102 h 158"/>
                <a:gd name="T44" fmla="*/ 68 w 204"/>
                <a:gd name="T45" fmla="*/ 100 h 158"/>
                <a:gd name="T46" fmla="*/ 54 w 204"/>
                <a:gd name="T47" fmla="*/ 124 h 158"/>
                <a:gd name="T48" fmla="*/ 24 w 204"/>
                <a:gd name="T49" fmla="*/ 106 h 158"/>
                <a:gd name="T50" fmla="*/ 0 w 204"/>
                <a:gd name="T51" fmla="*/ 74 h 158"/>
                <a:gd name="T52" fmla="*/ 14 w 204"/>
                <a:gd name="T53" fmla="*/ 58 h 158"/>
                <a:gd name="T54" fmla="*/ 32 w 204"/>
                <a:gd name="T55" fmla="*/ 62 h 158"/>
                <a:gd name="T56" fmla="*/ 30 w 204"/>
                <a:gd name="T57" fmla="*/ 48 h 158"/>
                <a:gd name="T58" fmla="*/ 34 w 204"/>
                <a:gd name="T59" fmla="*/ 40 h 158"/>
                <a:gd name="T60" fmla="*/ 56 w 204"/>
                <a:gd name="T61" fmla="*/ 40 h 158"/>
                <a:gd name="T62" fmla="*/ 74 w 204"/>
                <a:gd name="T63" fmla="*/ 14 h 158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0" t="0" r="r" b="b"/>
              <a:pathLst>
                <a:path w="204" h="158">
                  <a:moveTo>
                    <a:pt x="80" y="6"/>
                  </a:moveTo>
                  <a:lnTo>
                    <a:pt x="92" y="8"/>
                  </a:lnTo>
                  <a:lnTo>
                    <a:pt x="102" y="10"/>
                  </a:lnTo>
                  <a:lnTo>
                    <a:pt x="112" y="4"/>
                  </a:lnTo>
                  <a:lnTo>
                    <a:pt x="114" y="2"/>
                  </a:lnTo>
                  <a:lnTo>
                    <a:pt x="122" y="0"/>
                  </a:lnTo>
                  <a:lnTo>
                    <a:pt x="140" y="2"/>
                  </a:lnTo>
                  <a:lnTo>
                    <a:pt x="164" y="2"/>
                  </a:lnTo>
                  <a:lnTo>
                    <a:pt x="174" y="8"/>
                  </a:lnTo>
                  <a:lnTo>
                    <a:pt x="176" y="14"/>
                  </a:lnTo>
                  <a:lnTo>
                    <a:pt x="176" y="26"/>
                  </a:lnTo>
                  <a:lnTo>
                    <a:pt x="182" y="32"/>
                  </a:lnTo>
                  <a:lnTo>
                    <a:pt x="180" y="40"/>
                  </a:lnTo>
                  <a:lnTo>
                    <a:pt x="184" y="50"/>
                  </a:lnTo>
                  <a:lnTo>
                    <a:pt x="186" y="60"/>
                  </a:lnTo>
                  <a:lnTo>
                    <a:pt x="194" y="62"/>
                  </a:lnTo>
                  <a:lnTo>
                    <a:pt x="194" y="68"/>
                  </a:lnTo>
                  <a:lnTo>
                    <a:pt x="190" y="74"/>
                  </a:lnTo>
                  <a:lnTo>
                    <a:pt x="182" y="76"/>
                  </a:lnTo>
                  <a:lnTo>
                    <a:pt x="182" y="82"/>
                  </a:lnTo>
                  <a:lnTo>
                    <a:pt x="190" y="82"/>
                  </a:lnTo>
                  <a:lnTo>
                    <a:pt x="200" y="90"/>
                  </a:lnTo>
                  <a:lnTo>
                    <a:pt x="204" y="94"/>
                  </a:lnTo>
                  <a:lnTo>
                    <a:pt x="202" y="106"/>
                  </a:lnTo>
                  <a:lnTo>
                    <a:pt x="198" y="114"/>
                  </a:lnTo>
                  <a:lnTo>
                    <a:pt x="194" y="108"/>
                  </a:lnTo>
                  <a:lnTo>
                    <a:pt x="192" y="110"/>
                  </a:lnTo>
                  <a:lnTo>
                    <a:pt x="190" y="112"/>
                  </a:lnTo>
                  <a:lnTo>
                    <a:pt x="192" y="120"/>
                  </a:lnTo>
                  <a:lnTo>
                    <a:pt x="194" y="124"/>
                  </a:lnTo>
                  <a:lnTo>
                    <a:pt x="188" y="130"/>
                  </a:lnTo>
                  <a:lnTo>
                    <a:pt x="180" y="138"/>
                  </a:lnTo>
                  <a:lnTo>
                    <a:pt x="168" y="138"/>
                  </a:lnTo>
                  <a:lnTo>
                    <a:pt x="164" y="142"/>
                  </a:lnTo>
                  <a:lnTo>
                    <a:pt x="156" y="150"/>
                  </a:lnTo>
                  <a:lnTo>
                    <a:pt x="144" y="158"/>
                  </a:lnTo>
                  <a:lnTo>
                    <a:pt x="136" y="156"/>
                  </a:lnTo>
                  <a:lnTo>
                    <a:pt x="130" y="146"/>
                  </a:lnTo>
                  <a:lnTo>
                    <a:pt x="118" y="144"/>
                  </a:lnTo>
                  <a:lnTo>
                    <a:pt x="104" y="142"/>
                  </a:lnTo>
                  <a:lnTo>
                    <a:pt x="106" y="126"/>
                  </a:lnTo>
                  <a:lnTo>
                    <a:pt x="98" y="124"/>
                  </a:lnTo>
                  <a:lnTo>
                    <a:pt x="92" y="118"/>
                  </a:lnTo>
                  <a:lnTo>
                    <a:pt x="92" y="102"/>
                  </a:lnTo>
                  <a:lnTo>
                    <a:pt x="84" y="94"/>
                  </a:lnTo>
                  <a:lnTo>
                    <a:pt x="68" y="100"/>
                  </a:lnTo>
                  <a:lnTo>
                    <a:pt x="68" y="114"/>
                  </a:lnTo>
                  <a:lnTo>
                    <a:pt x="54" y="124"/>
                  </a:lnTo>
                  <a:lnTo>
                    <a:pt x="32" y="116"/>
                  </a:lnTo>
                  <a:lnTo>
                    <a:pt x="24" y="106"/>
                  </a:lnTo>
                  <a:lnTo>
                    <a:pt x="16" y="102"/>
                  </a:lnTo>
                  <a:lnTo>
                    <a:pt x="0" y="74"/>
                  </a:lnTo>
                  <a:lnTo>
                    <a:pt x="8" y="66"/>
                  </a:lnTo>
                  <a:lnTo>
                    <a:pt x="14" y="58"/>
                  </a:lnTo>
                  <a:lnTo>
                    <a:pt x="20" y="62"/>
                  </a:lnTo>
                  <a:lnTo>
                    <a:pt x="32" y="62"/>
                  </a:lnTo>
                  <a:lnTo>
                    <a:pt x="38" y="56"/>
                  </a:lnTo>
                  <a:lnTo>
                    <a:pt x="30" y="48"/>
                  </a:lnTo>
                  <a:lnTo>
                    <a:pt x="24" y="38"/>
                  </a:lnTo>
                  <a:lnTo>
                    <a:pt x="34" y="40"/>
                  </a:lnTo>
                  <a:lnTo>
                    <a:pt x="42" y="42"/>
                  </a:lnTo>
                  <a:lnTo>
                    <a:pt x="56" y="40"/>
                  </a:lnTo>
                  <a:lnTo>
                    <a:pt x="60" y="30"/>
                  </a:lnTo>
                  <a:lnTo>
                    <a:pt x="74" y="14"/>
                  </a:lnTo>
                  <a:lnTo>
                    <a:pt x="80" y="6"/>
                  </a:lnTo>
                  <a:close/>
                </a:path>
              </a:pathLst>
            </a:custGeom>
            <a:solidFill>
              <a:srgbClr val="FF00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30101" name="Freeform 78"/>
          <p:cNvSpPr>
            <a:spLocks/>
          </p:cNvSpPr>
          <p:nvPr/>
        </p:nvSpPr>
        <p:spPr bwMode="auto">
          <a:xfrm>
            <a:off x="5014913" y="2719388"/>
            <a:ext cx="266700" cy="496887"/>
          </a:xfrm>
          <a:custGeom>
            <a:avLst/>
            <a:gdLst>
              <a:gd name="T0" fmla="*/ 2147483647 w 207"/>
              <a:gd name="T1" fmla="*/ 2147483647 h 384"/>
              <a:gd name="T2" fmla="*/ 2147483647 w 207"/>
              <a:gd name="T3" fmla="*/ 2147483647 h 384"/>
              <a:gd name="T4" fmla="*/ 2147483647 w 207"/>
              <a:gd name="T5" fmla="*/ 2147483647 h 384"/>
              <a:gd name="T6" fmla="*/ 0 w 207"/>
              <a:gd name="T7" fmla="*/ 2147483647 h 384"/>
              <a:gd name="T8" fmla="*/ 2147483647 w 207"/>
              <a:gd name="T9" fmla="*/ 2147483647 h 384"/>
              <a:gd name="T10" fmla="*/ 2147483647 w 207"/>
              <a:gd name="T11" fmla="*/ 2147483647 h 384"/>
              <a:gd name="T12" fmla="*/ 0 w 207"/>
              <a:gd name="T13" fmla="*/ 2147483647 h 384"/>
              <a:gd name="T14" fmla="*/ 2147483647 w 207"/>
              <a:gd name="T15" fmla="*/ 2147483647 h 384"/>
              <a:gd name="T16" fmla="*/ 2147483647 w 207"/>
              <a:gd name="T17" fmla="*/ 2147483647 h 384"/>
              <a:gd name="T18" fmla="*/ 2147483647 w 207"/>
              <a:gd name="T19" fmla="*/ 2147483647 h 384"/>
              <a:gd name="T20" fmla="*/ 2147483647 w 207"/>
              <a:gd name="T21" fmla="*/ 2147483647 h 384"/>
              <a:gd name="T22" fmla="*/ 2147483647 w 207"/>
              <a:gd name="T23" fmla="*/ 2147483647 h 384"/>
              <a:gd name="T24" fmla="*/ 2147483647 w 207"/>
              <a:gd name="T25" fmla="*/ 2147483647 h 384"/>
              <a:gd name="T26" fmla="*/ 2147483647 w 207"/>
              <a:gd name="T27" fmla="*/ 2147483647 h 384"/>
              <a:gd name="T28" fmla="*/ 2147483647 w 207"/>
              <a:gd name="T29" fmla="*/ 2147483647 h 384"/>
              <a:gd name="T30" fmla="*/ 2147483647 w 207"/>
              <a:gd name="T31" fmla="*/ 2147483647 h 384"/>
              <a:gd name="T32" fmla="*/ 2147483647 w 207"/>
              <a:gd name="T33" fmla="*/ 2147483647 h 384"/>
              <a:gd name="T34" fmla="*/ 2147483647 w 207"/>
              <a:gd name="T35" fmla="*/ 2147483647 h 384"/>
              <a:gd name="T36" fmla="*/ 2147483647 w 207"/>
              <a:gd name="T37" fmla="*/ 2147483647 h 384"/>
              <a:gd name="T38" fmla="*/ 2147483647 w 207"/>
              <a:gd name="T39" fmla="*/ 2147483647 h 384"/>
              <a:gd name="T40" fmla="*/ 2147483647 w 207"/>
              <a:gd name="T41" fmla="*/ 2147483647 h 384"/>
              <a:gd name="T42" fmla="*/ 2147483647 w 207"/>
              <a:gd name="T43" fmla="*/ 0 h 384"/>
              <a:gd name="T44" fmla="*/ 2147483647 w 207"/>
              <a:gd name="T45" fmla="*/ 2147483647 h 384"/>
              <a:gd name="T46" fmla="*/ 2147483647 w 207"/>
              <a:gd name="T47" fmla="*/ 2147483647 h 384"/>
              <a:gd name="T48" fmla="*/ 2147483647 w 207"/>
              <a:gd name="T49" fmla="*/ 2147483647 h 384"/>
              <a:gd name="T50" fmla="*/ 2147483647 w 207"/>
              <a:gd name="T51" fmla="*/ 2147483647 h 384"/>
              <a:gd name="T52" fmla="*/ 2147483647 w 207"/>
              <a:gd name="T53" fmla="*/ 2147483647 h 384"/>
              <a:gd name="T54" fmla="*/ 2147483647 w 207"/>
              <a:gd name="T55" fmla="*/ 2147483647 h 384"/>
              <a:gd name="T56" fmla="*/ 2147483647 w 207"/>
              <a:gd name="T57" fmla="*/ 2147483647 h 384"/>
              <a:gd name="T58" fmla="*/ 2147483647 w 207"/>
              <a:gd name="T59" fmla="*/ 2147483647 h 384"/>
              <a:gd name="T60" fmla="*/ 2147483647 w 207"/>
              <a:gd name="T61" fmla="*/ 2147483647 h 384"/>
              <a:gd name="T62" fmla="*/ 2147483647 w 207"/>
              <a:gd name="T63" fmla="*/ 2147483647 h 384"/>
              <a:gd name="T64" fmla="*/ 2147483647 w 207"/>
              <a:gd name="T65" fmla="*/ 2147483647 h 384"/>
              <a:gd name="T66" fmla="*/ 2147483647 w 207"/>
              <a:gd name="T67" fmla="*/ 2147483647 h 384"/>
              <a:gd name="T68" fmla="*/ 2147483647 w 207"/>
              <a:gd name="T69" fmla="*/ 2147483647 h 384"/>
              <a:gd name="T70" fmla="*/ 2147483647 w 207"/>
              <a:gd name="T71" fmla="*/ 2147483647 h 384"/>
              <a:gd name="T72" fmla="*/ 2147483647 w 207"/>
              <a:gd name="T73" fmla="*/ 2147483647 h 384"/>
              <a:gd name="T74" fmla="*/ 2147483647 w 207"/>
              <a:gd name="T75" fmla="*/ 2147483647 h 384"/>
              <a:gd name="T76" fmla="*/ 2147483647 w 207"/>
              <a:gd name="T77" fmla="*/ 2147483647 h 384"/>
              <a:gd name="T78" fmla="*/ 2147483647 w 207"/>
              <a:gd name="T79" fmla="*/ 2147483647 h 384"/>
              <a:gd name="T80" fmla="*/ 2147483647 w 207"/>
              <a:gd name="T81" fmla="*/ 2147483647 h 384"/>
              <a:gd name="T82" fmla="*/ 2147483647 w 207"/>
              <a:gd name="T83" fmla="*/ 2147483647 h 384"/>
              <a:gd name="T84" fmla="*/ 2147483647 w 207"/>
              <a:gd name="T85" fmla="*/ 2147483647 h 384"/>
              <a:gd name="T86" fmla="*/ 2147483647 w 207"/>
              <a:gd name="T87" fmla="*/ 2147483647 h 384"/>
              <a:gd name="T88" fmla="*/ 2147483647 w 207"/>
              <a:gd name="T89" fmla="*/ 2147483647 h 384"/>
              <a:gd name="T90" fmla="*/ 2147483647 w 207"/>
              <a:gd name="T91" fmla="*/ 2147483647 h 384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0" t="0" r="r" b="b"/>
            <a:pathLst>
              <a:path w="207" h="384">
                <a:moveTo>
                  <a:pt x="36" y="364"/>
                </a:moveTo>
                <a:lnTo>
                  <a:pt x="30" y="360"/>
                </a:lnTo>
                <a:lnTo>
                  <a:pt x="22" y="350"/>
                </a:lnTo>
                <a:lnTo>
                  <a:pt x="28" y="342"/>
                </a:lnTo>
                <a:lnTo>
                  <a:pt x="38" y="330"/>
                </a:lnTo>
                <a:lnTo>
                  <a:pt x="38" y="314"/>
                </a:lnTo>
                <a:lnTo>
                  <a:pt x="38" y="302"/>
                </a:lnTo>
                <a:lnTo>
                  <a:pt x="36" y="296"/>
                </a:lnTo>
                <a:lnTo>
                  <a:pt x="26" y="298"/>
                </a:lnTo>
                <a:lnTo>
                  <a:pt x="16" y="292"/>
                </a:lnTo>
                <a:lnTo>
                  <a:pt x="8" y="288"/>
                </a:lnTo>
                <a:lnTo>
                  <a:pt x="0" y="278"/>
                </a:lnTo>
                <a:lnTo>
                  <a:pt x="0" y="264"/>
                </a:lnTo>
                <a:lnTo>
                  <a:pt x="6" y="244"/>
                </a:lnTo>
                <a:lnTo>
                  <a:pt x="14" y="242"/>
                </a:lnTo>
                <a:lnTo>
                  <a:pt x="18" y="238"/>
                </a:lnTo>
                <a:lnTo>
                  <a:pt x="22" y="232"/>
                </a:lnTo>
                <a:lnTo>
                  <a:pt x="18" y="224"/>
                </a:lnTo>
                <a:lnTo>
                  <a:pt x="10" y="214"/>
                </a:lnTo>
                <a:lnTo>
                  <a:pt x="0" y="218"/>
                </a:lnTo>
                <a:lnTo>
                  <a:pt x="0" y="188"/>
                </a:lnTo>
                <a:lnTo>
                  <a:pt x="0" y="160"/>
                </a:lnTo>
                <a:lnTo>
                  <a:pt x="2" y="150"/>
                </a:lnTo>
                <a:lnTo>
                  <a:pt x="6" y="136"/>
                </a:lnTo>
                <a:lnTo>
                  <a:pt x="10" y="142"/>
                </a:lnTo>
                <a:lnTo>
                  <a:pt x="18" y="150"/>
                </a:lnTo>
                <a:lnTo>
                  <a:pt x="30" y="150"/>
                </a:lnTo>
                <a:lnTo>
                  <a:pt x="34" y="158"/>
                </a:lnTo>
                <a:lnTo>
                  <a:pt x="46" y="162"/>
                </a:lnTo>
                <a:lnTo>
                  <a:pt x="48" y="154"/>
                </a:lnTo>
                <a:lnTo>
                  <a:pt x="50" y="142"/>
                </a:lnTo>
                <a:lnTo>
                  <a:pt x="56" y="134"/>
                </a:lnTo>
                <a:lnTo>
                  <a:pt x="56" y="126"/>
                </a:lnTo>
                <a:lnTo>
                  <a:pt x="68" y="126"/>
                </a:lnTo>
                <a:lnTo>
                  <a:pt x="76" y="132"/>
                </a:lnTo>
                <a:lnTo>
                  <a:pt x="74" y="140"/>
                </a:lnTo>
                <a:lnTo>
                  <a:pt x="84" y="150"/>
                </a:lnTo>
                <a:lnTo>
                  <a:pt x="91" y="140"/>
                </a:lnTo>
                <a:lnTo>
                  <a:pt x="84" y="126"/>
                </a:lnTo>
                <a:lnTo>
                  <a:pt x="82" y="110"/>
                </a:lnTo>
                <a:lnTo>
                  <a:pt x="82" y="98"/>
                </a:lnTo>
                <a:lnTo>
                  <a:pt x="82" y="94"/>
                </a:lnTo>
                <a:lnTo>
                  <a:pt x="64" y="94"/>
                </a:lnTo>
                <a:lnTo>
                  <a:pt x="54" y="100"/>
                </a:lnTo>
                <a:lnTo>
                  <a:pt x="42" y="102"/>
                </a:lnTo>
                <a:lnTo>
                  <a:pt x="38" y="112"/>
                </a:lnTo>
                <a:lnTo>
                  <a:pt x="38" y="120"/>
                </a:lnTo>
                <a:lnTo>
                  <a:pt x="30" y="120"/>
                </a:lnTo>
                <a:lnTo>
                  <a:pt x="30" y="130"/>
                </a:lnTo>
                <a:lnTo>
                  <a:pt x="28" y="138"/>
                </a:lnTo>
                <a:lnTo>
                  <a:pt x="20" y="136"/>
                </a:lnTo>
                <a:lnTo>
                  <a:pt x="12" y="124"/>
                </a:lnTo>
                <a:lnTo>
                  <a:pt x="18" y="106"/>
                </a:lnTo>
                <a:lnTo>
                  <a:pt x="30" y="90"/>
                </a:lnTo>
                <a:lnTo>
                  <a:pt x="40" y="84"/>
                </a:lnTo>
                <a:lnTo>
                  <a:pt x="62" y="80"/>
                </a:lnTo>
                <a:lnTo>
                  <a:pt x="68" y="76"/>
                </a:lnTo>
                <a:lnTo>
                  <a:pt x="93" y="78"/>
                </a:lnTo>
                <a:lnTo>
                  <a:pt x="109" y="60"/>
                </a:lnTo>
                <a:lnTo>
                  <a:pt x="123" y="38"/>
                </a:lnTo>
                <a:lnTo>
                  <a:pt x="133" y="20"/>
                </a:lnTo>
                <a:lnTo>
                  <a:pt x="147" y="20"/>
                </a:lnTo>
                <a:lnTo>
                  <a:pt x="159" y="14"/>
                </a:lnTo>
                <a:lnTo>
                  <a:pt x="167" y="6"/>
                </a:lnTo>
                <a:lnTo>
                  <a:pt x="175" y="0"/>
                </a:lnTo>
                <a:lnTo>
                  <a:pt x="179" y="0"/>
                </a:lnTo>
                <a:lnTo>
                  <a:pt x="177" y="8"/>
                </a:lnTo>
                <a:lnTo>
                  <a:pt x="165" y="20"/>
                </a:lnTo>
                <a:lnTo>
                  <a:pt x="169" y="30"/>
                </a:lnTo>
                <a:lnTo>
                  <a:pt x="175" y="40"/>
                </a:lnTo>
                <a:lnTo>
                  <a:pt x="175" y="66"/>
                </a:lnTo>
                <a:lnTo>
                  <a:pt x="169" y="74"/>
                </a:lnTo>
                <a:lnTo>
                  <a:pt x="167" y="84"/>
                </a:lnTo>
                <a:lnTo>
                  <a:pt x="163" y="92"/>
                </a:lnTo>
                <a:lnTo>
                  <a:pt x="155" y="98"/>
                </a:lnTo>
                <a:lnTo>
                  <a:pt x="147" y="94"/>
                </a:lnTo>
                <a:lnTo>
                  <a:pt x="155" y="104"/>
                </a:lnTo>
                <a:lnTo>
                  <a:pt x="157" y="112"/>
                </a:lnTo>
                <a:lnTo>
                  <a:pt x="159" y="124"/>
                </a:lnTo>
                <a:lnTo>
                  <a:pt x="159" y="136"/>
                </a:lnTo>
                <a:lnTo>
                  <a:pt x="149" y="138"/>
                </a:lnTo>
                <a:lnTo>
                  <a:pt x="163" y="138"/>
                </a:lnTo>
                <a:lnTo>
                  <a:pt x="163" y="146"/>
                </a:lnTo>
                <a:lnTo>
                  <a:pt x="155" y="152"/>
                </a:lnTo>
                <a:lnTo>
                  <a:pt x="157" y="156"/>
                </a:lnTo>
                <a:lnTo>
                  <a:pt x="163" y="150"/>
                </a:lnTo>
                <a:lnTo>
                  <a:pt x="169" y="158"/>
                </a:lnTo>
                <a:lnTo>
                  <a:pt x="177" y="158"/>
                </a:lnTo>
                <a:lnTo>
                  <a:pt x="193" y="156"/>
                </a:lnTo>
                <a:lnTo>
                  <a:pt x="197" y="158"/>
                </a:lnTo>
                <a:lnTo>
                  <a:pt x="203" y="160"/>
                </a:lnTo>
                <a:lnTo>
                  <a:pt x="207" y="176"/>
                </a:lnTo>
                <a:lnTo>
                  <a:pt x="205" y="182"/>
                </a:lnTo>
                <a:lnTo>
                  <a:pt x="195" y="192"/>
                </a:lnTo>
                <a:lnTo>
                  <a:pt x="191" y="200"/>
                </a:lnTo>
                <a:lnTo>
                  <a:pt x="187" y="204"/>
                </a:lnTo>
                <a:lnTo>
                  <a:pt x="177" y="212"/>
                </a:lnTo>
                <a:lnTo>
                  <a:pt x="177" y="202"/>
                </a:lnTo>
                <a:lnTo>
                  <a:pt x="171" y="200"/>
                </a:lnTo>
                <a:lnTo>
                  <a:pt x="169" y="206"/>
                </a:lnTo>
                <a:lnTo>
                  <a:pt x="161" y="202"/>
                </a:lnTo>
                <a:lnTo>
                  <a:pt x="155" y="200"/>
                </a:lnTo>
                <a:lnTo>
                  <a:pt x="155" y="212"/>
                </a:lnTo>
                <a:lnTo>
                  <a:pt x="157" y="226"/>
                </a:lnTo>
                <a:lnTo>
                  <a:pt x="155" y="236"/>
                </a:lnTo>
                <a:lnTo>
                  <a:pt x="155" y="244"/>
                </a:lnTo>
                <a:lnTo>
                  <a:pt x="147" y="244"/>
                </a:lnTo>
                <a:lnTo>
                  <a:pt x="141" y="240"/>
                </a:lnTo>
                <a:lnTo>
                  <a:pt x="137" y="244"/>
                </a:lnTo>
                <a:lnTo>
                  <a:pt x="141" y="252"/>
                </a:lnTo>
                <a:lnTo>
                  <a:pt x="141" y="264"/>
                </a:lnTo>
                <a:lnTo>
                  <a:pt x="131" y="268"/>
                </a:lnTo>
                <a:lnTo>
                  <a:pt x="125" y="272"/>
                </a:lnTo>
                <a:lnTo>
                  <a:pt x="125" y="278"/>
                </a:lnTo>
                <a:lnTo>
                  <a:pt x="127" y="284"/>
                </a:lnTo>
                <a:lnTo>
                  <a:pt x="121" y="288"/>
                </a:lnTo>
                <a:lnTo>
                  <a:pt x="111" y="286"/>
                </a:lnTo>
                <a:lnTo>
                  <a:pt x="109" y="296"/>
                </a:lnTo>
                <a:lnTo>
                  <a:pt x="109" y="308"/>
                </a:lnTo>
                <a:lnTo>
                  <a:pt x="113" y="316"/>
                </a:lnTo>
                <a:lnTo>
                  <a:pt x="113" y="326"/>
                </a:lnTo>
                <a:lnTo>
                  <a:pt x="109" y="332"/>
                </a:lnTo>
                <a:lnTo>
                  <a:pt x="101" y="334"/>
                </a:lnTo>
                <a:lnTo>
                  <a:pt x="105" y="348"/>
                </a:lnTo>
                <a:lnTo>
                  <a:pt x="111" y="350"/>
                </a:lnTo>
                <a:lnTo>
                  <a:pt x="119" y="346"/>
                </a:lnTo>
                <a:lnTo>
                  <a:pt x="129" y="348"/>
                </a:lnTo>
                <a:lnTo>
                  <a:pt x="135" y="354"/>
                </a:lnTo>
                <a:lnTo>
                  <a:pt x="143" y="366"/>
                </a:lnTo>
                <a:lnTo>
                  <a:pt x="143" y="372"/>
                </a:lnTo>
                <a:lnTo>
                  <a:pt x="137" y="384"/>
                </a:lnTo>
                <a:lnTo>
                  <a:pt x="131" y="380"/>
                </a:lnTo>
                <a:lnTo>
                  <a:pt x="117" y="378"/>
                </a:lnTo>
                <a:lnTo>
                  <a:pt x="105" y="366"/>
                </a:lnTo>
                <a:lnTo>
                  <a:pt x="97" y="380"/>
                </a:lnTo>
                <a:lnTo>
                  <a:pt x="82" y="380"/>
                </a:lnTo>
                <a:lnTo>
                  <a:pt x="72" y="370"/>
                </a:lnTo>
                <a:lnTo>
                  <a:pt x="58" y="366"/>
                </a:lnTo>
                <a:lnTo>
                  <a:pt x="36" y="364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02" name="Freeform 79"/>
          <p:cNvSpPr>
            <a:spLocks/>
          </p:cNvSpPr>
          <p:nvPr/>
        </p:nvSpPr>
        <p:spPr bwMode="auto">
          <a:xfrm>
            <a:off x="5173663" y="3074988"/>
            <a:ext cx="98425" cy="98425"/>
          </a:xfrm>
          <a:custGeom>
            <a:avLst/>
            <a:gdLst>
              <a:gd name="T0" fmla="*/ 2147483647 w 76"/>
              <a:gd name="T1" fmla="*/ 2147483647 h 76"/>
              <a:gd name="T2" fmla="*/ 2147483647 w 76"/>
              <a:gd name="T3" fmla="*/ 2147483647 h 76"/>
              <a:gd name="T4" fmla="*/ 2147483647 w 76"/>
              <a:gd name="T5" fmla="*/ 2147483647 h 76"/>
              <a:gd name="T6" fmla="*/ 2147483647 w 76"/>
              <a:gd name="T7" fmla="*/ 2147483647 h 76"/>
              <a:gd name="T8" fmla="*/ 2147483647 w 76"/>
              <a:gd name="T9" fmla="*/ 2147483647 h 76"/>
              <a:gd name="T10" fmla="*/ 2147483647 w 76"/>
              <a:gd name="T11" fmla="*/ 0 h 76"/>
              <a:gd name="T12" fmla="*/ 2147483647 w 76"/>
              <a:gd name="T13" fmla="*/ 2147483647 h 76"/>
              <a:gd name="T14" fmla="*/ 2147483647 w 76"/>
              <a:gd name="T15" fmla="*/ 2147483647 h 76"/>
              <a:gd name="T16" fmla="*/ 2147483647 w 76"/>
              <a:gd name="T17" fmla="*/ 2147483647 h 76"/>
              <a:gd name="T18" fmla="*/ 2147483647 w 76"/>
              <a:gd name="T19" fmla="*/ 2147483647 h 76"/>
              <a:gd name="T20" fmla="*/ 2147483647 w 76"/>
              <a:gd name="T21" fmla="*/ 2147483647 h 76"/>
              <a:gd name="T22" fmla="*/ 2147483647 w 76"/>
              <a:gd name="T23" fmla="*/ 2147483647 h 76"/>
              <a:gd name="T24" fmla="*/ 2147483647 w 76"/>
              <a:gd name="T25" fmla="*/ 2147483647 h 76"/>
              <a:gd name="T26" fmla="*/ 2147483647 w 76"/>
              <a:gd name="T27" fmla="*/ 2147483647 h 76"/>
              <a:gd name="T28" fmla="*/ 2147483647 w 76"/>
              <a:gd name="T29" fmla="*/ 2147483647 h 76"/>
              <a:gd name="T30" fmla="*/ 2147483647 w 76"/>
              <a:gd name="T31" fmla="*/ 2147483647 h 76"/>
              <a:gd name="T32" fmla="*/ 2147483647 w 76"/>
              <a:gd name="T33" fmla="*/ 2147483647 h 76"/>
              <a:gd name="T34" fmla="*/ 2147483647 w 76"/>
              <a:gd name="T35" fmla="*/ 2147483647 h 76"/>
              <a:gd name="T36" fmla="*/ 2147483647 w 76"/>
              <a:gd name="T37" fmla="*/ 2147483647 h 76"/>
              <a:gd name="T38" fmla="*/ 2147483647 w 76"/>
              <a:gd name="T39" fmla="*/ 2147483647 h 76"/>
              <a:gd name="T40" fmla="*/ 2147483647 w 76"/>
              <a:gd name="T41" fmla="*/ 2147483647 h 76"/>
              <a:gd name="T42" fmla="*/ 2147483647 w 76"/>
              <a:gd name="T43" fmla="*/ 2147483647 h 76"/>
              <a:gd name="T44" fmla="*/ 2147483647 w 76"/>
              <a:gd name="T45" fmla="*/ 2147483647 h 76"/>
              <a:gd name="T46" fmla="*/ 2147483647 w 76"/>
              <a:gd name="T47" fmla="*/ 2147483647 h 76"/>
              <a:gd name="T48" fmla="*/ 2147483647 w 76"/>
              <a:gd name="T49" fmla="*/ 2147483647 h 76"/>
              <a:gd name="T50" fmla="*/ 2147483647 w 76"/>
              <a:gd name="T51" fmla="*/ 2147483647 h 76"/>
              <a:gd name="T52" fmla="*/ 0 w 76"/>
              <a:gd name="T53" fmla="*/ 2147483647 h 76"/>
              <a:gd name="T54" fmla="*/ 2147483647 w 76"/>
              <a:gd name="T55" fmla="*/ 2147483647 h 7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0" t="0" r="r" b="b"/>
            <a:pathLst>
              <a:path w="76" h="76">
                <a:moveTo>
                  <a:pt x="4" y="20"/>
                </a:moveTo>
                <a:lnTo>
                  <a:pt x="12" y="18"/>
                </a:lnTo>
                <a:lnTo>
                  <a:pt x="20" y="14"/>
                </a:lnTo>
                <a:lnTo>
                  <a:pt x="26" y="6"/>
                </a:lnTo>
                <a:lnTo>
                  <a:pt x="28" y="4"/>
                </a:lnTo>
                <a:lnTo>
                  <a:pt x="30" y="0"/>
                </a:lnTo>
                <a:lnTo>
                  <a:pt x="40" y="2"/>
                </a:lnTo>
                <a:lnTo>
                  <a:pt x="46" y="8"/>
                </a:lnTo>
                <a:lnTo>
                  <a:pt x="52" y="10"/>
                </a:lnTo>
                <a:lnTo>
                  <a:pt x="56" y="2"/>
                </a:lnTo>
                <a:lnTo>
                  <a:pt x="66" y="6"/>
                </a:lnTo>
                <a:lnTo>
                  <a:pt x="68" y="14"/>
                </a:lnTo>
                <a:lnTo>
                  <a:pt x="68" y="22"/>
                </a:lnTo>
                <a:lnTo>
                  <a:pt x="76" y="34"/>
                </a:lnTo>
                <a:lnTo>
                  <a:pt x="76" y="44"/>
                </a:lnTo>
                <a:lnTo>
                  <a:pt x="74" y="62"/>
                </a:lnTo>
                <a:lnTo>
                  <a:pt x="70" y="68"/>
                </a:lnTo>
                <a:lnTo>
                  <a:pt x="58" y="76"/>
                </a:lnTo>
                <a:lnTo>
                  <a:pt x="46" y="74"/>
                </a:lnTo>
                <a:lnTo>
                  <a:pt x="34" y="70"/>
                </a:lnTo>
                <a:lnTo>
                  <a:pt x="30" y="70"/>
                </a:lnTo>
                <a:lnTo>
                  <a:pt x="26" y="70"/>
                </a:lnTo>
                <a:lnTo>
                  <a:pt x="26" y="58"/>
                </a:lnTo>
                <a:lnTo>
                  <a:pt x="16" y="56"/>
                </a:lnTo>
                <a:lnTo>
                  <a:pt x="8" y="44"/>
                </a:lnTo>
                <a:lnTo>
                  <a:pt x="4" y="32"/>
                </a:lnTo>
                <a:lnTo>
                  <a:pt x="0" y="24"/>
                </a:lnTo>
                <a:lnTo>
                  <a:pt x="4" y="20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03" name="Freeform 80"/>
          <p:cNvSpPr>
            <a:spLocks/>
          </p:cNvSpPr>
          <p:nvPr/>
        </p:nvSpPr>
        <p:spPr bwMode="auto">
          <a:xfrm>
            <a:off x="5256213" y="3157538"/>
            <a:ext cx="31750" cy="65087"/>
          </a:xfrm>
          <a:custGeom>
            <a:avLst/>
            <a:gdLst>
              <a:gd name="T0" fmla="*/ 2147483647 w 24"/>
              <a:gd name="T1" fmla="*/ 2147483647 h 50"/>
              <a:gd name="T2" fmla="*/ 2147483647 w 24"/>
              <a:gd name="T3" fmla="*/ 2147483647 h 50"/>
              <a:gd name="T4" fmla="*/ 2147483647 w 24"/>
              <a:gd name="T5" fmla="*/ 2147483647 h 50"/>
              <a:gd name="T6" fmla="*/ 2147483647 w 24"/>
              <a:gd name="T7" fmla="*/ 0 h 50"/>
              <a:gd name="T8" fmla="*/ 2147483647 w 24"/>
              <a:gd name="T9" fmla="*/ 2147483647 h 50"/>
              <a:gd name="T10" fmla="*/ 2147483647 w 24"/>
              <a:gd name="T11" fmla="*/ 2147483647 h 50"/>
              <a:gd name="T12" fmla="*/ 2147483647 w 24"/>
              <a:gd name="T13" fmla="*/ 2147483647 h 50"/>
              <a:gd name="T14" fmla="*/ 2147483647 w 24"/>
              <a:gd name="T15" fmla="*/ 2147483647 h 50"/>
              <a:gd name="T16" fmla="*/ 2147483647 w 24"/>
              <a:gd name="T17" fmla="*/ 2147483647 h 50"/>
              <a:gd name="T18" fmla="*/ 2147483647 w 24"/>
              <a:gd name="T19" fmla="*/ 2147483647 h 50"/>
              <a:gd name="T20" fmla="*/ 0 w 24"/>
              <a:gd name="T21" fmla="*/ 2147483647 h 50"/>
              <a:gd name="T22" fmla="*/ 0 w 24"/>
              <a:gd name="T23" fmla="*/ 2147483647 h 50"/>
              <a:gd name="T24" fmla="*/ 2147483647 w 24"/>
              <a:gd name="T25" fmla="*/ 2147483647 h 50"/>
              <a:gd name="T26" fmla="*/ 2147483647 w 24"/>
              <a:gd name="T27" fmla="*/ 2147483647 h 50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4" h="50">
                <a:moveTo>
                  <a:pt x="4" y="24"/>
                </a:moveTo>
                <a:lnTo>
                  <a:pt x="12" y="16"/>
                </a:lnTo>
                <a:lnTo>
                  <a:pt x="12" y="4"/>
                </a:lnTo>
                <a:lnTo>
                  <a:pt x="20" y="0"/>
                </a:lnTo>
                <a:lnTo>
                  <a:pt x="24" y="8"/>
                </a:lnTo>
                <a:lnTo>
                  <a:pt x="20" y="16"/>
                </a:lnTo>
                <a:lnTo>
                  <a:pt x="18" y="24"/>
                </a:lnTo>
                <a:lnTo>
                  <a:pt x="12" y="32"/>
                </a:lnTo>
                <a:lnTo>
                  <a:pt x="12" y="44"/>
                </a:lnTo>
                <a:lnTo>
                  <a:pt x="8" y="50"/>
                </a:lnTo>
                <a:lnTo>
                  <a:pt x="0" y="46"/>
                </a:lnTo>
                <a:lnTo>
                  <a:pt x="0" y="38"/>
                </a:lnTo>
                <a:lnTo>
                  <a:pt x="4" y="28"/>
                </a:lnTo>
                <a:lnTo>
                  <a:pt x="4" y="24"/>
                </a:lnTo>
                <a:close/>
              </a:path>
            </a:pathLst>
          </a:custGeom>
          <a:solidFill>
            <a:srgbClr val="FF921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04" name="Freeform 81"/>
          <p:cNvSpPr>
            <a:spLocks/>
          </p:cNvSpPr>
          <p:nvPr/>
        </p:nvSpPr>
        <p:spPr bwMode="auto">
          <a:xfrm>
            <a:off x="5284788" y="2986088"/>
            <a:ext cx="163512" cy="257175"/>
          </a:xfrm>
          <a:custGeom>
            <a:avLst/>
            <a:gdLst>
              <a:gd name="T0" fmla="*/ 2147483647 w 126"/>
              <a:gd name="T1" fmla="*/ 2147483647 h 198"/>
              <a:gd name="T2" fmla="*/ 2147483647 w 126"/>
              <a:gd name="T3" fmla="*/ 2147483647 h 198"/>
              <a:gd name="T4" fmla="*/ 2147483647 w 126"/>
              <a:gd name="T5" fmla="*/ 2147483647 h 198"/>
              <a:gd name="T6" fmla="*/ 2147483647 w 126"/>
              <a:gd name="T7" fmla="*/ 2147483647 h 198"/>
              <a:gd name="T8" fmla="*/ 2147483647 w 126"/>
              <a:gd name="T9" fmla="*/ 2147483647 h 198"/>
              <a:gd name="T10" fmla="*/ 2147483647 w 126"/>
              <a:gd name="T11" fmla="*/ 2147483647 h 198"/>
              <a:gd name="T12" fmla="*/ 2147483647 w 126"/>
              <a:gd name="T13" fmla="*/ 2147483647 h 198"/>
              <a:gd name="T14" fmla="*/ 2147483647 w 126"/>
              <a:gd name="T15" fmla="*/ 2147483647 h 198"/>
              <a:gd name="T16" fmla="*/ 2147483647 w 126"/>
              <a:gd name="T17" fmla="*/ 2147483647 h 198"/>
              <a:gd name="T18" fmla="*/ 2147483647 w 126"/>
              <a:gd name="T19" fmla="*/ 2147483647 h 198"/>
              <a:gd name="T20" fmla="*/ 2147483647 w 126"/>
              <a:gd name="T21" fmla="*/ 2147483647 h 198"/>
              <a:gd name="T22" fmla="*/ 2147483647 w 126"/>
              <a:gd name="T23" fmla="*/ 2147483647 h 198"/>
              <a:gd name="T24" fmla="*/ 2147483647 w 126"/>
              <a:gd name="T25" fmla="*/ 2147483647 h 198"/>
              <a:gd name="T26" fmla="*/ 2147483647 w 126"/>
              <a:gd name="T27" fmla="*/ 2147483647 h 198"/>
              <a:gd name="T28" fmla="*/ 2147483647 w 126"/>
              <a:gd name="T29" fmla="*/ 2147483647 h 198"/>
              <a:gd name="T30" fmla="*/ 2147483647 w 126"/>
              <a:gd name="T31" fmla="*/ 2147483647 h 198"/>
              <a:gd name="T32" fmla="*/ 2147483647 w 126"/>
              <a:gd name="T33" fmla="*/ 0 h 198"/>
              <a:gd name="T34" fmla="*/ 2147483647 w 126"/>
              <a:gd name="T35" fmla="*/ 2147483647 h 198"/>
              <a:gd name="T36" fmla="*/ 2147483647 w 126"/>
              <a:gd name="T37" fmla="*/ 2147483647 h 198"/>
              <a:gd name="T38" fmla="*/ 2147483647 w 126"/>
              <a:gd name="T39" fmla="*/ 2147483647 h 198"/>
              <a:gd name="T40" fmla="*/ 2147483647 w 126"/>
              <a:gd name="T41" fmla="*/ 2147483647 h 198"/>
              <a:gd name="T42" fmla="*/ 2147483647 w 126"/>
              <a:gd name="T43" fmla="*/ 2147483647 h 198"/>
              <a:gd name="T44" fmla="*/ 2147483647 w 126"/>
              <a:gd name="T45" fmla="*/ 2147483647 h 198"/>
              <a:gd name="T46" fmla="*/ 2147483647 w 126"/>
              <a:gd name="T47" fmla="*/ 2147483647 h 198"/>
              <a:gd name="T48" fmla="*/ 2147483647 w 126"/>
              <a:gd name="T49" fmla="*/ 2147483647 h 198"/>
              <a:gd name="T50" fmla="*/ 2147483647 w 126"/>
              <a:gd name="T51" fmla="*/ 2147483647 h 198"/>
              <a:gd name="T52" fmla="*/ 2147483647 w 126"/>
              <a:gd name="T53" fmla="*/ 2147483647 h 198"/>
              <a:gd name="T54" fmla="*/ 2147483647 w 126"/>
              <a:gd name="T55" fmla="*/ 2147483647 h 198"/>
              <a:gd name="T56" fmla="*/ 2147483647 w 126"/>
              <a:gd name="T57" fmla="*/ 2147483647 h 198"/>
              <a:gd name="T58" fmla="*/ 2147483647 w 126"/>
              <a:gd name="T59" fmla="*/ 2147483647 h 198"/>
              <a:gd name="T60" fmla="*/ 2147483647 w 126"/>
              <a:gd name="T61" fmla="*/ 2147483647 h 198"/>
              <a:gd name="T62" fmla="*/ 2147483647 w 126"/>
              <a:gd name="T63" fmla="*/ 2147483647 h 198"/>
              <a:gd name="T64" fmla="*/ 2147483647 w 126"/>
              <a:gd name="T65" fmla="*/ 2147483647 h 198"/>
              <a:gd name="T66" fmla="*/ 2147483647 w 126"/>
              <a:gd name="T67" fmla="*/ 2147483647 h 198"/>
              <a:gd name="T68" fmla="*/ 2147483647 w 126"/>
              <a:gd name="T69" fmla="*/ 2147483647 h 198"/>
              <a:gd name="T70" fmla="*/ 2147483647 w 126"/>
              <a:gd name="T71" fmla="*/ 2147483647 h 198"/>
              <a:gd name="T72" fmla="*/ 2147483647 w 126"/>
              <a:gd name="T73" fmla="*/ 2147483647 h 198"/>
              <a:gd name="T74" fmla="*/ 2147483647 w 126"/>
              <a:gd name="T75" fmla="*/ 2147483647 h 198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0" t="0" r="r" b="b"/>
            <a:pathLst>
              <a:path w="126" h="198">
                <a:moveTo>
                  <a:pt x="14" y="156"/>
                </a:moveTo>
                <a:lnTo>
                  <a:pt x="22" y="154"/>
                </a:lnTo>
                <a:lnTo>
                  <a:pt x="32" y="162"/>
                </a:lnTo>
                <a:lnTo>
                  <a:pt x="44" y="168"/>
                </a:lnTo>
                <a:lnTo>
                  <a:pt x="56" y="160"/>
                </a:lnTo>
                <a:lnTo>
                  <a:pt x="62" y="150"/>
                </a:lnTo>
                <a:lnTo>
                  <a:pt x="68" y="146"/>
                </a:lnTo>
                <a:lnTo>
                  <a:pt x="58" y="140"/>
                </a:lnTo>
                <a:lnTo>
                  <a:pt x="56" y="134"/>
                </a:lnTo>
                <a:lnTo>
                  <a:pt x="58" y="124"/>
                </a:lnTo>
                <a:lnTo>
                  <a:pt x="48" y="122"/>
                </a:lnTo>
                <a:lnTo>
                  <a:pt x="38" y="122"/>
                </a:lnTo>
                <a:lnTo>
                  <a:pt x="24" y="122"/>
                </a:lnTo>
                <a:lnTo>
                  <a:pt x="22" y="112"/>
                </a:lnTo>
                <a:lnTo>
                  <a:pt x="16" y="106"/>
                </a:lnTo>
                <a:lnTo>
                  <a:pt x="14" y="94"/>
                </a:lnTo>
                <a:lnTo>
                  <a:pt x="8" y="90"/>
                </a:lnTo>
                <a:lnTo>
                  <a:pt x="2" y="90"/>
                </a:lnTo>
                <a:lnTo>
                  <a:pt x="0" y="80"/>
                </a:lnTo>
                <a:lnTo>
                  <a:pt x="8" y="68"/>
                </a:lnTo>
                <a:lnTo>
                  <a:pt x="18" y="58"/>
                </a:lnTo>
                <a:lnTo>
                  <a:pt x="28" y="48"/>
                </a:lnTo>
                <a:lnTo>
                  <a:pt x="34" y="34"/>
                </a:lnTo>
                <a:lnTo>
                  <a:pt x="42" y="34"/>
                </a:lnTo>
                <a:lnTo>
                  <a:pt x="50" y="42"/>
                </a:lnTo>
                <a:lnTo>
                  <a:pt x="52" y="48"/>
                </a:lnTo>
                <a:lnTo>
                  <a:pt x="62" y="54"/>
                </a:lnTo>
                <a:lnTo>
                  <a:pt x="78" y="50"/>
                </a:lnTo>
                <a:lnTo>
                  <a:pt x="76" y="38"/>
                </a:lnTo>
                <a:lnTo>
                  <a:pt x="70" y="28"/>
                </a:lnTo>
                <a:lnTo>
                  <a:pt x="66" y="18"/>
                </a:lnTo>
                <a:lnTo>
                  <a:pt x="76" y="12"/>
                </a:lnTo>
                <a:lnTo>
                  <a:pt x="84" y="2"/>
                </a:lnTo>
                <a:lnTo>
                  <a:pt x="94" y="0"/>
                </a:lnTo>
                <a:lnTo>
                  <a:pt x="106" y="4"/>
                </a:lnTo>
                <a:lnTo>
                  <a:pt x="116" y="8"/>
                </a:lnTo>
                <a:lnTo>
                  <a:pt x="114" y="20"/>
                </a:lnTo>
                <a:lnTo>
                  <a:pt x="114" y="32"/>
                </a:lnTo>
                <a:lnTo>
                  <a:pt x="120" y="40"/>
                </a:lnTo>
                <a:lnTo>
                  <a:pt x="122" y="50"/>
                </a:lnTo>
                <a:lnTo>
                  <a:pt x="126" y="62"/>
                </a:lnTo>
                <a:lnTo>
                  <a:pt x="116" y="66"/>
                </a:lnTo>
                <a:lnTo>
                  <a:pt x="108" y="66"/>
                </a:lnTo>
                <a:lnTo>
                  <a:pt x="90" y="76"/>
                </a:lnTo>
                <a:lnTo>
                  <a:pt x="88" y="84"/>
                </a:lnTo>
                <a:lnTo>
                  <a:pt x="94" y="92"/>
                </a:lnTo>
                <a:lnTo>
                  <a:pt x="102" y="92"/>
                </a:lnTo>
                <a:lnTo>
                  <a:pt x="108" y="98"/>
                </a:lnTo>
                <a:lnTo>
                  <a:pt x="110" y="108"/>
                </a:lnTo>
                <a:lnTo>
                  <a:pt x="104" y="112"/>
                </a:lnTo>
                <a:lnTo>
                  <a:pt x="86" y="120"/>
                </a:lnTo>
                <a:lnTo>
                  <a:pt x="84" y="130"/>
                </a:lnTo>
                <a:lnTo>
                  <a:pt x="94" y="142"/>
                </a:lnTo>
                <a:lnTo>
                  <a:pt x="106" y="142"/>
                </a:lnTo>
                <a:lnTo>
                  <a:pt x="118" y="142"/>
                </a:lnTo>
                <a:lnTo>
                  <a:pt x="120" y="152"/>
                </a:lnTo>
                <a:lnTo>
                  <a:pt x="110" y="154"/>
                </a:lnTo>
                <a:lnTo>
                  <a:pt x="98" y="154"/>
                </a:lnTo>
                <a:lnTo>
                  <a:pt x="90" y="162"/>
                </a:lnTo>
                <a:lnTo>
                  <a:pt x="88" y="172"/>
                </a:lnTo>
                <a:lnTo>
                  <a:pt x="82" y="178"/>
                </a:lnTo>
                <a:lnTo>
                  <a:pt x="78" y="186"/>
                </a:lnTo>
                <a:lnTo>
                  <a:pt x="78" y="198"/>
                </a:lnTo>
                <a:lnTo>
                  <a:pt x="68" y="192"/>
                </a:lnTo>
                <a:lnTo>
                  <a:pt x="64" y="190"/>
                </a:lnTo>
                <a:lnTo>
                  <a:pt x="64" y="192"/>
                </a:lnTo>
                <a:lnTo>
                  <a:pt x="62" y="194"/>
                </a:lnTo>
                <a:lnTo>
                  <a:pt x="60" y="194"/>
                </a:lnTo>
                <a:lnTo>
                  <a:pt x="50" y="190"/>
                </a:lnTo>
                <a:lnTo>
                  <a:pt x="42" y="194"/>
                </a:lnTo>
                <a:lnTo>
                  <a:pt x="32" y="194"/>
                </a:lnTo>
                <a:lnTo>
                  <a:pt x="24" y="186"/>
                </a:lnTo>
                <a:lnTo>
                  <a:pt x="18" y="182"/>
                </a:lnTo>
                <a:lnTo>
                  <a:pt x="8" y="178"/>
                </a:lnTo>
                <a:lnTo>
                  <a:pt x="6" y="164"/>
                </a:lnTo>
                <a:lnTo>
                  <a:pt x="8" y="158"/>
                </a:lnTo>
                <a:lnTo>
                  <a:pt x="14" y="156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05" name="Freeform 82"/>
          <p:cNvSpPr>
            <a:spLocks/>
          </p:cNvSpPr>
          <p:nvPr/>
        </p:nvSpPr>
        <p:spPr bwMode="auto">
          <a:xfrm>
            <a:off x="5502275" y="3222625"/>
            <a:ext cx="61913" cy="79375"/>
          </a:xfrm>
          <a:custGeom>
            <a:avLst/>
            <a:gdLst>
              <a:gd name="T0" fmla="*/ 0 w 48"/>
              <a:gd name="T1" fmla="*/ 2147483647 h 62"/>
              <a:gd name="T2" fmla="*/ 2147483647 w 48"/>
              <a:gd name="T3" fmla="*/ 2147483647 h 62"/>
              <a:gd name="T4" fmla="*/ 2147483647 w 48"/>
              <a:gd name="T5" fmla="*/ 2147483647 h 62"/>
              <a:gd name="T6" fmla="*/ 2147483647 w 48"/>
              <a:gd name="T7" fmla="*/ 2147483647 h 62"/>
              <a:gd name="T8" fmla="*/ 2147483647 w 48"/>
              <a:gd name="T9" fmla="*/ 2147483647 h 62"/>
              <a:gd name="T10" fmla="*/ 2147483647 w 48"/>
              <a:gd name="T11" fmla="*/ 2147483647 h 62"/>
              <a:gd name="T12" fmla="*/ 2147483647 w 48"/>
              <a:gd name="T13" fmla="*/ 2147483647 h 62"/>
              <a:gd name="T14" fmla="*/ 2147483647 w 48"/>
              <a:gd name="T15" fmla="*/ 2147483647 h 62"/>
              <a:gd name="T16" fmla="*/ 2147483647 w 48"/>
              <a:gd name="T17" fmla="*/ 2147483647 h 62"/>
              <a:gd name="T18" fmla="*/ 2147483647 w 48"/>
              <a:gd name="T19" fmla="*/ 2147483647 h 62"/>
              <a:gd name="T20" fmla="*/ 2147483647 w 48"/>
              <a:gd name="T21" fmla="*/ 2147483647 h 62"/>
              <a:gd name="T22" fmla="*/ 2147483647 w 48"/>
              <a:gd name="T23" fmla="*/ 2147483647 h 62"/>
              <a:gd name="T24" fmla="*/ 2147483647 w 48"/>
              <a:gd name="T25" fmla="*/ 0 h 62"/>
              <a:gd name="T26" fmla="*/ 2147483647 w 48"/>
              <a:gd name="T27" fmla="*/ 2147483647 h 62"/>
              <a:gd name="T28" fmla="*/ 2147483647 w 48"/>
              <a:gd name="T29" fmla="*/ 2147483647 h 62"/>
              <a:gd name="T30" fmla="*/ 2147483647 w 48"/>
              <a:gd name="T31" fmla="*/ 2147483647 h 62"/>
              <a:gd name="T32" fmla="*/ 2147483647 w 48"/>
              <a:gd name="T33" fmla="*/ 2147483647 h 62"/>
              <a:gd name="T34" fmla="*/ 2147483647 w 48"/>
              <a:gd name="T35" fmla="*/ 2147483647 h 62"/>
              <a:gd name="T36" fmla="*/ 2147483647 w 48"/>
              <a:gd name="T37" fmla="*/ 2147483647 h 62"/>
              <a:gd name="T38" fmla="*/ 2147483647 w 48"/>
              <a:gd name="T39" fmla="*/ 2147483647 h 62"/>
              <a:gd name="T40" fmla="*/ 2147483647 w 48"/>
              <a:gd name="T41" fmla="*/ 2147483647 h 62"/>
              <a:gd name="T42" fmla="*/ 2147483647 w 48"/>
              <a:gd name="T43" fmla="*/ 2147483647 h 62"/>
              <a:gd name="T44" fmla="*/ 2147483647 w 48"/>
              <a:gd name="T45" fmla="*/ 2147483647 h 62"/>
              <a:gd name="T46" fmla="*/ 2147483647 w 48"/>
              <a:gd name="T47" fmla="*/ 2147483647 h 62"/>
              <a:gd name="T48" fmla="*/ 2147483647 w 48"/>
              <a:gd name="T49" fmla="*/ 2147483647 h 62"/>
              <a:gd name="T50" fmla="*/ 2147483647 w 48"/>
              <a:gd name="T51" fmla="*/ 2147483647 h 62"/>
              <a:gd name="T52" fmla="*/ 2147483647 w 48"/>
              <a:gd name="T53" fmla="*/ 2147483647 h 62"/>
              <a:gd name="T54" fmla="*/ 2147483647 w 48"/>
              <a:gd name="T55" fmla="*/ 2147483647 h 62"/>
              <a:gd name="T56" fmla="*/ 2147483647 w 48"/>
              <a:gd name="T57" fmla="*/ 2147483647 h 62"/>
              <a:gd name="T58" fmla="*/ 2147483647 w 48"/>
              <a:gd name="T59" fmla="*/ 2147483647 h 62"/>
              <a:gd name="T60" fmla="*/ 2147483647 w 48"/>
              <a:gd name="T61" fmla="*/ 2147483647 h 62"/>
              <a:gd name="T62" fmla="*/ 2147483647 w 48"/>
              <a:gd name="T63" fmla="*/ 2147483647 h 62"/>
              <a:gd name="T64" fmla="*/ 0 w 48"/>
              <a:gd name="T65" fmla="*/ 2147483647 h 62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0" t="0" r="r" b="b"/>
            <a:pathLst>
              <a:path w="48" h="62">
                <a:moveTo>
                  <a:pt x="0" y="42"/>
                </a:moveTo>
                <a:lnTo>
                  <a:pt x="4" y="38"/>
                </a:lnTo>
                <a:lnTo>
                  <a:pt x="2" y="24"/>
                </a:lnTo>
                <a:lnTo>
                  <a:pt x="8" y="22"/>
                </a:lnTo>
                <a:lnTo>
                  <a:pt x="14" y="24"/>
                </a:lnTo>
                <a:lnTo>
                  <a:pt x="22" y="28"/>
                </a:lnTo>
                <a:lnTo>
                  <a:pt x="22" y="20"/>
                </a:lnTo>
                <a:lnTo>
                  <a:pt x="18" y="16"/>
                </a:lnTo>
                <a:lnTo>
                  <a:pt x="10" y="18"/>
                </a:lnTo>
                <a:lnTo>
                  <a:pt x="4" y="12"/>
                </a:lnTo>
                <a:lnTo>
                  <a:pt x="4" y="8"/>
                </a:lnTo>
                <a:lnTo>
                  <a:pt x="8" y="2"/>
                </a:lnTo>
                <a:lnTo>
                  <a:pt x="14" y="0"/>
                </a:lnTo>
                <a:lnTo>
                  <a:pt x="18" y="4"/>
                </a:lnTo>
                <a:lnTo>
                  <a:pt x="22" y="14"/>
                </a:lnTo>
                <a:lnTo>
                  <a:pt x="26" y="16"/>
                </a:lnTo>
                <a:lnTo>
                  <a:pt x="28" y="14"/>
                </a:lnTo>
                <a:lnTo>
                  <a:pt x="34" y="14"/>
                </a:lnTo>
                <a:lnTo>
                  <a:pt x="38" y="18"/>
                </a:lnTo>
                <a:lnTo>
                  <a:pt x="40" y="22"/>
                </a:lnTo>
                <a:lnTo>
                  <a:pt x="36" y="26"/>
                </a:lnTo>
                <a:lnTo>
                  <a:pt x="32" y="32"/>
                </a:lnTo>
                <a:lnTo>
                  <a:pt x="36" y="36"/>
                </a:lnTo>
                <a:lnTo>
                  <a:pt x="42" y="40"/>
                </a:lnTo>
                <a:lnTo>
                  <a:pt x="48" y="50"/>
                </a:lnTo>
                <a:lnTo>
                  <a:pt x="42" y="52"/>
                </a:lnTo>
                <a:lnTo>
                  <a:pt x="28" y="50"/>
                </a:lnTo>
                <a:lnTo>
                  <a:pt x="26" y="48"/>
                </a:lnTo>
                <a:lnTo>
                  <a:pt x="20" y="50"/>
                </a:lnTo>
                <a:lnTo>
                  <a:pt x="20" y="58"/>
                </a:lnTo>
                <a:lnTo>
                  <a:pt x="14" y="62"/>
                </a:lnTo>
                <a:lnTo>
                  <a:pt x="2" y="56"/>
                </a:lnTo>
                <a:lnTo>
                  <a:pt x="0" y="4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06" name="Freeform 83"/>
          <p:cNvSpPr>
            <a:spLocks/>
          </p:cNvSpPr>
          <p:nvPr/>
        </p:nvSpPr>
        <p:spPr bwMode="auto">
          <a:xfrm>
            <a:off x="5641975" y="3121025"/>
            <a:ext cx="47625" cy="39688"/>
          </a:xfrm>
          <a:custGeom>
            <a:avLst/>
            <a:gdLst>
              <a:gd name="T0" fmla="*/ 2147483647 w 36"/>
              <a:gd name="T1" fmla="*/ 0 h 30"/>
              <a:gd name="T2" fmla="*/ 2147483647 w 36"/>
              <a:gd name="T3" fmla="*/ 0 h 30"/>
              <a:gd name="T4" fmla="*/ 2147483647 w 36"/>
              <a:gd name="T5" fmla="*/ 2147483647 h 30"/>
              <a:gd name="T6" fmla="*/ 2147483647 w 36"/>
              <a:gd name="T7" fmla="*/ 2147483647 h 30"/>
              <a:gd name="T8" fmla="*/ 2147483647 w 36"/>
              <a:gd name="T9" fmla="*/ 2147483647 h 30"/>
              <a:gd name="T10" fmla="*/ 2147483647 w 36"/>
              <a:gd name="T11" fmla="*/ 2147483647 h 30"/>
              <a:gd name="T12" fmla="*/ 2147483647 w 36"/>
              <a:gd name="T13" fmla="*/ 2147483647 h 30"/>
              <a:gd name="T14" fmla="*/ 2147483647 w 36"/>
              <a:gd name="T15" fmla="*/ 2147483647 h 30"/>
              <a:gd name="T16" fmla="*/ 2147483647 w 36"/>
              <a:gd name="T17" fmla="*/ 2147483647 h 30"/>
              <a:gd name="T18" fmla="*/ 0 w 36"/>
              <a:gd name="T19" fmla="*/ 2147483647 h 30"/>
              <a:gd name="T20" fmla="*/ 0 w 36"/>
              <a:gd name="T21" fmla="*/ 2147483647 h 30"/>
              <a:gd name="T22" fmla="*/ 2147483647 w 36"/>
              <a:gd name="T23" fmla="*/ 0 h 30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0" t="0" r="r" b="b"/>
            <a:pathLst>
              <a:path w="36" h="30">
                <a:moveTo>
                  <a:pt x="4" y="0"/>
                </a:moveTo>
                <a:lnTo>
                  <a:pt x="12" y="0"/>
                </a:lnTo>
                <a:lnTo>
                  <a:pt x="26" y="8"/>
                </a:lnTo>
                <a:lnTo>
                  <a:pt x="34" y="14"/>
                </a:lnTo>
                <a:lnTo>
                  <a:pt x="36" y="22"/>
                </a:lnTo>
                <a:lnTo>
                  <a:pt x="28" y="28"/>
                </a:lnTo>
                <a:lnTo>
                  <a:pt x="18" y="30"/>
                </a:lnTo>
                <a:lnTo>
                  <a:pt x="12" y="24"/>
                </a:lnTo>
                <a:lnTo>
                  <a:pt x="6" y="26"/>
                </a:lnTo>
                <a:lnTo>
                  <a:pt x="0" y="18"/>
                </a:lnTo>
                <a:lnTo>
                  <a:pt x="0" y="6"/>
                </a:lnTo>
                <a:lnTo>
                  <a:pt x="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07" name="Freeform 84"/>
          <p:cNvSpPr>
            <a:spLocks/>
          </p:cNvSpPr>
          <p:nvPr/>
        </p:nvSpPr>
        <p:spPr bwMode="auto">
          <a:xfrm>
            <a:off x="5238750" y="3017838"/>
            <a:ext cx="17463" cy="36512"/>
          </a:xfrm>
          <a:custGeom>
            <a:avLst/>
            <a:gdLst>
              <a:gd name="T0" fmla="*/ 2147483647 w 14"/>
              <a:gd name="T1" fmla="*/ 0 h 28"/>
              <a:gd name="T2" fmla="*/ 2147483647 w 14"/>
              <a:gd name="T3" fmla="*/ 2147483647 h 28"/>
              <a:gd name="T4" fmla="*/ 2147483647 w 14"/>
              <a:gd name="T5" fmla="*/ 2147483647 h 28"/>
              <a:gd name="T6" fmla="*/ 2147483647 w 14"/>
              <a:gd name="T7" fmla="*/ 2147483647 h 28"/>
              <a:gd name="T8" fmla="*/ 2147483647 w 14"/>
              <a:gd name="T9" fmla="*/ 2147483647 h 28"/>
              <a:gd name="T10" fmla="*/ 2147483647 w 14"/>
              <a:gd name="T11" fmla="*/ 2147483647 h 28"/>
              <a:gd name="T12" fmla="*/ 0 w 14"/>
              <a:gd name="T13" fmla="*/ 2147483647 h 28"/>
              <a:gd name="T14" fmla="*/ 0 w 14"/>
              <a:gd name="T15" fmla="*/ 2147483647 h 28"/>
              <a:gd name="T16" fmla="*/ 2147483647 w 14"/>
              <a:gd name="T17" fmla="*/ 2147483647 h 28"/>
              <a:gd name="T18" fmla="*/ 2147483647 w 14"/>
              <a:gd name="T19" fmla="*/ 2147483647 h 28"/>
              <a:gd name="T20" fmla="*/ 2147483647 w 14"/>
              <a:gd name="T21" fmla="*/ 0 h 2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14" h="28">
                <a:moveTo>
                  <a:pt x="4" y="0"/>
                </a:moveTo>
                <a:lnTo>
                  <a:pt x="10" y="4"/>
                </a:lnTo>
                <a:lnTo>
                  <a:pt x="14" y="10"/>
                </a:lnTo>
                <a:lnTo>
                  <a:pt x="14" y="16"/>
                </a:lnTo>
                <a:lnTo>
                  <a:pt x="12" y="24"/>
                </a:lnTo>
                <a:lnTo>
                  <a:pt x="8" y="28"/>
                </a:lnTo>
                <a:lnTo>
                  <a:pt x="0" y="24"/>
                </a:lnTo>
                <a:lnTo>
                  <a:pt x="0" y="14"/>
                </a:lnTo>
                <a:lnTo>
                  <a:pt x="4" y="8"/>
                </a:lnTo>
                <a:lnTo>
                  <a:pt x="2" y="4"/>
                </a:lnTo>
                <a:lnTo>
                  <a:pt x="4" y="0"/>
                </a:lnTo>
                <a:close/>
              </a:path>
            </a:pathLst>
          </a:custGeom>
          <a:solidFill>
            <a:srgbClr val="FF9218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30108" name="Group 85"/>
          <p:cNvGrpSpPr>
            <a:grpSpLocks/>
          </p:cNvGrpSpPr>
          <p:nvPr/>
        </p:nvGrpSpPr>
        <p:grpSpPr bwMode="auto">
          <a:xfrm>
            <a:off x="4495800" y="3435350"/>
            <a:ext cx="414338" cy="441325"/>
            <a:chOff x="1672" y="2924"/>
            <a:chExt cx="320" cy="340"/>
          </a:xfrm>
        </p:grpSpPr>
        <p:sp>
          <p:nvSpPr>
            <p:cNvPr id="130182" name="Freeform 86"/>
            <p:cNvSpPr>
              <a:spLocks/>
            </p:cNvSpPr>
            <p:nvPr/>
          </p:nvSpPr>
          <p:spPr bwMode="auto">
            <a:xfrm>
              <a:off x="1672" y="2924"/>
              <a:ext cx="320" cy="340"/>
            </a:xfrm>
            <a:custGeom>
              <a:avLst/>
              <a:gdLst>
                <a:gd name="T0" fmla="*/ 18 w 320"/>
                <a:gd name="T1" fmla="*/ 244 h 340"/>
                <a:gd name="T2" fmla="*/ 48 w 320"/>
                <a:gd name="T3" fmla="*/ 252 h 340"/>
                <a:gd name="T4" fmla="*/ 74 w 320"/>
                <a:gd name="T5" fmla="*/ 238 h 340"/>
                <a:gd name="T6" fmla="*/ 66 w 320"/>
                <a:gd name="T7" fmla="*/ 222 h 340"/>
                <a:gd name="T8" fmla="*/ 42 w 320"/>
                <a:gd name="T9" fmla="*/ 214 h 340"/>
                <a:gd name="T10" fmla="*/ 44 w 320"/>
                <a:gd name="T11" fmla="*/ 204 h 340"/>
                <a:gd name="T12" fmla="*/ 74 w 320"/>
                <a:gd name="T13" fmla="*/ 216 h 340"/>
                <a:gd name="T14" fmla="*/ 80 w 320"/>
                <a:gd name="T15" fmla="*/ 206 h 340"/>
                <a:gd name="T16" fmla="*/ 62 w 320"/>
                <a:gd name="T17" fmla="*/ 178 h 340"/>
                <a:gd name="T18" fmla="*/ 92 w 320"/>
                <a:gd name="T19" fmla="*/ 148 h 340"/>
                <a:gd name="T20" fmla="*/ 112 w 320"/>
                <a:gd name="T21" fmla="*/ 100 h 340"/>
                <a:gd name="T22" fmla="*/ 126 w 320"/>
                <a:gd name="T23" fmla="*/ 68 h 340"/>
                <a:gd name="T24" fmla="*/ 138 w 320"/>
                <a:gd name="T25" fmla="*/ 60 h 340"/>
                <a:gd name="T26" fmla="*/ 150 w 320"/>
                <a:gd name="T27" fmla="*/ 58 h 340"/>
                <a:gd name="T28" fmla="*/ 156 w 320"/>
                <a:gd name="T29" fmla="*/ 74 h 340"/>
                <a:gd name="T30" fmla="*/ 166 w 320"/>
                <a:gd name="T31" fmla="*/ 92 h 340"/>
                <a:gd name="T32" fmla="*/ 148 w 320"/>
                <a:gd name="T33" fmla="*/ 102 h 340"/>
                <a:gd name="T34" fmla="*/ 148 w 320"/>
                <a:gd name="T35" fmla="*/ 128 h 340"/>
                <a:gd name="T36" fmla="*/ 176 w 320"/>
                <a:gd name="T37" fmla="*/ 116 h 340"/>
                <a:gd name="T38" fmla="*/ 198 w 320"/>
                <a:gd name="T39" fmla="*/ 92 h 340"/>
                <a:gd name="T40" fmla="*/ 188 w 320"/>
                <a:gd name="T41" fmla="*/ 62 h 340"/>
                <a:gd name="T42" fmla="*/ 180 w 320"/>
                <a:gd name="T43" fmla="*/ 38 h 340"/>
                <a:gd name="T44" fmla="*/ 224 w 320"/>
                <a:gd name="T45" fmla="*/ 6 h 340"/>
                <a:gd name="T46" fmla="*/ 278 w 320"/>
                <a:gd name="T47" fmla="*/ 0 h 340"/>
                <a:gd name="T48" fmla="*/ 312 w 320"/>
                <a:gd name="T49" fmla="*/ 22 h 340"/>
                <a:gd name="T50" fmla="*/ 308 w 320"/>
                <a:gd name="T51" fmla="*/ 80 h 340"/>
                <a:gd name="T52" fmla="*/ 278 w 320"/>
                <a:gd name="T53" fmla="*/ 124 h 340"/>
                <a:gd name="T54" fmla="*/ 288 w 320"/>
                <a:gd name="T55" fmla="*/ 172 h 340"/>
                <a:gd name="T56" fmla="*/ 280 w 320"/>
                <a:gd name="T57" fmla="*/ 198 h 340"/>
                <a:gd name="T58" fmla="*/ 218 w 320"/>
                <a:gd name="T59" fmla="*/ 202 h 340"/>
                <a:gd name="T60" fmla="*/ 232 w 320"/>
                <a:gd name="T61" fmla="*/ 268 h 340"/>
                <a:gd name="T62" fmla="*/ 204 w 320"/>
                <a:gd name="T63" fmla="*/ 306 h 340"/>
                <a:gd name="T64" fmla="*/ 212 w 320"/>
                <a:gd name="T65" fmla="*/ 340 h 340"/>
                <a:gd name="T66" fmla="*/ 182 w 320"/>
                <a:gd name="T67" fmla="*/ 332 h 340"/>
                <a:gd name="T68" fmla="*/ 194 w 320"/>
                <a:gd name="T69" fmla="*/ 314 h 340"/>
                <a:gd name="T70" fmla="*/ 202 w 320"/>
                <a:gd name="T71" fmla="*/ 292 h 340"/>
                <a:gd name="T72" fmla="*/ 182 w 320"/>
                <a:gd name="T73" fmla="*/ 284 h 340"/>
                <a:gd name="T74" fmla="*/ 150 w 320"/>
                <a:gd name="T75" fmla="*/ 274 h 340"/>
                <a:gd name="T76" fmla="*/ 140 w 320"/>
                <a:gd name="T77" fmla="*/ 258 h 340"/>
                <a:gd name="T78" fmla="*/ 134 w 320"/>
                <a:gd name="T79" fmla="*/ 246 h 340"/>
                <a:gd name="T80" fmla="*/ 122 w 320"/>
                <a:gd name="T81" fmla="*/ 252 h 340"/>
                <a:gd name="T82" fmla="*/ 112 w 320"/>
                <a:gd name="T83" fmla="*/ 242 h 340"/>
                <a:gd name="T84" fmla="*/ 102 w 320"/>
                <a:gd name="T85" fmla="*/ 242 h 340"/>
                <a:gd name="T86" fmla="*/ 86 w 320"/>
                <a:gd name="T87" fmla="*/ 256 h 340"/>
                <a:gd name="T88" fmla="*/ 64 w 320"/>
                <a:gd name="T89" fmla="*/ 264 h 340"/>
                <a:gd name="T90" fmla="*/ 38 w 320"/>
                <a:gd name="T91" fmla="*/ 270 h 340"/>
                <a:gd name="T92" fmla="*/ 14 w 320"/>
                <a:gd name="T93" fmla="*/ 264 h 340"/>
                <a:gd name="T94" fmla="*/ 0 w 320"/>
                <a:gd name="T95" fmla="*/ 252 h 340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0" t="0" r="r" b="b"/>
              <a:pathLst>
                <a:path w="320" h="340">
                  <a:moveTo>
                    <a:pt x="0" y="252"/>
                  </a:moveTo>
                  <a:lnTo>
                    <a:pt x="8" y="246"/>
                  </a:lnTo>
                  <a:lnTo>
                    <a:pt x="18" y="244"/>
                  </a:lnTo>
                  <a:lnTo>
                    <a:pt x="24" y="250"/>
                  </a:lnTo>
                  <a:lnTo>
                    <a:pt x="36" y="252"/>
                  </a:lnTo>
                  <a:lnTo>
                    <a:pt x="48" y="252"/>
                  </a:lnTo>
                  <a:lnTo>
                    <a:pt x="64" y="254"/>
                  </a:lnTo>
                  <a:lnTo>
                    <a:pt x="72" y="244"/>
                  </a:lnTo>
                  <a:lnTo>
                    <a:pt x="74" y="238"/>
                  </a:lnTo>
                  <a:lnTo>
                    <a:pt x="66" y="232"/>
                  </a:lnTo>
                  <a:lnTo>
                    <a:pt x="62" y="226"/>
                  </a:lnTo>
                  <a:lnTo>
                    <a:pt x="66" y="222"/>
                  </a:lnTo>
                  <a:lnTo>
                    <a:pt x="56" y="220"/>
                  </a:lnTo>
                  <a:lnTo>
                    <a:pt x="48" y="218"/>
                  </a:lnTo>
                  <a:lnTo>
                    <a:pt x="42" y="214"/>
                  </a:lnTo>
                  <a:lnTo>
                    <a:pt x="32" y="214"/>
                  </a:lnTo>
                  <a:lnTo>
                    <a:pt x="34" y="204"/>
                  </a:lnTo>
                  <a:lnTo>
                    <a:pt x="44" y="204"/>
                  </a:lnTo>
                  <a:lnTo>
                    <a:pt x="56" y="208"/>
                  </a:lnTo>
                  <a:lnTo>
                    <a:pt x="66" y="212"/>
                  </a:lnTo>
                  <a:lnTo>
                    <a:pt x="74" y="216"/>
                  </a:lnTo>
                  <a:lnTo>
                    <a:pt x="86" y="214"/>
                  </a:lnTo>
                  <a:lnTo>
                    <a:pt x="92" y="210"/>
                  </a:lnTo>
                  <a:lnTo>
                    <a:pt x="80" y="206"/>
                  </a:lnTo>
                  <a:lnTo>
                    <a:pt x="70" y="198"/>
                  </a:lnTo>
                  <a:lnTo>
                    <a:pt x="62" y="192"/>
                  </a:lnTo>
                  <a:lnTo>
                    <a:pt x="62" y="178"/>
                  </a:lnTo>
                  <a:lnTo>
                    <a:pt x="70" y="174"/>
                  </a:lnTo>
                  <a:lnTo>
                    <a:pt x="78" y="162"/>
                  </a:lnTo>
                  <a:lnTo>
                    <a:pt x="92" y="148"/>
                  </a:lnTo>
                  <a:lnTo>
                    <a:pt x="104" y="126"/>
                  </a:lnTo>
                  <a:lnTo>
                    <a:pt x="110" y="114"/>
                  </a:lnTo>
                  <a:lnTo>
                    <a:pt x="112" y="100"/>
                  </a:lnTo>
                  <a:lnTo>
                    <a:pt x="120" y="90"/>
                  </a:lnTo>
                  <a:lnTo>
                    <a:pt x="118" y="78"/>
                  </a:lnTo>
                  <a:lnTo>
                    <a:pt x="126" y="68"/>
                  </a:lnTo>
                  <a:lnTo>
                    <a:pt x="126" y="58"/>
                  </a:lnTo>
                  <a:lnTo>
                    <a:pt x="134" y="56"/>
                  </a:lnTo>
                  <a:lnTo>
                    <a:pt x="138" y="60"/>
                  </a:lnTo>
                  <a:lnTo>
                    <a:pt x="142" y="62"/>
                  </a:lnTo>
                  <a:lnTo>
                    <a:pt x="146" y="62"/>
                  </a:lnTo>
                  <a:lnTo>
                    <a:pt x="150" y="58"/>
                  </a:lnTo>
                  <a:lnTo>
                    <a:pt x="154" y="56"/>
                  </a:lnTo>
                  <a:lnTo>
                    <a:pt x="154" y="64"/>
                  </a:lnTo>
                  <a:lnTo>
                    <a:pt x="156" y="74"/>
                  </a:lnTo>
                  <a:lnTo>
                    <a:pt x="164" y="82"/>
                  </a:lnTo>
                  <a:lnTo>
                    <a:pt x="170" y="88"/>
                  </a:lnTo>
                  <a:lnTo>
                    <a:pt x="166" y="92"/>
                  </a:lnTo>
                  <a:lnTo>
                    <a:pt x="160" y="100"/>
                  </a:lnTo>
                  <a:lnTo>
                    <a:pt x="152" y="100"/>
                  </a:lnTo>
                  <a:lnTo>
                    <a:pt x="148" y="102"/>
                  </a:lnTo>
                  <a:lnTo>
                    <a:pt x="150" y="110"/>
                  </a:lnTo>
                  <a:lnTo>
                    <a:pt x="150" y="116"/>
                  </a:lnTo>
                  <a:lnTo>
                    <a:pt x="148" y="128"/>
                  </a:lnTo>
                  <a:lnTo>
                    <a:pt x="154" y="130"/>
                  </a:lnTo>
                  <a:lnTo>
                    <a:pt x="162" y="122"/>
                  </a:lnTo>
                  <a:lnTo>
                    <a:pt x="176" y="116"/>
                  </a:lnTo>
                  <a:lnTo>
                    <a:pt x="184" y="106"/>
                  </a:lnTo>
                  <a:lnTo>
                    <a:pt x="192" y="102"/>
                  </a:lnTo>
                  <a:lnTo>
                    <a:pt x="198" y="92"/>
                  </a:lnTo>
                  <a:lnTo>
                    <a:pt x="196" y="80"/>
                  </a:lnTo>
                  <a:lnTo>
                    <a:pt x="196" y="72"/>
                  </a:lnTo>
                  <a:lnTo>
                    <a:pt x="188" y="62"/>
                  </a:lnTo>
                  <a:lnTo>
                    <a:pt x="180" y="52"/>
                  </a:lnTo>
                  <a:lnTo>
                    <a:pt x="166" y="44"/>
                  </a:lnTo>
                  <a:lnTo>
                    <a:pt x="180" y="38"/>
                  </a:lnTo>
                  <a:lnTo>
                    <a:pt x="184" y="22"/>
                  </a:lnTo>
                  <a:lnTo>
                    <a:pt x="198" y="14"/>
                  </a:lnTo>
                  <a:lnTo>
                    <a:pt x="224" y="6"/>
                  </a:lnTo>
                  <a:lnTo>
                    <a:pt x="242" y="2"/>
                  </a:lnTo>
                  <a:lnTo>
                    <a:pt x="260" y="2"/>
                  </a:lnTo>
                  <a:lnTo>
                    <a:pt x="278" y="0"/>
                  </a:lnTo>
                  <a:lnTo>
                    <a:pt x="292" y="0"/>
                  </a:lnTo>
                  <a:lnTo>
                    <a:pt x="298" y="12"/>
                  </a:lnTo>
                  <a:lnTo>
                    <a:pt x="312" y="22"/>
                  </a:lnTo>
                  <a:lnTo>
                    <a:pt x="320" y="28"/>
                  </a:lnTo>
                  <a:lnTo>
                    <a:pt x="320" y="64"/>
                  </a:lnTo>
                  <a:lnTo>
                    <a:pt x="308" y="80"/>
                  </a:lnTo>
                  <a:lnTo>
                    <a:pt x="306" y="102"/>
                  </a:lnTo>
                  <a:lnTo>
                    <a:pt x="284" y="102"/>
                  </a:lnTo>
                  <a:lnTo>
                    <a:pt x="278" y="124"/>
                  </a:lnTo>
                  <a:lnTo>
                    <a:pt x="304" y="134"/>
                  </a:lnTo>
                  <a:lnTo>
                    <a:pt x="300" y="154"/>
                  </a:lnTo>
                  <a:lnTo>
                    <a:pt x="288" y="172"/>
                  </a:lnTo>
                  <a:lnTo>
                    <a:pt x="276" y="176"/>
                  </a:lnTo>
                  <a:lnTo>
                    <a:pt x="286" y="190"/>
                  </a:lnTo>
                  <a:lnTo>
                    <a:pt x="280" y="198"/>
                  </a:lnTo>
                  <a:lnTo>
                    <a:pt x="262" y="200"/>
                  </a:lnTo>
                  <a:lnTo>
                    <a:pt x="230" y="198"/>
                  </a:lnTo>
                  <a:lnTo>
                    <a:pt x="218" y="202"/>
                  </a:lnTo>
                  <a:lnTo>
                    <a:pt x="222" y="230"/>
                  </a:lnTo>
                  <a:lnTo>
                    <a:pt x="232" y="242"/>
                  </a:lnTo>
                  <a:lnTo>
                    <a:pt x="232" y="268"/>
                  </a:lnTo>
                  <a:lnTo>
                    <a:pt x="220" y="282"/>
                  </a:lnTo>
                  <a:lnTo>
                    <a:pt x="224" y="294"/>
                  </a:lnTo>
                  <a:lnTo>
                    <a:pt x="204" y="306"/>
                  </a:lnTo>
                  <a:lnTo>
                    <a:pt x="208" y="314"/>
                  </a:lnTo>
                  <a:lnTo>
                    <a:pt x="216" y="324"/>
                  </a:lnTo>
                  <a:lnTo>
                    <a:pt x="212" y="340"/>
                  </a:lnTo>
                  <a:lnTo>
                    <a:pt x="200" y="340"/>
                  </a:lnTo>
                  <a:lnTo>
                    <a:pt x="188" y="340"/>
                  </a:lnTo>
                  <a:lnTo>
                    <a:pt x="182" y="332"/>
                  </a:lnTo>
                  <a:lnTo>
                    <a:pt x="182" y="326"/>
                  </a:lnTo>
                  <a:lnTo>
                    <a:pt x="190" y="320"/>
                  </a:lnTo>
                  <a:lnTo>
                    <a:pt x="194" y="314"/>
                  </a:lnTo>
                  <a:lnTo>
                    <a:pt x="194" y="302"/>
                  </a:lnTo>
                  <a:lnTo>
                    <a:pt x="202" y="300"/>
                  </a:lnTo>
                  <a:lnTo>
                    <a:pt x="202" y="292"/>
                  </a:lnTo>
                  <a:lnTo>
                    <a:pt x="200" y="288"/>
                  </a:lnTo>
                  <a:lnTo>
                    <a:pt x="194" y="286"/>
                  </a:lnTo>
                  <a:lnTo>
                    <a:pt x="182" y="284"/>
                  </a:lnTo>
                  <a:lnTo>
                    <a:pt x="178" y="276"/>
                  </a:lnTo>
                  <a:lnTo>
                    <a:pt x="162" y="278"/>
                  </a:lnTo>
                  <a:lnTo>
                    <a:pt x="150" y="274"/>
                  </a:lnTo>
                  <a:lnTo>
                    <a:pt x="150" y="268"/>
                  </a:lnTo>
                  <a:lnTo>
                    <a:pt x="144" y="266"/>
                  </a:lnTo>
                  <a:lnTo>
                    <a:pt x="140" y="258"/>
                  </a:lnTo>
                  <a:lnTo>
                    <a:pt x="142" y="250"/>
                  </a:lnTo>
                  <a:lnTo>
                    <a:pt x="140" y="246"/>
                  </a:lnTo>
                  <a:lnTo>
                    <a:pt x="134" y="246"/>
                  </a:lnTo>
                  <a:lnTo>
                    <a:pt x="132" y="254"/>
                  </a:lnTo>
                  <a:lnTo>
                    <a:pt x="126" y="256"/>
                  </a:lnTo>
                  <a:lnTo>
                    <a:pt x="122" y="252"/>
                  </a:lnTo>
                  <a:lnTo>
                    <a:pt x="122" y="246"/>
                  </a:lnTo>
                  <a:lnTo>
                    <a:pt x="118" y="242"/>
                  </a:lnTo>
                  <a:lnTo>
                    <a:pt x="112" y="242"/>
                  </a:lnTo>
                  <a:lnTo>
                    <a:pt x="110" y="248"/>
                  </a:lnTo>
                  <a:lnTo>
                    <a:pt x="102" y="248"/>
                  </a:lnTo>
                  <a:lnTo>
                    <a:pt x="102" y="242"/>
                  </a:lnTo>
                  <a:lnTo>
                    <a:pt x="94" y="244"/>
                  </a:lnTo>
                  <a:lnTo>
                    <a:pt x="88" y="244"/>
                  </a:lnTo>
                  <a:lnTo>
                    <a:pt x="86" y="256"/>
                  </a:lnTo>
                  <a:lnTo>
                    <a:pt x="74" y="256"/>
                  </a:lnTo>
                  <a:lnTo>
                    <a:pt x="68" y="264"/>
                  </a:lnTo>
                  <a:lnTo>
                    <a:pt x="64" y="264"/>
                  </a:lnTo>
                  <a:lnTo>
                    <a:pt x="56" y="272"/>
                  </a:lnTo>
                  <a:lnTo>
                    <a:pt x="46" y="274"/>
                  </a:lnTo>
                  <a:lnTo>
                    <a:pt x="38" y="270"/>
                  </a:lnTo>
                  <a:lnTo>
                    <a:pt x="34" y="264"/>
                  </a:lnTo>
                  <a:lnTo>
                    <a:pt x="20" y="260"/>
                  </a:lnTo>
                  <a:lnTo>
                    <a:pt x="14" y="264"/>
                  </a:lnTo>
                  <a:lnTo>
                    <a:pt x="6" y="266"/>
                  </a:lnTo>
                  <a:lnTo>
                    <a:pt x="0" y="260"/>
                  </a:lnTo>
                  <a:lnTo>
                    <a:pt x="0" y="252"/>
                  </a:lnTo>
                  <a:close/>
                </a:path>
              </a:pathLst>
            </a:custGeom>
            <a:solidFill>
              <a:srgbClr val="FF99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83" name="Freeform 87"/>
            <p:cNvSpPr>
              <a:spLocks/>
            </p:cNvSpPr>
            <p:nvPr/>
          </p:nvSpPr>
          <p:spPr bwMode="auto">
            <a:xfrm>
              <a:off x="1682" y="3144"/>
              <a:ext cx="52" cy="28"/>
            </a:xfrm>
            <a:custGeom>
              <a:avLst/>
              <a:gdLst>
                <a:gd name="T0" fmla="*/ 12 w 52"/>
                <a:gd name="T1" fmla="*/ 2 h 28"/>
                <a:gd name="T2" fmla="*/ 22 w 52"/>
                <a:gd name="T3" fmla="*/ 0 h 28"/>
                <a:gd name="T4" fmla="*/ 32 w 52"/>
                <a:gd name="T5" fmla="*/ 2 h 28"/>
                <a:gd name="T6" fmla="*/ 32 w 52"/>
                <a:gd name="T7" fmla="*/ 4 h 28"/>
                <a:gd name="T8" fmla="*/ 34 w 52"/>
                <a:gd name="T9" fmla="*/ 6 h 28"/>
                <a:gd name="T10" fmla="*/ 38 w 52"/>
                <a:gd name="T11" fmla="*/ 10 h 28"/>
                <a:gd name="T12" fmla="*/ 42 w 52"/>
                <a:gd name="T13" fmla="*/ 12 h 28"/>
                <a:gd name="T14" fmla="*/ 48 w 52"/>
                <a:gd name="T15" fmla="*/ 16 h 28"/>
                <a:gd name="T16" fmla="*/ 52 w 52"/>
                <a:gd name="T17" fmla="*/ 22 h 28"/>
                <a:gd name="T18" fmla="*/ 44 w 52"/>
                <a:gd name="T19" fmla="*/ 28 h 28"/>
                <a:gd name="T20" fmla="*/ 32 w 52"/>
                <a:gd name="T21" fmla="*/ 28 h 28"/>
                <a:gd name="T22" fmla="*/ 22 w 52"/>
                <a:gd name="T23" fmla="*/ 26 h 28"/>
                <a:gd name="T24" fmla="*/ 20 w 52"/>
                <a:gd name="T25" fmla="*/ 22 h 28"/>
                <a:gd name="T26" fmla="*/ 14 w 52"/>
                <a:gd name="T27" fmla="*/ 22 h 28"/>
                <a:gd name="T28" fmla="*/ 6 w 52"/>
                <a:gd name="T29" fmla="*/ 20 h 28"/>
                <a:gd name="T30" fmla="*/ 2 w 52"/>
                <a:gd name="T31" fmla="*/ 16 h 28"/>
                <a:gd name="T32" fmla="*/ 0 w 52"/>
                <a:gd name="T33" fmla="*/ 10 h 28"/>
                <a:gd name="T34" fmla="*/ 4 w 52"/>
                <a:gd name="T35" fmla="*/ 6 h 28"/>
                <a:gd name="T36" fmla="*/ 12 w 52"/>
                <a:gd name="T37" fmla="*/ 2 h 28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</a:gdLst>
              <a:ahLst/>
              <a:cxnLst>
                <a:cxn ang="T38">
                  <a:pos x="T0" y="T1"/>
                </a:cxn>
                <a:cxn ang="T39">
                  <a:pos x="T2" y="T3"/>
                </a:cxn>
                <a:cxn ang="T40">
                  <a:pos x="T4" y="T5"/>
                </a:cxn>
                <a:cxn ang="T41">
                  <a:pos x="T6" y="T7"/>
                </a:cxn>
                <a:cxn ang="T42">
                  <a:pos x="T8" y="T9"/>
                </a:cxn>
                <a:cxn ang="T43">
                  <a:pos x="T10" y="T11"/>
                </a:cxn>
                <a:cxn ang="T44">
                  <a:pos x="T12" y="T13"/>
                </a:cxn>
                <a:cxn ang="T45">
                  <a:pos x="T14" y="T15"/>
                </a:cxn>
                <a:cxn ang="T46">
                  <a:pos x="T16" y="T17"/>
                </a:cxn>
                <a:cxn ang="T47">
                  <a:pos x="T18" y="T19"/>
                </a:cxn>
                <a:cxn ang="T48">
                  <a:pos x="T20" y="T21"/>
                </a:cxn>
                <a:cxn ang="T49">
                  <a:pos x="T22" y="T23"/>
                </a:cxn>
                <a:cxn ang="T50">
                  <a:pos x="T24" y="T25"/>
                </a:cxn>
                <a:cxn ang="T51">
                  <a:pos x="T26" y="T27"/>
                </a:cxn>
                <a:cxn ang="T52">
                  <a:pos x="T28" y="T29"/>
                </a:cxn>
                <a:cxn ang="T53">
                  <a:pos x="T30" y="T31"/>
                </a:cxn>
                <a:cxn ang="T54">
                  <a:pos x="T32" y="T33"/>
                </a:cxn>
                <a:cxn ang="T55">
                  <a:pos x="T34" y="T35"/>
                </a:cxn>
                <a:cxn ang="T56">
                  <a:pos x="T36" y="T37"/>
                </a:cxn>
              </a:cxnLst>
              <a:rect l="0" t="0" r="r" b="b"/>
              <a:pathLst>
                <a:path w="52" h="28">
                  <a:moveTo>
                    <a:pt x="12" y="2"/>
                  </a:moveTo>
                  <a:lnTo>
                    <a:pt x="22" y="0"/>
                  </a:lnTo>
                  <a:lnTo>
                    <a:pt x="32" y="2"/>
                  </a:lnTo>
                  <a:lnTo>
                    <a:pt x="32" y="4"/>
                  </a:lnTo>
                  <a:lnTo>
                    <a:pt x="34" y="6"/>
                  </a:lnTo>
                  <a:lnTo>
                    <a:pt x="38" y="10"/>
                  </a:lnTo>
                  <a:lnTo>
                    <a:pt x="42" y="12"/>
                  </a:lnTo>
                  <a:lnTo>
                    <a:pt x="48" y="16"/>
                  </a:lnTo>
                  <a:lnTo>
                    <a:pt x="52" y="22"/>
                  </a:lnTo>
                  <a:lnTo>
                    <a:pt x="44" y="28"/>
                  </a:lnTo>
                  <a:lnTo>
                    <a:pt x="32" y="28"/>
                  </a:lnTo>
                  <a:lnTo>
                    <a:pt x="22" y="26"/>
                  </a:lnTo>
                  <a:lnTo>
                    <a:pt x="20" y="22"/>
                  </a:lnTo>
                  <a:lnTo>
                    <a:pt x="14" y="22"/>
                  </a:lnTo>
                  <a:lnTo>
                    <a:pt x="6" y="20"/>
                  </a:lnTo>
                  <a:lnTo>
                    <a:pt x="2" y="16"/>
                  </a:lnTo>
                  <a:lnTo>
                    <a:pt x="0" y="10"/>
                  </a:lnTo>
                  <a:lnTo>
                    <a:pt x="4" y="6"/>
                  </a:lnTo>
                  <a:lnTo>
                    <a:pt x="12" y="2"/>
                  </a:lnTo>
                  <a:close/>
                </a:path>
              </a:pathLst>
            </a:custGeom>
            <a:solidFill>
              <a:srgbClr val="FF99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30109" name="Freeform 88"/>
          <p:cNvSpPr>
            <a:spLocks/>
          </p:cNvSpPr>
          <p:nvPr/>
        </p:nvSpPr>
        <p:spPr bwMode="auto">
          <a:xfrm>
            <a:off x="4408488" y="3749675"/>
            <a:ext cx="398462" cy="333375"/>
          </a:xfrm>
          <a:custGeom>
            <a:avLst/>
            <a:gdLst>
              <a:gd name="T0" fmla="*/ 2147483647 w 308"/>
              <a:gd name="T1" fmla="*/ 2147483647 h 258"/>
              <a:gd name="T2" fmla="*/ 2147483647 w 308"/>
              <a:gd name="T3" fmla="*/ 2147483647 h 258"/>
              <a:gd name="T4" fmla="*/ 2147483647 w 308"/>
              <a:gd name="T5" fmla="*/ 2147483647 h 258"/>
              <a:gd name="T6" fmla="*/ 2147483647 w 308"/>
              <a:gd name="T7" fmla="*/ 2147483647 h 258"/>
              <a:gd name="T8" fmla="*/ 2147483647 w 308"/>
              <a:gd name="T9" fmla="*/ 2147483647 h 258"/>
              <a:gd name="T10" fmla="*/ 2147483647 w 308"/>
              <a:gd name="T11" fmla="*/ 2147483647 h 258"/>
              <a:gd name="T12" fmla="*/ 2147483647 w 308"/>
              <a:gd name="T13" fmla="*/ 2147483647 h 258"/>
              <a:gd name="T14" fmla="*/ 2147483647 w 308"/>
              <a:gd name="T15" fmla="*/ 2147483647 h 258"/>
              <a:gd name="T16" fmla="*/ 2147483647 w 308"/>
              <a:gd name="T17" fmla="*/ 2147483647 h 258"/>
              <a:gd name="T18" fmla="*/ 2147483647 w 308"/>
              <a:gd name="T19" fmla="*/ 2147483647 h 258"/>
              <a:gd name="T20" fmla="*/ 2147483647 w 308"/>
              <a:gd name="T21" fmla="*/ 0 h 258"/>
              <a:gd name="T22" fmla="*/ 2147483647 w 308"/>
              <a:gd name="T23" fmla="*/ 2147483647 h 258"/>
              <a:gd name="T24" fmla="*/ 2147483647 w 308"/>
              <a:gd name="T25" fmla="*/ 2147483647 h 258"/>
              <a:gd name="T26" fmla="*/ 2147483647 w 308"/>
              <a:gd name="T27" fmla="*/ 2147483647 h 258"/>
              <a:gd name="T28" fmla="*/ 2147483647 w 308"/>
              <a:gd name="T29" fmla="*/ 2147483647 h 258"/>
              <a:gd name="T30" fmla="*/ 2147483647 w 308"/>
              <a:gd name="T31" fmla="*/ 2147483647 h 258"/>
              <a:gd name="T32" fmla="*/ 2147483647 w 308"/>
              <a:gd name="T33" fmla="*/ 2147483647 h 258"/>
              <a:gd name="T34" fmla="*/ 2147483647 w 308"/>
              <a:gd name="T35" fmla="*/ 2147483647 h 258"/>
              <a:gd name="T36" fmla="*/ 2147483647 w 308"/>
              <a:gd name="T37" fmla="*/ 2147483647 h 258"/>
              <a:gd name="T38" fmla="*/ 2147483647 w 308"/>
              <a:gd name="T39" fmla="*/ 2147483647 h 258"/>
              <a:gd name="T40" fmla="*/ 2147483647 w 308"/>
              <a:gd name="T41" fmla="*/ 2147483647 h 258"/>
              <a:gd name="T42" fmla="*/ 2147483647 w 308"/>
              <a:gd name="T43" fmla="*/ 2147483647 h 258"/>
              <a:gd name="T44" fmla="*/ 2147483647 w 308"/>
              <a:gd name="T45" fmla="*/ 2147483647 h 258"/>
              <a:gd name="T46" fmla="*/ 2147483647 w 308"/>
              <a:gd name="T47" fmla="*/ 2147483647 h 258"/>
              <a:gd name="T48" fmla="*/ 2147483647 w 308"/>
              <a:gd name="T49" fmla="*/ 2147483647 h 258"/>
              <a:gd name="T50" fmla="*/ 2147483647 w 308"/>
              <a:gd name="T51" fmla="*/ 2147483647 h 258"/>
              <a:gd name="T52" fmla="*/ 2147483647 w 308"/>
              <a:gd name="T53" fmla="*/ 2147483647 h 258"/>
              <a:gd name="T54" fmla="*/ 2147483647 w 308"/>
              <a:gd name="T55" fmla="*/ 2147483647 h 258"/>
              <a:gd name="T56" fmla="*/ 2147483647 w 308"/>
              <a:gd name="T57" fmla="*/ 2147483647 h 258"/>
              <a:gd name="T58" fmla="*/ 2147483647 w 308"/>
              <a:gd name="T59" fmla="*/ 2147483647 h 258"/>
              <a:gd name="T60" fmla="*/ 2147483647 w 308"/>
              <a:gd name="T61" fmla="*/ 2147483647 h 258"/>
              <a:gd name="T62" fmla="*/ 2147483647 w 308"/>
              <a:gd name="T63" fmla="*/ 2147483647 h 258"/>
              <a:gd name="T64" fmla="*/ 2147483647 w 308"/>
              <a:gd name="T65" fmla="*/ 2147483647 h 258"/>
              <a:gd name="T66" fmla="*/ 2147483647 w 308"/>
              <a:gd name="T67" fmla="*/ 2147483647 h 258"/>
              <a:gd name="T68" fmla="*/ 2147483647 w 308"/>
              <a:gd name="T69" fmla="*/ 2147483647 h 258"/>
              <a:gd name="T70" fmla="*/ 2147483647 w 308"/>
              <a:gd name="T71" fmla="*/ 2147483647 h 258"/>
              <a:gd name="T72" fmla="*/ 2147483647 w 308"/>
              <a:gd name="T73" fmla="*/ 2147483647 h 258"/>
              <a:gd name="T74" fmla="*/ 2147483647 w 308"/>
              <a:gd name="T75" fmla="*/ 2147483647 h 258"/>
              <a:gd name="T76" fmla="*/ 2147483647 w 308"/>
              <a:gd name="T77" fmla="*/ 2147483647 h 258"/>
              <a:gd name="T78" fmla="*/ 2147483647 w 308"/>
              <a:gd name="T79" fmla="*/ 2147483647 h 258"/>
              <a:gd name="T80" fmla="*/ 2147483647 w 308"/>
              <a:gd name="T81" fmla="*/ 2147483647 h 258"/>
              <a:gd name="T82" fmla="*/ 2147483647 w 308"/>
              <a:gd name="T83" fmla="*/ 2147483647 h 258"/>
              <a:gd name="T84" fmla="*/ 2147483647 w 308"/>
              <a:gd name="T85" fmla="*/ 2147483647 h 258"/>
              <a:gd name="T86" fmla="*/ 2147483647 w 308"/>
              <a:gd name="T87" fmla="*/ 2147483647 h 258"/>
              <a:gd name="T88" fmla="*/ 2147483647 w 308"/>
              <a:gd name="T89" fmla="*/ 2147483647 h 258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0" t="0" r="r" b="b"/>
            <a:pathLst>
              <a:path w="308" h="258">
                <a:moveTo>
                  <a:pt x="2" y="38"/>
                </a:moveTo>
                <a:lnTo>
                  <a:pt x="18" y="32"/>
                </a:lnTo>
                <a:lnTo>
                  <a:pt x="36" y="22"/>
                </a:lnTo>
                <a:lnTo>
                  <a:pt x="52" y="10"/>
                </a:lnTo>
                <a:lnTo>
                  <a:pt x="68" y="10"/>
                </a:lnTo>
                <a:lnTo>
                  <a:pt x="68" y="18"/>
                </a:lnTo>
                <a:lnTo>
                  <a:pt x="74" y="24"/>
                </a:lnTo>
                <a:lnTo>
                  <a:pt x="82" y="22"/>
                </a:lnTo>
                <a:lnTo>
                  <a:pt x="88" y="18"/>
                </a:lnTo>
                <a:lnTo>
                  <a:pt x="102" y="22"/>
                </a:lnTo>
                <a:lnTo>
                  <a:pt x="106" y="28"/>
                </a:lnTo>
                <a:lnTo>
                  <a:pt x="114" y="32"/>
                </a:lnTo>
                <a:lnTo>
                  <a:pt x="124" y="30"/>
                </a:lnTo>
                <a:lnTo>
                  <a:pt x="132" y="22"/>
                </a:lnTo>
                <a:lnTo>
                  <a:pt x="136" y="22"/>
                </a:lnTo>
                <a:lnTo>
                  <a:pt x="142" y="14"/>
                </a:lnTo>
                <a:lnTo>
                  <a:pt x="154" y="14"/>
                </a:lnTo>
                <a:lnTo>
                  <a:pt x="156" y="2"/>
                </a:lnTo>
                <a:lnTo>
                  <a:pt x="170" y="0"/>
                </a:lnTo>
                <a:lnTo>
                  <a:pt x="170" y="6"/>
                </a:lnTo>
                <a:lnTo>
                  <a:pt x="178" y="6"/>
                </a:lnTo>
                <a:lnTo>
                  <a:pt x="180" y="0"/>
                </a:lnTo>
                <a:lnTo>
                  <a:pt x="186" y="0"/>
                </a:lnTo>
                <a:lnTo>
                  <a:pt x="190" y="4"/>
                </a:lnTo>
                <a:lnTo>
                  <a:pt x="190" y="10"/>
                </a:lnTo>
                <a:lnTo>
                  <a:pt x="194" y="14"/>
                </a:lnTo>
                <a:lnTo>
                  <a:pt x="200" y="12"/>
                </a:lnTo>
                <a:lnTo>
                  <a:pt x="202" y="4"/>
                </a:lnTo>
                <a:lnTo>
                  <a:pt x="208" y="4"/>
                </a:lnTo>
                <a:lnTo>
                  <a:pt x="210" y="8"/>
                </a:lnTo>
                <a:lnTo>
                  <a:pt x="208" y="16"/>
                </a:lnTo>
                <a:lnTo>
                  <a:pt x="212" y="24"/>
                </a:lnTo>
                <a:lnTo>
                  <a:pt x="218" y="26"/>
                </a:lnTo>
                <a:lnTo>
                  <a:pt x="218" y="32"/>
                </a:lnTo>
                <a:lnTo>
                  <a:pt x="230" y="36"/>
                </a:lnTo>
                <a:lnTo>
                  <a:pt x="246" y="34"/>
                </a:lnTo>
                <a:lnTo>
                  <a:pt x="250" y="42"/>
                </a:lnTo>
                <a:lnTo>
                  <a:pt x="262" y="44"/>
                </a:lnTo>
                <a:lnTo>
                  <a:pt x="268" y="46"/>
                </a:lnTo>
                <a:lnTo>
                  <a:pt x="270" y="50"/>
                </a:lnTo>
                <a:lnTo>
                  <a:pt x="270" y="58"/>
                </a:lnTo>
                <a:lnTo>
                  <a:pt x="262" y="60"/>
                </a:lnTo>
                <a:lnTo>
                  <a:pt x="262" y="72"/>
                </a:lnTo>
                <a:lnTo>
                  <a:pt x="258" y="78"/>
                </a:lnTo>
                <a:lnTo>
                  <a:pt x="250" y="84"/>
                </a:lnTo>
                <a:lnTo>
                  <a:pt x="250" y="90"/>
                </a:lnTo>
                <a:lnTo>
                  <a:pt x="256" y="98"/>
                </a:lnTo>
                <a:lnTo>
                  <a:pt x="280" y="98"/>
                </a:lnTo>
                <a:lnTo>
                  <a:pt x="296" y="118"/>
                </a:lnTo>
                <a:lnTo>
                  <a:pt x="292" y="132"/>
                </a:lnTo>
                <a:lnTo>
                  <a:pt x="308" y="138"/>
                </a:lnTo>
                <a:lnTo>
                  <a:pt x="306" y="160"/>
                </a:lnTo>
                <a:lnTo>
                  <a:pt x="286" y="178"/>
                </a:lnTo>
                <a:lnTo>
                  <a:pt x="268" y="176"/>
                </a:lnTo>
                <a:lnTo>
                  <a:pt x="254" y="200"/>
                </a:lnTo>
                <a:lnTo>
                  <a:pt x="252" y="216"/>
                </a:lnTo>
                <a:lnTo>
                  <a:pt x="254" y="228"/>
                </a:lnTo>
                <a:lnTo>
                  <a:pt x="262" y="240"/>
                </a:lnTo>
                <a:lnTo>
                  <a:pt x="258" y="248"/>
                </a:lnTo>
                <a:lnTo>
                  <a:pt x="256" y="258"/>
                </a:lnTo>
                <a:lnTo>
                  <a:pt x="226" y="256"/>
                </a:lnTo>
                <a:lnTo>
                  <a:pt x="218" y="240"/>
                </a:lnTo>
                <a:lnTo>
                  <a:pt x="190" y="218"/>
                </a:lnTo>
                <a:lnTo>
                  <a:pt x="176" y="216"/>
                </a:lnTo>
                <a:lnTo>
                  <a:pt x="174" y="190"/>
                </a:lnTo>
                <a:lnTo>
                  <a:pt x="182" y="180"/>
                </a:lnTo>
                <a:lnTo>
                  <a:pt x="176" y="170"/>
                </a:lnTo>
                <a:lnTo>
                  <a:pt x="166" y="178"/>
                </a:lnTo>
                <a:lnTo>
                  <a:pt x="166" y="186"/>
                </a:lnTo>
                <a:lnTo>
                  <a:pt x="160" y="194"/>
                </a:lnTo>
                <a:lnTo>
                  <a:pt x="148" y="198"/>
                </a:lnTo>
                <a:lnTo>
                  <a:pt x="124" y="194"/>
                </a:lnTo>
                <a:lnTo>
                  <a:pt x="122" y="184"/>
                </a:lnTo>
                <a:lnTo>
                  <a:pt x="128" y="176"/>
                </a:lnTo>
                <a:lnTo>
                  <a:pt x="120" y="164"/>
                </a:lnTo>
                <a:lnTo>
                  <a:pt x="126" y="154"/>
                </a:lnTo>
                <a:lnTo>
                  <a:pt x="114" y="142"/>
                </a:lnTo>
                <a:lnTo>
                  <a:pt x="88" y="142"/>
                </a:lnTo>
                <a:lnTo>
                  <a:pt x="86" y="128"/>
                </a:lnTo>
                <a:lnTo>
                  <a:pt x="74" y="116"/>
                </a:lnTo>
                <a:lnTo>
                  <a:pt x="54" y="116"/>
                </a:lnTo>
                <a:lnTo>
                  <a:pt x="54" y="102"/>
                </a:lnTo>
                <a:lnTo>
                  <a:pt x="46" y="82"/>
                </a:lnTo>
                <a:lnTo>
                  <a:pt x="32" y="80"/>
                </a:lnTo>
                <a:lnTo>
                  <a:pt x="16" y="68"/>
                </a:lnTo>
                <a:lnTo>
                  <a:pt x="10" y="62"/>
                </a:lnTo>
                <a:lnTo>
                  <a:pt x="4" y="54"/>
                </a:lnTo>
                <a:lnTo>
                  <a:pt x="4" y="48"/>
                </a:lnTo>
                <a:lnTo>
                  <a:pt x="0" y="42"/>
                </a:lnTo>
                <a:lnTo>
                  <a:pt x="2" y="38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10" name="Freeform 89" descr="90%"/>
          <p:cNvSpPr>
            <a:spLocks/>
          </p:cNvSpPr>
          <p:nvPr/>
        </p:nvSpPr>
        <p:spPr bwMode="auto">
          <a:xfrm>
            <a:off x="3548063" y="3798888"/>
            <a:ext cx="1450975" cy="1457325"/>
          </a:xfrm>
          <a:custGeom>
            <a:avLst/>
            <a:gdLst>
              <a:gd name="T0" fmla="*/ 2147483647 w 1120"/>
              <a:gd name="T1" fmla="*/ 2147483647 h 1126"/>
              <a:gd name="T2" fmla="*/ 2147483647 w 1120"/>
              <a:gd name="T3" fmla="*/ 2147483647 h 1126"/>
              <a:gd name="T4" fmla="*/ 2147483647 w 1120"/>
              <a:gd name="T5" fmla="*/ 2147483647 h 1126"/>
              <a:gd name="T6" fmla="*/ 2147483647 w 1120"/>
              <a:gd name="T7" fmla="*/ 2147483647 h 1126"/>
              <a:gd name="T8" fmla="*/ 2147483647 w 1120"/>
              <a:gd name="T9" fmla="*/ 2147483647 h 1126"/>
              <a:gd name="T10" fmla="*/ 2147483647 w 1120"/>
              <a:gd name="T11" fmla="*/ 2147483647 h 1126"/>
              <a:gd name="T12" fmla="*/ 2147483647 w 1120"/>
              <a:gd name="T13" fmla="*/ 2147483647 h 1126"/>
              <a:gd name="T14" fmla="*/ 2147483647 w 1120"/>
              <a:gd name="T15" fmla="*/ 2147483647 h 1126"/>
              <a:gd name="T16" fmla="*/ 2147483647 w 1120"/>
              <a:gd name="T17" fmla="*/ 2147483647 h 1126"/>
              <a:gd name="T18" fmla="*/ 2147483647 w 1120"/>
              <a:gd name="T19" fmla="*/ 2147483647 h 1126"/>
              <a:gd name="T20" fmla="*/ 2147483647 w 1120"/>
              <a:gd name="T21" fmla="*/ 2147483647 h 1126"/>
              <a:gd name="T22" fmla="*/ 2147483647 w 1120"/>
              <a:gd name="T23" fmla="*/ 2147483647 h 1126"/>
              <a:gd name="T24" fmla="*/ 2147483647 w 1120"/>
              <a:gd name="T25" fmla="*/ 2147483647 h 1126"/>
              <a:gd name="T26" fmla="*/ 2147483647 w 1120"/>
              <a:gd name="T27" fmla="*/ 2147483647 h 1126"/>
              <a:gd name="T28" fmla="*/ 2147483647 w 1120"/>
              <a:gd name="T29" fmla="*/ 2147483647 h 1126"/>
              <a:gd name="T30" fmla="*/ 2147483647 w 1120"/>
              <a:gd name="T31" fmla="*/ 2147483647 h 1126"/>
              <a:gd name="T32" fmla="*/ 2147483647 w 1120"/>
              <a:gd name="T33" fmla="*/ 2147483647 h 1126"/>
              <a:gd name="T34" fmla="*/ 2147483647 w 1120"/>
              <a:gd name="T35" fmla="*/ 2147483647 h 1126"/>
              <a:gd name="T36" fmla="*/ 2147483647 w 1120"/>
              <a:gd name="T37" fmla="*/ 2147483647 h 1126"/>
              <a:gd name="T38" fmla="*/ 2147483647 w 1120"/>
              <a:gd name="T39" fmla="*/ 2147483647 h 1126"/>
              <a:gd name="T40" fmla="*/ 2147483647 w 1120"/>
              <a:gd name="T41" fmla="*/ 2147483647 h 1126"/>
              <a:gd name="T42" fmla="*/ 2147483647 w 1120"/>
              <a:gd name="T43" fmla="*/ 2147483647 h 1126"/>
              <a:gd name="T44" fmla="*/ 2147483647 w 1120"/>
              <a:gd name="T45" fmla="*/ 2147483647 h 1126"/>
              <a:gd name="T46" fmla="*/ 2147483647 w 1120"/>
              <a:gd name="T47" fmla="*/ 2147483647 h 1126"/>
              <a:gd name="T48" fmla="*/ 2147483647 w 1120"/>
              <a:gd name="T49" fmla="*/ 2147483647 h 1126"/>
              <a:gd name="T50" fmla="*/ 2147483647 w 1120"/>
              <a:gd name="T51" fmla="*/ 2147483647 h 1126"/>
              <a:gd name="T52" fmla="*/ 2147483647 w 1120"/>
              <a:gd name="T53" fmla="*/ 2147483647 h 1126"/>
              <a:gd name="T54" fmla="*/ 2147483647 w 1120"/>
              <a:gd name="T55" fmla="*/ 2147483647 h 1126"/>
              <a:gd name="T56" fmla="*/ 0 w 1120"/>
              <a:gd name="T57" fmla="*/ 2147483647 h 1126"/>
              <a:gd name="T58" fmla="*/ 2147483647 w 1120"/>
              <a:gd name="T59" fmla="*/ 2147483647 h 1126"/>
              <a:gd name="T60" fmla="*/ 2147483647 w 1120"/>
              <a:gd name="T61" fmla="*/ 2147483647 h 1126"/>
              <a:gd name="T62" fmla="*/ 2147483647 w 1120"/>
              <a:gd name="T63" fmla="*/ 2147483647 h 1126"/>
              <a:gd name="T64" fmla="*/ 2147483647 w 1120"/>
              <a:gd name="T65" fmla="*/ 2147483647 h 1126"/>
              <a:gd name="T66" fmla="*/ 2147483647 w 1120"/>
              <a:gd name="T67" fmla="*/ 2147483647 h 1126"/>
              <a:gd name="T68" fmla="*/ 2147483647 w 1120"/>
              <a:gd name="T69" fmla="*/ 2147483647 h 1126"/>
              <a:gd name="T70" fmla="*/ 2147483647 w 1120"/>
              <a:gd name="T71" fmla="*/ 2147483647 h 1126"/>
              <a:gd name="T72" fmla="*/ 2147483647 w 1120"/>
              <a:gd name="T73" fmla="*/ 2147483647 h 1126"/>
              <a:gd name="T74" fmla="*/ 2147483647 w 1120"/>
              <a:gd name="T75" fmla="*/ 2147483647 h 1126"/>
              <a:gd name="T76" fmla="*/ 2147483647 w 1120"/>
              <a:gd name="T77" fmla="*/ 2147483647 h 1126"/>
              <a:gd name="T78" fmla="*/ 2147483647 w 1120"/>
              <a:gd name="T79" fmla="*/ 2147483647 h 1126"/>
              <a:gd name="T80" fmla="*/ 2147483647 w 1120"/>
              <a:gd name="T81" fmla="*/ 2147483647 h 1126"/>
              <a:gd name="T82" fmla="*/ 2147483647 w 1120"/>
              <a:gd name="T83" fmla="*/ 2147483647 h 1126"/>
              <a:gd name="T84" fmla="*/ 2147483647 w 1120"/>
              <a:gd name="T85" fmla="*/ 2147483647 h 1126"/>
              <a:gd name="T86" fmla="*/ 2147483647 w 1120"/>
              <a:gd name="T87" fmla="*/ 2147483647 h 1126"/>
              <a:gd name="T88" fmla="*/ 2147483647 w 1120"/>
              <a:gd name="T89" fmla="*/ 2147483647 h 1126"/>
              <a:gd name="T90" fmla="*/ 2147483647 w 1120"/>
              <a:gd name="T91" fmla="*/ 2147483647 h 1126"/>
              <a:gd name="T92" fmla="*/ 2147483647 w 1120"/>
              <a:gd name="T93" fmla="*/ 2147483647 h 1126"/>
              <a:gd name="T94" fmla="*/ 2147483647 w 1120"/>
              <a:gd name="T95" fmla="*/ 2147483647 h 1126"/>
              <a:gd name="T96" fmla="*/ 2147483647 w 1120"/>
              <a:gd name="T97" fmla="*/ 2147483647 h 1126"/>
              <a:gd name="T98" fmla="*/ 2147483647 w 1120"/>
              <a:gd name="T99" fmla="*/ 2147483647 h 1126"/>
              <a:gd name="T100" fmla="*/ 2147483647 w 1120"/>
              <a:gd name="T101" fmla="*/ 2147483647 h 1126"/>
              <a:gd name="T102" fmla="*/ 2147483647 w 1120"/>
              <a:gd name="T103" fmla="*/ 2147483647 h 1126"/>
              <a:gd name="T104" fmla="*/ 2147483647 w 1120"/>
              <a:gd name="T105" fmla="*/ 2147483647 h 1126"/>
              <a:gd name="T106" fmla="*/ 2147483647 w 1120"/>
              <a:gd name="T107" fmla="*/ 2147483647 h 1126"/>
              <a:gd name="T108" fmla="*/ 2147483647 w 1120"/>
              <a:gd name="T109" fmla="*/ 2147483647 h 1126"/>
              <a:gd name="T110" fmla="*/ 2147483647 w 1120"/>
              <a:gd name="T111" fmla="*/ 2147483647 h 1126"/>
              <a:gd name="T112" fmla="*/ 2147483647 w 1120"/>
              <a:gd name="T113" fmla="*/ 2147483647 h 1126"/>
              <a:gd name="T114" fmla="*/ 2147483647 w 1120"/>
              <a:gd name="T115" fmla="*/ 2147483647 h 1126"/>
              <a:gd name="T116" fmla="*/ 2147483647 w 1120"/>
              <a:gd name="T117" fmla="*/ 2147483647 h 112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120" h="1126">
                <a:moveTo>
                  <a:pt x="1022" y="984"/>
                </a:moveTo>
                <a:lnTo>
                  <a:pt x="1008" y="984"/>
                </a:lnTo>
                <a:lnTo>
                  <a:pt x="1000" y="996"/>
                </a:lnTo>
                <a:lnTo>
                  <a:pt x="988" y="998"/>
                </a:lnTo>
                <a:lnTo>
                  <a:pt x="976" y="1016"/>
                </a:lnTo>
                <a:lnTo>
                  <a:pt x="962" y="1016"/>
                </a:lnTo>
                <a:lnTo>
                  <a:pt x="954" y="1028"/>
                </a:lnTo>
                <a:lnTo>
                  <a:pt x="950" y="1044"/>
                </a:lnTo>
                <a:lnTo>
                  <a:pt x="938" y="1046"/>
                </a:lnTo>
                <a:lnTo>
                  <a:pt x="926" y="1048"/>
                </a:lnTo>
                <a:lnTo>
                  <a:pt x="926" y="1052"/>
                </a:lnTo>
                <a:lnTo>
                  <a:pt x="908" y="1052"/>
                </a:lnTo>
                <a:lnTo>
                  <a:pt x="900" y="1056"/>
                </a:lnTo>
                <a:lnTo>
                  <a:pt x="892" y="1050"/>
                </a:lnTo>
                <a:lnTo>
                  <a:pt x="882" y="1054"/>
                </a:lnTo>
                <a:lnTo>
                  <a:pt x="870" y="1054"/>
                </a:lnTo>
                <a:lnTo>
                  <a:pt x="864" y="1044"/>
                </a:lnTo>
                <a:lnTo>
                  <a:pt x="848" y="1036"/>
                </a:lnTo>
                <a:lnTo>
                  <a:pt x="830" y="1036"/>
                </a:lnTo>
                <a:lnTo>
                  <a:pt x="828" y="1018"/>
                </a:lnTo>
                <a:lnTo>
                  <a:pt x="822" y="1016"/>
                </a:lnTo>
                <a:lnTo>
                  <a:pt x="806" y="1016"/>
                </a:lnTo>
                <a:lnTo>
                  <a:pt x="800" y="1010"/>
                </a:lnTo>
                <a:lnTo>
                  <a:pt x="808" y="1008"/>
                </a:lnTo>
                <a:lnTo>
                  <a:pt x="812" y="1004"/>
                </a:lnTo>
                <a:lnTo>
                  <a:pt x="814" y="1002"/>
                </a:lnTo>
                <a:lnTo>
                  <a:pt x="812" y="994"/>
                </a:lnTo>
                <a:lnTo>
                  <a:pt x="802" y="992"/>
                </a:lnTo>
                <a:lnTo>
                  <a:pt x="802" y="1004"/>
                </a:lnTo>
                <a:lnTo>
                  <a:pt x="790" y="1006"/>
                </a:lnTo>
                <a:lnTo>
                  <a:pt x="784" y="1010"/>
                </a:lnTo>
                <a:lnTo>
                  <a:pt x="770" y="1004"/>
                </a:lnTo>
                <a:lnTo>
                  <a:pt x="766" y="1012"/>
                </a:lnTo>
                <a:lnTo>
                  <a:pt x="756" y="1008"/>
                </a:lnTo>
                <a:lnTo>
                  <a:pt x="754" y="1000"/>
                </a:lnTo>
                <a:lnTo>
                  <a:pt x="742" y="1000"/>
                </a:lnTo>
                <a:lnTo>
                  <a:pt x="728" y="990"/>
                </a:lnTo>
                <a:lnTo>
                  <a:pt x="722" y="994"/>
                </a:lnTo>
                <a:lnTo>
                  <a:pt x="714" y="984"/>
                </a:lnTo>
                <a:lnTo>
                  <a:pt x="704" y="982"/>
                </a:lnTo>
                <a:lnTo>
                  <a:pt x="688" y="990"/>
                </a:lnTo>
                <a:lnTo>
                  <a:pt x="678" y="998"/>
                </a:lnTo>
                <a:lnTo>
                  <a:pt x="658" y="1010"/>
                </a:lnTo>
                <a:lnTo>
                  <a:pt x="654" y="1014"/>
                </a:lnTo>
                <a:lnTo>
                  <a:pt x="640" y="1014"/>
                </a:lnTo>
                <a:lnTo>
                  <a:pt x="622" y="1026"/>
                </a:lnTo>
                <a:lnTo>
                  <a:pt x="610" y="1036"/>
                </a:lnTo>
                <a:lnTo>
                  <a:pt x="606" y="1054"/>
                </a:lnTo>
                <a:lnTo>
                  <a:pt x="604" y="1068"/>
                </a:lnTo>
                <a:lnTo>
                  <a:pt x="604" y="1100"/>
                </a:lnTo>
                <a:lnTo>
                  <a:pt x="608" y="1106"/>
                </a:lnTo>
                <a:lnTo>
                  <a:pt x="610" y="1112"/>
                </a:lnTo>
                <a:lnTo>
                  <a:pt x="610" y="1120"/>
                </a:lnTo>
                <a:lnTo>
                  <a:pt x="596" y="1114"/>
                </a:lnTo>
                <a:lnTo>
                  <a:pt x="582" y="1112"/>
                </a:lnTo>
                <a:lnTo>
                  <a:pt x="576" y="1114"/>
                </a:lnTo>
                <a:lnTo>
                  <a:pt x="564" y="1116"/>
                </a:lnTo>
                <a:lnTo>
                  <a:pt x="562" y="1124"/>
                </a:lnTo>
                <a:lnTo>
                  <a:pt x="544" y="1126"/>
                </a:lnTo>
                <a:lnTo>
                  <a:pt x="534" y="1114"/>
                </a:lnTo>
                <a:lnTo>
                  <a:pt x="524" y="1112"/>
                </a:lnTo>
                <a:lnTo>
                  <a:pt x="514" y="1112"/>
                </a:lnTo>
                <a:lnTo>
                  <a:pt x="502" y="1120"/>
                </a:lnTo>
                <a:lnTo>
                  <a:pt x="494" y="1112"/>
                </a:lnTo>
                <a:lnTo>
                  <a:pt x="492" y="1106"/>
                </a:lnTo>
                <a:lnTo>
                  <a:pt x="478" y="1096"/>
                </a:lnTo>
                <a:lnTo>
                  <a:pt x="468" y="1096"/>
                </a:lnTo>
                <a:lnTo>
                  <a:pt x="466" y="1098"/>
                </a:lnTo>
                <a:lnTo>
                  <a:pt x="468" y="1092"/>
                </a:lnTo>
                <a:lnTo>
                  <a:pt x="466" y="1086"/>
                </a:lnTo>
                <a:lnTo>
                  <a:pt x="464" y="1082"/>
                </a:lnTo>
                <a:lnTo>
                  <a:pt x="458" y="1082"/>
                </a:lnTo>
                <a:lnTo>
                  <a:pt x="450" y="1084"/>
                </a:lnTo>
                <a:lnTo>
                  <a:pt x="448" y="1088"/>
                </a:lnTo>
                <a:lnTo>
                  <a:pt x="444" y="1072"/>
                </a:lnTo>
                <a:lnTo>
                  <a:pt x="438" y="1064"/>
                </a:lnTo>
                <a:lnTo>
                  <a:pt x="424" y="1062"/>
                </a:lnTo>
                <a:lnTo>
                  <a:pt x="416" y="1056"/>
                </a:lnTo>
                <a:lnTo>
                  <a:pt x="396" y="1046"/>
                </a:lnTo>
                <a:lnTo>
                  <a:pt x="378" y="1040"/>
                </a:lnTo>
                <a:lnTo>
                  <a:pt x="372" y="1046"/>
                </a:lnTo>
                <a:lnTo>
                  <a:pt x="374" y="1060"/>
                </a:lnTo>
                <a:lnTo>
                  <a:pt x="348" y="1060"/>
                </a:lnTo>
                <a:lnTo>
                  <a:pt x="348" y="1056"/>
                </a:lnTo>
                <a:lnTo>
                  <a:pt x="304" y="1050"/>
                </a:lnTo>
                <a:lnTo>
                  <a:pt x="286" y="1030"/>
                </a:lnTo>
                <a:lnTo>
                  <a:pt x="278" y="1032"/>
                </a:lnTo>
                <a:lnTo>
                  <a:pt x="258" y="1032"/>
                </a:lnTo>
                <a:lnTo>
                  <a:pt x="246" y="1016"/>
                </a:lnTo>
                <a:lnTo>
                  <a:pt x="244" y="1008"/>
                </a:lnTo>
                <a:lnTo>
                  <a:pt x="234" y="1008"/>
                </a:lnTo>
                <a:lnTo>
                  <a:pt x="224" y="1004"/>
                </a:lnTo>
                <a:lnTo>
                  <a:pt x="200" y="988"/>
                </a:lnTo>
                <a:lnTo>
                  <a:pt x="196" y="980"/>
                </a:lnTo>
                <a:lnTo>
                  <a:pt x="188" y="986"/>
                </a:lnTo>
                <a:lnTo>
                  <a:pt x="176" y="986"/>
                </a:lnTo>
                <a:lnTo>
                  <a:pt x="178" y="976"/>
                </a:lnTo>
                <a:lnTo>
                  <a:pt x="188" y="964"/>
                </a:lnTo>
                <a:lnTo>
                  <a:pt x="184" y="956"/>
                </a:lnTo>
                <a:lnTo>
                  <a:pt x="174" y="956"/>
                </a:lnTo>
                <a:lnTo>
                  <a:pt x="168" y="954"/>
                </a:lnTo>
                <a:lnTo>
                  <a:pt x="152" y="940"/>
                </a:lnTo>
                <a:lnTo>
                  <a:pt x="168" y="938"/>
                </a:lnTo>
                <a:lnTo>
                  <a:pt x="182" y="918"/>
                </a:lnTo>
                <a:lnTo>
                  <a:pt x="190" y="904"/>
                </a:lnTo>
                <a:lnTo>
                  <a:pt x="196" y="890"/>
                </a:lnTo>
                <a:lnTo>
                  <a:pt x="208" y="862"/>
                </a:lnTo>
                <a:lnTo>
                  <a:pt x="220" y="832"/>
                </a:lnTo>
                <a:lnTo>
                  <a:pt x="226" y="804"/>
                </a:lnTo>
                <a:lnTo>
                  <a:pt x="228" y="794"/>
                </a:lnTo>
                <a:lnTo>
                  <a:pt x="234" y="780"/>
                </a:lnTo>
                <a:lnTo>
                  <a:pt x="242" y="782"/>
                </a:lnTo>
                <a:lnTo>
                  <a:pt x="246" y="778"/>
                </a:lnTo>
                <a:lnTo>
                  <a:pt x="246" y="772"/>
                </a:lnTo>
                <a:lnTo>
                  <a:pt x="236" y="772"/>
                </a:lnTo>
                <a:lnTo>
                  <a:pt x="234" y="764"/>
                </a:lnTo>
                <a:lnTo>
                  <a:pt x="240" y="734"/>
                </a:lnTo>
                <a:lnTo>
                  <a:pt x="250" y="698"/>
                </a:lnTo>
                <a:lnTo>
                  <a:pt x="254" y="688"/>
                </a:lnTo>
                <a:lnTo>
                  <a:pt x="254" y="678"/>
                </a:lnTo>
                <a:lnTo>
                  <a:pt x="258" y="672"/>
                </a:lnTo>
                <a:lnTo>
                  <a:pt x="264" y="670"/>
                </a:lnTo>
                <a:lnTo>
                  <a:pt x="266" y="676"/>
                </a:lnTo>
                <a:lnTo>
                  <a:pt x="272" y="684"/>
                </a:lnTo>
                <a:lnTo>
                  <a:pt x="280" y="692"/>
                </a:lnTo>
                <a:lnTo>
                  <a:pt x="286" y="702"/>
                </a:lnTo>
                <a:lnTo>
                  <a:pt x="290" y="704"/>
                </a:lnTo>
                <a:lnTo>
                  <a:pt x="292" y="696"/>
                </a:lnTo>
                <a:lnTo>
                  <a:pt x="286" y="682"/>
                </a:lnTo>
                <a:lnTo>
                  <a:pt x="276" y="670"/>
                </a:lnTo>
                <a:lnTo>
                  <a:pt x="266" y="660"/>
                </a:lnTo>
                <a:lnTo>
                  <a:pt x="260" y="652"/>
                </a:lnTo>
                <a:lnTo>
                  <a:pt x="252" y="648"/>
                </a:lnTo>
                <a:lnTo>
                  <a:pt x="252" y="640"/>
                </a:lnTo>
                <a:lnTo>
                  <a:pt x="256" y="636"/>
                </a:lnTo>
                <a:lnTo>
                  <a:pt x="256" y="628"/>
                </a:lnTo>
                <a:lnTo>
                  <a:pt x="248" y="620"/>
                </a:lnTo>
                <a:lnTo>
                  <a:pt x="242" y="612"/>
                </a:lnTo>
                <a:lnTo>
                  <a:pt x="246" y="608"/>
                </a:lnTo>
                <a:lnTo>
                  <a:pt x="252" y="606"/>
                </a:lnTo>
                <a:lnTo>
                  <a:pt x="256" y="612"/>
                </a:lnTo>
                <a:lnTo>
                  <a:pt x="258" y="620"/>
                </a:lnTo>
                <a:lnTo>
                  <a:pt x="260" y="624"/>
                </a:lnTo>
                <a:lnTo>
                  <a:pt x="268" y="626"/>
                </a:lnTo>
                <a:lnTo>
                  <a:pt x="272" y="618"/>
                </a:lnTo>
                <a:lnTo>
                  <a:pt x="272" y="606"/>
                </a:lnTo>
                <a:lnTo>
                  <a:pt x="270" y="594"/>
                </a:lnTo>
                <a:lnTo>
                  <a:pt x="264" y="586"/>
                </a:lnTo>
                <a:lnTo>
                  <a:pt x="268" y="580"/>
                </a:lnTo>
                <a:lnTo>
                  <a:pt x="274" y="576"/>
                </a:lnTo>
                <a:lnTo>
                  <a:pt x="274" y="572"/>
                </a:lnTo>
                <a:lnTo>
                  <a:pt x="268" y="572"/>
                </a:lnTo>
                <a:lnTo>
                  <a:pt x="264" y="576"/>
                </a:lnTo>
                <a:lnTo>
                  <a:pt x="260" y="568"/>
                </a:lnTo>
                <a:lnTo>
                  <a:pt x="244" y="558"/>
                </a:lnTo>
                <a:lnTo>
                  <a:pt x="240" y="552"/>
                </a:lnTo>
                <a:lnTo>
                  <a:pt x="230" y="546"/>
                </a:lnTo>
                <a:lnTo>
                  <a:pt x="218" y="534"/>
                </a:lnTo>
                <a:lnTo>
                  <a:pt x="214" y="516"/>
                </a:lnTo>
                <a:lnTo>
                  <a:pt x="206" y="504"/>
                </a:lnTo>
                <a:lnTo>
                  <a:pt x="196" y="494"/>
                </a:lnTo>
                <a:lnTo>
                  <a:pt x="196" y="484"/>
                </a:lnTo>
                <a:lnTo>
                  <a:pt x="196" y="478"/>
                </a:lnTo>
                <a:lnTo>
                  <a:pt x="190" y="472"/>
                </a:lnTo>
                <a:lnTo>
                  <a:pt x="192" y="468"/>
                </a:lnTo>
                <a:lnTo>
                  <a:pt x="198" y="476"/>
                </a:lnTo>
                <a:lnTo>
                  <a:pt x="204" y="478"/>
                </a:lnTo>
                <a:lnTo>
                  <a:pt x="210" y="470"/>
                </a:lnTo>
                <a:lnTo>
                  <a:pt x="212" y="466"/>
                </a:lnTo>
                <a:lnTo>
                  <a:pt x="206" y="458"/>
                </a:lnTo>
                <a:lnTo>
                  <a:pt x="200" y="456"/>
                </a:lnTo>
                <a:lnTo>
                  <a:pt x="194" y="448"/>
                </a:lnTo>
                <a:lnTo>
                  <a:pt x="200" y="442"/>
                </a:lnTo>
                <a:lnTo>
                  <a:pt x="200" y="434"/>
                </a:lnTo>
                <a:lnTo>
                  <a:pt x="194" y="434"/>
                </a:lnTo>
                <a:lnTo>
                  <a:pt x="190" y="436"/>
                </a:lnTo>
                <a:lnTo>
                  <a:pt x="182" y="432"/>
                </a:lnTo>
                <a:lnTo>
                  <a:pt x="174" y="424"/>
                </a:lnTo>
                <a:lnTo>
                  <a:pt x="170" y="416"/>
                </a:lnTo>
                <a:lnTo>
                  <a:pt x="178" y="408"/>
                </a:lnTo>
                <a:lnTo>
                  <a:pt x="178" y="400"/>
                </a:lnTo>
                <a:lnTo>
                  <a:pt x="170" y="396"/>
                </a:lnTo>
                <a:lnTo>
                  <a:pt x="158" y="396"/>
                </a:lnTo>
                <a:lnTo>
                  <a:pt x="150" y="394"/>
                </a:lnTo>
                <a:lnTo>
                  <a:pt x="142" y="382"/>
                </a:lnTo>
                <a:lnTo>
                  <a:pt x="132" y="382"/>
                </a:lnTo>
                <a:lnTo>
                  <a:pt x="126" y="382"/>
                </a:lnTo>
                <a:lnTo>
                  <a:pt x="116" y="366"/>
                </a:lnTo>
                <a:lnTo>
                  <a:pt x="106" y="358"/>
                </a:lnTo>
                <a:lnTo>
                  <a:pt x="92" y="350"/>
                </a:lnTo>
                <a:lnTo>
                  <a:pt x="78" y="344"/>
                </a:lnTo>
                <a:lnTo>
                  <a:pt x="68" y="342"/>
                </a:lnTo>
                <a:lnTo>
                  <a:pt x="64" y="330"/>
                </a:lnTo>
                <a:lnTo>
                  <a:pt x="50" y="328"/>
                </a:lnTo>
                <a:lnTo>
                  <a:pt x="42" y="328"/>
                </a:lnTo>
                <a:lnTo>
                  <a:pt x="40" y="334"/>
                </a:lnTo>
                <a:lnTo>
                  <a:pt x="32" y="336"/>
                </a:lnTo>
                <a:lnTo>
                  <a:pt x="24" y="332"/>
                </a:lnTo>
                <a:lnTo>
                  <a:pt x="24" y="320"/>
                </a:lnTo>
                <a:lnTo>
                  <a:pt x="20" y="308"/>
                </a:lnTo>
                <a:lnTo>
                  <a:pt x="16" y="302"/>
                </a:lnTo>
                <a:lnTo>
                  <a:pt x="4" y="302"/>
                </a:lnTo>
                <a:lnTo>
                  <a:pt x="0" y="298"/>
                </a:lnTo>
                <a:lnTo>
                  <a:pt x="4" y="292"/>
                </a:lnTo>
                <a:lnTo>
                  <a:pt x="22" y="292"/>
                </a:lnTo>
                <a:lnTo>
                  <a:pt x="30" y="296"/>
                </a:lnTo>
                <a:lnTo>
                  <a:pt x="38" y="296"/>
                </a:lnTo>
                <a:lnTo>
                  <a:pt x="38" y="286"/>
                </a:lnTo>
                <a:lnTo>
                  <a:pt x="32" y="280"/>
                </a:lnTo>
                <a:lnTo>
                  <a:pt x="26" y="276"/>
                </a:lnTo>
                <a:lnTo>
                  <a:pt x="22" y="274"/>
                </a:lnTo>
                <a:lnTo>
                  <a:pt x="26" y="268"/>
                </a:lnTo>
                <a:lnTo>
                  <a:pt x="30" y="266"/>
                </a:lnTo>
                <a:lnTo>
                  <a:pt x="28" y="262"/>
                </a:lnTo>
                <a:lnTo>
                  <a:pt x="24" y="262"/>
                </a:lnTo>
                <a:lnTo>
                  <a:pt x="14" y="266"/>
                </a:lnTo>
                <a:lnTo>
                  <a:pt x="6" y="258"/>
                </a:lnTo>
                <a:lnTo>
                  <a:pt x="6" y="248"/>
                </a:lnTo>
                <a:lnTo>
                  <a:pt x="12" y="234"/>
                </a:lnTo>
                <a:lnTo>
                  <a:pt x="32" y="224"/>
                </a:lnTo>
                <a:lnTo>
                  <a:pt x="60" y="226"/>
                </a:lnTo>
                <a:lnTo>
                  <a:pt x="78" y="222"/>
                </a:lnTo>
                <a:lnTo>
                  <a:pt x="86" y="228"/>
                </a:lnTo>
                <a:lnTo>
                  <a:pt x="94" y="226"/>
                </a:lnTo>
                <a:lnTo>
                  <a:pt x="104" y="230"/>
                </a:lnTo>
                <a:lnTo>
                  <a:pt x="110" y="232"/>
                </a:lnTo>
                <a:lnTo>
                  <a:pt x="112" y="226"/>
                </a:lnTo>
                <a:lnTo>
                  <a:pt x="116" y="218"/>
                </a:lnTo>
                <a:lnTo>
                  <a:pt x="126" y="218"/>
                </a:lnTo>
                <a:lnTo>
                  <a:pt x="138" y="218"/>
                </a:lnTo>
                <a:lnTo>
                  <a:pt x="144" y="222"/>
                </a:lnTo>
                <a:lnTo>
                  <a:pt x="154" y="220"/>
                </a:lnTo>
                <a:lnTo>
                  <a:pt x="160" y="228"/>
                </a:lnTo>
                <a:lnTo>
                  <a:pt x="170" y="244"/>
                </a:lnTo>
                <a:lnTo>
                  <a:pt x="174" y="254"/>
                </a:lnTo>
                <a:lnTo>
                  <a:pt x="178" y="262"/>
                </a:lnTo>
                <a:lnTo>
                  <a:pt x="188" y="268"/>
                </a:lnTo>
                <a:lnTo>
                  <a:pt x="198" y="260"/>
                </a:lnTo>
                <a:lnTo>
                  <a:pt x="204" y="254"/>
                </a:lnTo>
                <a:lnTo>
                  <a:pt x="216" y="254"/>
                </a:lnTo>
                <a:lnTo>
                  <a:pt x="220" y="252"/>
                </a:lnTo>
                <a:lnTo>
                  <a:pt x="222" y="258"/>
                </a:lnTo>
                <a:lnTo>
                  <a:pt x="238" y="264"/>
                </a:lnTo>
                <a:lnTo>
                  <a:pt x="246" y="260"/>
                </a:lnTo>
                <a:lnTo>
                  <a:pt x="258" y="256"/>
                </a:lnTo>
                <a:lnTo>
                  <a:pt x="258" y="264"/>
                </a:lnTo>
                <a:lnTo>
                  <a:pt x="264" y="268"/>
                </a:lnTo>
                <a:lnTo>
                  <a:pt x="272" y="270"/>
                </a:lnTo>
                <a:lnTo>
                  <a:pt x="290" y="272"/>
                </a:lnTo>
                <a:lnTo>
                  <a:pt x="292" y="264"/>
                </a:lnTo>
                <a:lnTo>
                  <a:pt x="286" y="254"/>
                </a:lnTo>
                <a:lnTo>
                  <a:pt x="284" y="234"/>
                </a:lnTo>
                <a:lnTo>
                  <a:pt x="290" y="212"/>
                </a:lnTo>
                <a:lnTo>
                  <a:pt x="288" y="188"/>
                </a:lnTo>
                <a:lnTo>
                  <a:pt x="286" y="178"/>
                </a:lnTo>
                <a:lnTo>
                  <a:pt x="276" y="170"/>
                </a:lnTo>
                <a:lnTo>
                  <a:pt x="276" y="154"/>
                </a:lnTo>
                <a:lnTo>
                  <a:pt x="276" y="138"/>
                </a:lnTo>
                <a:lnTo>
                  <a:pt x="274" y="126"/>
                </a:lnTo>
                <a:lnTo>
                  <a:pt x="286" y="130"/>
                </a:lnTo>
                <a:lnTo>
                  <a:pt x="294" y="138"/>
                </a:lnTo>
                <a:lnTo>
                  <a:pt x="304" y="140"/>
                </a:lnTo>
                <a:lnTo>
                  <a:pt x="312" y="134"/>
                </a:lnTo>
                <a:lnTo>
                  <a:pt x="320" y="134"/>
                </a:lnTo>
                <a:lnTo>
                  <a:pt x="326" y="138"/>
                </a:lnTo>
                <a:lnTo>
                  <a:pt x="332" y="146"/>
                </a:lnTo>
                <a:lnTo>
                  <a:pt x="328" y="152"/>
                </a:lnTo>
                <a:lnTo>
                  <a:pt x="322" y="154"/>
                </a:lnTo>
                <a:lnTo>
                  <a:pt x="322" y="162"/>
                </a:lnTo>
                <a:lnTo>
                  <a:pt x="328" y="168"/>
                </a:lnTo>
                <a:lnTo>
                  <a:pt x="328" y="176"/>
                </a:lnTo>
                <a:lnTo>
                  <a:pt x="332" y="182"/>
                </a:lnTo>
                <a:lnTo>
                  <a:pt x="336" y="184"/>
                </a:lnTo>
                <a:lnTo>
                  <a:pt x="346" y="180"/>
                </a:lnTo>
                <a:lnTo>
                  <a:pt x="356" y="182"/>
                </a:lnTo>
                <a:lnTo>
                  <a:pt x="374" y="192"/>
                </a:lnTo>
                <a:lnTo>
                  <a:pt x="392" y="192"/>
                </a:lnTo>
                <a:lnTo>
                  <a:pt x="400" y="198"/>
                </a:lnTo>
                <a:lnTo>
                  <a:pt x="422" y="204"/>
                </a:lnTo>
                <a:lnTo>
                  <a:pt x="434" y="196"/>
                </a:lnTo>
                <a:lnTo>
                  <a:pt x="448" y="190"/>
                </a:lnTo>
                <a:lnTo>
                  <a:pt x="448" y="184"/>
                </a:lnTo>
                <a:lnTo>
                  <a:pt x="442" y="182"/>
                </a:lnTo>
                <a:lnTo>
                  <a:pt x="438" y="172"/>
                </a:lnTo>
                <a:lnTo>
                  <a:pt x="446" y="158"/>
                </a:lnTo>
                <a:lnTo>
                  <a:pt x="454" y="152"/>
                </a:lnTo>
                <a:lnTo>
                  <a:pt x="470" y="146"/>
                </a:lnTo>
                <a:lnTo>
                  <a:pt x="486" y="136"/>
                </a:lnTo>
                <a:lnTo>
                  <a:pt x="524" y="136"/>
                </a:lnTo>
                <a:lnTo>
                  <a:pt x="544" y="130"/>
                </a:lnTo>
                <a:lnTo>
                  <a:pt x="558" y="116"/>
                </a:lnTo>
                <a:lnTo>
                  <a:pt x="572" y="98"/>
                </a:lnTo>
                <a:lnTo>
                  <a:pt x="576" y="68"/>
                </a:lnTo>
                <a:lnTo>
                  <a:pt x="580" y="38"/>
                </a:lnTo>
                <a:lnTo>
                  <a:pt x="584" y="20"/>
                </a:lnTo>
                <a:lnTo>
                  <a:pt x="604" y="10"/>
                </a:lnTo>
                <a:lnTo>
                  <a:pt x="632" y="4"/>
                </a:lnTo>
                <a:lnTo>
                  <a:pt x="666" y="0"/>
                </a:lnTo>
                <a:lnTo>
                  <a:pt x="664" y="4"/>
                </a:lnTo>
                <a:lnTo>
                  <a:pt x="668" y="10"/>
                </a:lnTo>
                <a:lnTo>
                  <a:pt x="668" y="16"/>
                </a:lnTo>
                <a:lnTo>
                  <a:pt x="680" y="30"/>
                </a:lnTo>
                <a:lnTo>
                  <a:pt x="694" y="42"/>
                </a:lnTo>
                <a:lnTo>
                  <a:pt x="710" y="44"/>
                </a:lnTo>
                <a:lnTo>
                  <a:pt x="718" y="64"/>
                </a:lnTo>
                <a:lnTo>
                  <a:pt x="718" y="78"/>
                </a:lnTo>
                <a:lnTo>
                  <a:pt x="738" y="78"/>
                </a:lnTo>
                <a:lnTo>
                  <a:pt x="750" y="90"/>
                </a:lnTo>
                <a:lnTo>
                  <a:pt x="752" y="104"/>
                </a:lnTo>
                <a:lnTo>
                  <a:pt x="778" y="104"/>
                </a:lnTo>
                <a:lnTo>
                  <a:pt x="790" y="116"/>
                </a:lnTo>
                <a:lnTo>
                  <a:pt x="784" y="126"/>
                </a:lnTo>
                <a:lnTo>
                  <a:pt x="792" y="138"/>
                </a:lnTo>
                <a:lnTo>
                  <a:pt x="786" y="146"/>
                </a:lnTo>
                <a:lnTo>
                  <a:pt x="788" y="156"/>
                </a:lnTo>
                <a:lnTo>
                  <a:pt x="812" y="160"/>
                </a:lnTo>
                <a:lnTo>
                  <a:pt x="824" y="156"/>
                </a:lnTo>
                <a:lnTo>
                  <a:pt x="830" y="148"/>
                </a:lnTo>
                <a:lnTo>
                  <a:pt x="830" y="140"/>
                </a:lnTo>
                <a:lnTo>
                  <a:pt x="840" y="132"/>
                </a:lnTo>
                <a:lnTo>
                  <a:pt x="846" y="142"/>
                </a:lnTo>
                <a:lnTo>
                  <a:pt x="838" y="152"/>
                </a:lnTo>
                <a:lnTo>
                  <a:pt x="840" y="178"/>
                </a:lnTo>
                <a:lnTo>
                  <a:pt x="854" y="180"/>
                </a:lnTo>
                <a:lnTo>
                  <a:pt x="882" y="202"/>
                </a:lnTo>
                <a:lnTo>
                  <a:pt x="890" y="218"/>
                </a:lnTo>
                <a:lnTo>
                  <a:pt x="920" y="220"/>
                </a:lnTo>
                <a:lnTo>
                  <a:pt x="926" y="224"/>
                </a:lnTo>
                <a:lnTo>
                  <a:pt x="934" y="232"/>
                </a:lnTo>
                <a:lnTo>
                  <a:pt x="940" y="228"/>
                </a:lnTo>
                <a:lnTo>
                  <a:pt x="946" y="222"/>
                </a:lnTo>
                <a:lnTo>
                  <a:pt x="956" y="224"/>
                </a:lnTo>
                <a:lnTo>
                  <a:pt x="964" y="226"/>
                </a:lnTo>
                <a:lnTo>
                  <a:pt x="980" y="234"/>
                </a:lnTo>
                <a:lnTo>
                  <a:pt x="982" y="250"/>
                </a:lnTo>
                <a:lnTo>
                  <a:pt x="1000" y="270"/>
                </a:lnTo>
                <a:lnTo>
                  <a:pt x="1004" y="264"/>
                </a:lnTo>
                <a:lnTo>
                  <a:pt x="1018" y="268"/>
                </a:lnTo>
                <a:lnTo>
                  <a:pt x="1018" y="276"/>
                </a:lnTo>
                <a:lnTo>
                  <a:pt x="1036" y="280"/>
                </a:lnTo>
                <a:lnTo>
                  <a:pt x="1056" y="276"/>
                </a:lnTo>
                <a:lnTo>
                  <a:pt x="1068" y="288"/>
                </a:lnTo>
                <a:lnTo>
                  <a:pt x="1096" y="288"/>
                </a:lnTo>
                <a:lnTo>
                  <a:pt x="1120" y="300"/>
                </a:lnTo>
                <a:lnTo>
                  <a:pt x="1100" y="324"/>
                </a:lnTo>
                <a:lnTo>
                  <a:pt x="1082" y="344"/>
                </a:lnTo>
                <a:lnTo>
                  <a:pt x="1076" y="378"/>
                </a:lnTo>
                <a:lnTo>
                  <a:pt x="1060" y="410"/>
                </a:lnTo>
                <a:lnTo>
                  <a:pt x="1066" y="424"/>
                </a:lnTo>
                <a:lnTo>
                  <a:pt x="1056" y="442"/>
                </a:lnTo>
                <a:lnTo>
                  <a:pt x="1058" y="470"/>
                </a:lnTo>
                <a:lnTo>
                  <a:pt x="1052" y="480"/>
                </a:lnTo>
                <a:lnTo>
                  <a:pt x="1042" y="494"/>
                </a:lnTo>
                <a:lnTo>
                  <a:pt x="1024" y="494"/>
                </a:lnTo>
                <a:lnTo>
                  <a:pt x="1020" y="488"/>
                </a:lnTo>
                <a:lnTo>
                  <a:pt x="1008" y="488"/>
                </a:lnTo>
                <a:lnTo>
                  <a:pt x="1006" y="508"/>
                </a:lnTo>
                <a:lnTo>
                  <a:pt x="988" y="518"/>
                </a:lnTo>
                <a:lnTo>
                  <a:pt x="980" y="542"/>
                </a:lnTo>
                <a:lnTo>
                  <a:pt x="960" y="556"/>
                </a:lnTo>
                <a:lnTo>
                  <a:pt x="954" y="580"/>
                </a:lnTo>
                <a:lnTo>
                  <a:pt x="928" y="598"/>
                </a:lnTo>
                <a:lnTo>
                  <a:pt x="922" y="614"/>
                </a:lnTo>
                <a:lnTo>
                  <a:pt x="928" y="626"/>
                </a:lnTo>
                <a:lnTo>
                  <a:pt x="920" y="640"/>
                </a:lnTo>
                <a:lnTo>
                  <a:pt x="910" y="646"/>
                </a:lnTo>
                <a:lnTo>
                  <a:pt x="910" y="654"/>
                </a:lnTo>
                <a:lnTo>
                  <a:pt x="922" y="656"/>
                </a:lnTo>
                <a:lnTo>
                  <a:pt x="940" y="644"/>
                </a:lnTo>
                <a:lnTo>
                  <a:pt x="942" y="632"/>
                </a:lnTo>
                <a:lnTo>
                  <a:pt x="954" y="624"/>
                </a:lnTo>
                <a:lnTo>
                  <a:pt x="970" y="628"/>
                </a:lnTo>
                <a:lnTo>
                  <a:pt x="986" y="638"/>
                </a:lnTo>
                <a:lnTo>
                  <a:pt x="984" y="660"/>
                </a:lnTo>
                <a:lnTo>
                  <a:pt x="998" y="674"/>
                </a:lnTo>
                <a:lnTo>
                  <a:pt x="1002" y="690"/>
                </a:lnTo>
                <a:lnTo>
                  <a:pt x="1000" y="698"/>
                </a:lnTo>
                <a:lnTo>
                  <a:pt x="986" y="696"/>
                </a:lnTo>
                <a:lnTo>
                  <a:pt x="978" y="708"/>
                </a:lnTo>
                <a:lnTo>
                  <a:pt x="986" y="720"/>
                </a:lnTo>
                <a:lnTo>
                  <a:pt x="994" y="726"/>
                </a:lnTo>
                <a:lnTo>
                  <a:pt x="998" y="744"/>
                </a:lnTo>
                <a:lnTo>
                  <a:pt x="1014" y="758"/>
                </a:lnTo>
                <a:lnTo>
                  <a:pt x="1006" y="766"/>
                </a:lnTo>
                <a:lnTo>
                  <a:pt x="1006" y="778"/>
                </a:lnTo>
                <a:lnTo>
                  <a:pt x="994" y="780"/>
                </a:lnTo>
                <a:lnTo>
                  <a:pt x="986" y="790"/>
                </a:lnTo>
                <a:lnTo>
                  <a:pt x="974" y="788"/>
                </a:lnTo>
                <a:lnTo>
                  <a:pt x="962" y="794"/>
                </a:lnTo>
                <a:lnTo>
                  <a:pt x="972" y="808"/>
                </a:lnTo>
                <a:lnTo>
                  <a:pt x="972" y="816"/>
                </a:lnTo>
                <a:lnTo>
                  <a:pt x="976" y="824"/>
                </a:lnTo>
                <a:lnTo>
                  <a:pt x="994" y="828"/>
                </a:lnTo>
                <a:lnTo>
                  <a:pt x="1000" y="842"/>
                </a:lnTo>
                <a:lnTo>
                  <a:pt x="978" y="864"/>
                </a:lnTo>
                <a:lnTo>
                  <a:pt x="984" y="878"/>
                </a:lnTo>
                <a:lnTo>
                  <a:pt x="980" y="888"/>
                </a:lnTo>
                <a:lnTo>
                  <a:pt x="986" y="902"/>
                </a:lnTo>
                <a:lnTo>
                  <a:pt x="1026" y="920"/>
                </a:lnTo>
                <a:lnTo>
                  <a:pt x="1050" y="920"/>
                </a:lnTo>
                <a:lnTo>
                  <a:pt x="1056" y="932"/>
                </a:lnTo>
                <a:lnTo>
                  <a:pt x="1048" y="938"/>
                </a:lnTo>
                <a:lnTo>
                  <a:pt x="1036" y="954"/>
                </a:lnTo>
                <a:lnTo>
                  <a:pt x="1042" y="970"/>
                </a:lnTo>
                <a:lnTo>
                  <a:pt x="1038" y="970"/>
                </a:lnTo>
                <a:lnTo>
                  <a:pt x="1038" y="972"/>
                </a:lnTo>
                <a:lnTo>
                  <a:pt x="1036" y="968"/>
                </a:lnTo>
                <a:lnTo>
                  <a:pt x="1032" y="966"/>
                </a:lnTo>
                <a:lnTo>
                  <a:pt x="1028" y="966"/>
                </a:lnTo>
                <a:lnTo>
                  <a:pt x="1022" y="970"/>
                </a:lnTo>
                <a:lnTo>
                  <a:pt x="1020" y="974"/>
                </a:lnTo>
                <a:lnTo>
                  <a:pt x="1020" y="980"/>
                </a:lnTo>
                <a:lnTo>
                  <a:pt x="1022" y="982"/>
                </a:lnTo>
                <a:lnTo>
                  <a:pt x="1022" y="984"/>
                </a:lnTo>
                <a:close/>
              </a:path>
            </a:pathLst>
          </a:custGeom>
          <a:pattFill prst="pct90">
            <a:fgClr>
              <a:srgbClr val="FF9900"/>
            </a:fgClr>
            <a:bgClr>
              <a:schemeClr val="tx1"/>
            </a:bgClr>
          </a:pattFill>
          <a:ln w="6350" cmpd="sng">
            <a:solidFill>
              <a:srgbClr val="000000"/>
            </a:solidFill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11" name="Freeform 90"/>
          <p:cNvSpPr>
            <a:spLocks/>
          </p:cNvSpPr>
          <p:nvPr/>
        </p:nvSpPr>
        <p:spPr bwMode="auto">
          <a:xfrm>
            <a:off x="2813050" y="4802188"/>
            <a:ext cx="1541463" cy="1352550"/>
          </a:xfrm>
          <a:custGeom>
            <a:avLst/>
            <a:gdLst>
              <a:gd name="T0" fmla="*/ 2147483647 w 1190"/>
              <a:gd name="T1" fmla="*/ 2147483647 h 1044"/>
              <a:gd name="T2" fmla="*/ 2147483647 w 1190"/>
              <a:gd name="T3" fmla="*/ 2147483647 h 1044"/>
              <a:gd name="T4" fmla="*/ 2147483647 w 1190"/>
              <a:gd name="T5" fmla="*/ 2147483647 h 1044"/>
              <a:gd name="T6" fmla="*/ 2147483647 w 1190"/>
              <a:gd name="T7" fmla="*/ 2147483647 h 1044"/>
              <a:gd name="T8" fmla="*/ 2147483647 w 1190"/>
              <a:gd name="T9" fmla="*/ 2147483647 h 1044"/>
              <a:gd name="T10" fmla="*/ 2147483647 w 1190"/>
              <a:gd name="T11" fmla="*/ 2147483647 h 1044"/>
              <a:gd name="T12" fmla="*/ 2147483647 w 1190"/>
              <a:gd name="T13" fmla="*/ 2147483647 h 1044"/>
              <a:gd name="T14" fmla="*/ 2147483647 w 1190"/>
              <a:gd name="T15" fmla="*/ 2147483647 h 1044"/>
              <a:gd name="T16" fmla="*/ 2147483647 w 1190"/>
              <a:gd name="T17" fmla="*/ 2147483647 h 1044"/>
              <a:gd name="T18" fmla="*/ 2147483647 w 1190"/>
              <a:gd name="T19" fmla="*/ 2147483647 h 1044"/>
              <a:gd name="T20" fmla="*/ 2147483647 w 1190"/>
              <a:gd name="T21" fmla="*/ 2147483647 h 1044"/>
              <a:gd name="T22" fmla="*/ 2147483647 w 1190"/>
              <a:gd name="T23" fmla="*/ 2147483647 h 1044"/>
              <a:gd name="T24" fmla="*/ 2147483647 w 1190"/>
              <a:gd name="T25" fmla="*/ 2147483647 h 1044"/>
              <a:gd name="T26" fmla="*/ 2147483647 w 1190"/>
              <a:gd name="T27" fmla="*/ 2147483647 h 1044"/>
              <a:gd name="T28" fmla="*/ 2147483647 w 1190"/>
              <a:gd name="T29" fmla="*/ 2147483647 h 1044"/>
              <a:gd name="T30" fmla="*/ 2147483647 w 1190"/>
              <a:gd name="T31" fmla="*/ 2147483647 h 1044"/>
              <a:gd name="T32" fmla="*/ 2147483647 w 1190"/>
              <a:gd name="T33" fmla="*/ 2147483647 h 1044"/>
              <a:gd name="T34" fmla="*/ 2147483647 w 1190"/>
              <a:gd name="T35" fmla="*/ 2147483647 h 1044"/>
              <a:gd name="T36" fmla="*/ 2147483647 w 1190"/>
              <a:gd name="T37" fmla="*/ 2147483647 h 1044"/>
              <a:gd name="T38" fmla="*/ 2147483647 w 1190"/>
              <a:gd name="T39" fmla="*/ 2147483647 h 1044"/>
              <a:gd name="T40" fmla="*/ 2147483647 w 1190"/>
              <a:gd name="T41" fmla="*/ 2147483647 h 1044"/>
              <a:gd name="T42" fmla="*/ 2147483647 w 1190"/>
              <a:gd name="T43" fmla="*/ 2147483647 h 1044"/>
              <a:gd name="T44" fmla="*/ 2147483647 w 1190"/>
              <a:gd name="T45" fmla="*/ 2147483647 h 1044"/>
              <a:gd name="T46" fmla="*/ 2147483647 w 1190"/>
              <a:gd name="T47" fmla="*/ 2147483647 h 1044"/>
              <a:gd name="T48" fmla="*/ 0 w 1190"/>
              <a:gd name="T49" fmla="*/ 2147483647 h 1044"/>
              <a:gd name="T50" fmla="*/ 2147483647 w 1190"/>
              <a:gd name="T51" fmla="*/ 2147483647 h 1044"/>
              <a:gd name="T52" fmla="*/ 2147483647 w 1190"/>
              <a:gd name="T53" fmla="*/ 2147483647 h 1044"/>
              <a:gd name="T54" fmla="*/ 2147483647 w 1190"/>
              <a:gd name="T55" fmla="*/ 2147483647 h 1044"/>
              <a:gd name="T56" fmla="*/ 2147483647 w 1190"/>
              <a:gd name="T57" fmla="*/ 2147483647 h 1044"/>
              <a:gd name="T58" fmla="*/ 2147483647 w 1190"/>
              <a:gd name="T59" fmla="*/ 2147483647 h 1044"/>
              <a:gd name="T60" fmla="*/ 2147483647 w 1190"/>
              <a:gd name="T61" fmla="*/ 2147483647 h 1044"/>
              <a:gd name="T62" fmla="*/ 2147483647 w 1190"/>
              <a:gd name="T63" fmla="*/ 2147483647 h 1044"/>
              <a:gd name="T64" fmla="*/ 2147483647 w 1190"/>
              <a:gd name="T65" fmla="*/ 2147483647 h 1044"/>
              <a:gd name="T66" fmla="*/ 2147483647 w 1190"/>
              <a:gd name="T67" fmla="*/ 2147483647 h 1044"/>
              <a:gd name="T68" fmla="*/ 2147483647 w 1190"/>
              <a:gd name="T69" fmla="*/ 2147483647 h 1044"/>
              <a:gd name="T70" fmla="*/ 2147483647 w 1190"/>
              <a:gd name="T71" fmla="*/ 2147483647 h 1044"/>
              <a:gd name="T72" fmla="*/ 2147483647 w 1190"/>
              <a:gd name="T73" fmla="*/ 2147483647 h 1044"/>
              <a:gd name="T74" fmla="*/ 2147483647 w 1190"/>
              <a:gd name="T75" fmla="*/ 2147483647 h 1044"/>
              <a:gd name="T76" fmla="*/ 2147483647 w 1190"/>
              <a:gd name="T77" fmla="*/ 2147483647 h 1044"/>
              <a:gd name="T78" fmla="*/ 2147483647 w 1190"/>
              <a:gd name="T79" fmla="*/ 2147483647 h 1044"/>
              <a:gd name="T80" fmla="*/ 2147483647 w 1190"/>
              <a:gd name="T81" fmla="*/ 2147483647 h 1044"/>
              <a:gd name="T82" fmla="*/ 2147483647 w 1190"/>
              <a:gd name="T83" fmla="*/ 2147483647 h 1044"/>
              <a:gd name="T84" fmla="*/ 2147483647 w 1190"/>
              <a:gd name="T85" fmla="*/ 2147483647 h 1044"/>
              <a:gd name="T86" fmla="*/ 2147483647 w 1190"/>
              <a:gd name="T87" fmla="*/ 2147483647 h 1044"/>
              <a:gd name="T88" fmla="*/ 2147483647 w 1190"/>
              <a:gd name="T89" fmla="*/ 2147483647 h 1044"/>
              <a:gd name="T90" fmla="*/ 2147483647 w 1190"/>
              <a:gd name="T91" fmla="*/ 2147483647 h 1044"/>
              <a:gd name="T92" fmla="*/ 2147483647 w 1190"/>
              <a:gd name="T93" fmla="*/ 2147483647 h 1044"/>
              <a:gd name="T94" fmla="*/ 2147483647 w 1190"/>
              <a:gd name="T95" fmla="*/ 2147483647 h 1044"/>
              <a:gd name="T96" fmla="*/ 2147483647 w 1190"/>
              <a:gd name="T97" fmla="*/ 2147483647 h 1044"/>
              <a:gd name="T98" fmla="*/ 2147483647 w 1190"/>
              <a:gd name="T99" fmla="*/ 2147483647 h 1044"/>
              <a:gd name="T100" fmla="*/ 2147483647 w 1190"/>
              <a:gd name="T101" fmla="*/ 2147483647 h 1044"/>
              <a:gd name="T102" fmla="*/ 2147483647 w 1190"/>
              <a:gd name="T103" fmla="*/ 2147483647 h 1044"/>
              <a:gd name="T104" fmla="*/ 2147483647 w 1190"/>
              <a:gd name="T105" fmla="*/ 2147483647 h 1044"/>
              <a:gd name="T106" fmla="*/ 2147483647 w 1190"/>
              <a:gd name="T107" fmla="*/ 2147483647 h 1044"/>
              <a:gd name="T108" fmla="*/ 2147483647 w 1190"/>
              <a:gd name="T109" fmla="*/ 2147483647 h 1044"/>
              <a:gd name="T110" fmla="*/ 2147483647 w 1190"/>
              <a:gd name="T111" fmla="*/ 2147483647 h 1044"/>
              <a:gd name="T112" fmla="*/ 2147483647 w 1190"/>
              <a:gd name="T113" fmla="*/ 2147483647 h 1044"/>
              <a:gd name="T114" fmla="*/ 2147483647 w 1190"/>
              <a:gd name="T115" fmla="*/ 2147483647 h 1044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0" t="0" r="r" b="b"/>
            <a:pathLst>
              <a:path w="1190" h="1044">
                <a:moveTo>
                  <a:pt x="1036" y="320"/>
                </a:moveTo>
                <a:lnTo>
                  <a:pt x="1046" y="320"/>
                </a:lnTo>
                <a:lnTo>
                  <a:pt x="1060" y="330"/>
                </a:lnTo>
                <a:lnTo>
                  <a:pt x="1062" y="336"/>
                </a:lnTo>
                <a:lnTo>
                  <a:pt x="1070" y="344"/>
                </a:lnTo>
                <a:lnTo>
                  <a:pt x="1082" y="336"/>
                </a:lnTo>
                <a:lnTo>
                  <a:pt x="1092" y="336"/>
                </a:lnTo>
                <a:lnTo>
                  <a:pt x="1102" y="338"/>
                </a:lnTo>
                <a:lnTo>
                  <a:pt x="1112" y="350"/>
                </a:lnTo>
                <a:lnTo>
                  <a:pt x="1130" y="348"/>
                </a:lnTo>
                <a:lnTo>
                  <a:pt x="1132" y="340"/>
                </a:lnTo>
                <a:lnTo>
                  <a:pt x="1144" y="338"/>
                </a:lnTo>
                <a:lnTo>
                  <a:pt x="1152" y="338"/>
                </a:lnTo>
                <a:lnTo>
                  <a:pt x="1164" y="338"/>
                </a:lnTo>
                <a:lnTo>
                  <a:pt x="1178" y="344"/>
                </a:lnTo>
                <a:lnTo>
                  <a:pt x="1180" y="350"/>
                </a:lnTo>
                <a:lnTo>
                  <a:pt x="1184" y="356"/>
                </a:lnTo>
                <a:lnTo>
                  <a:pt x="1190" y="362"/>
                </a:lnTo>
                <a:lnTo>
                  <a:pt x="1186" y="370"/>
                </a:lnTo>
                <a:lnTo>
                  <a:pt x="1180" y="370"/>
                </a:lnTo>
                <a:lnTo>
                  <a:pt x="1172" y="370"/>
                </a:lnTo>
                <a:lnTo>
                  <a:pt x="1172" y="376"/>
                </a:lnTo>
                <a:lnTo>
                  <a:pt x="1174" y="390"/>
                </a:lnTo>
                <a:lnTo>
                  <a:pt x="1178" y="394"/>
                </a:lnTo>
                <a:lnTo>
                  <a:pt x="1178" y="404"/>
                </a:lnTo>
                <a:lnTo>
                  <a:pt x="1176" y="408"/>
                </a:lnTo>
                <a:lnTo>
                  <a:pt x="1174" y="414"/>
                </a:lnTo>
                <a:lnTo>
                  <a:pt x="1168" y="420"/>
                </a:lnTo>
                <a:lnTo>
                  <a:pt x="1162" y="424"/>
                </a:lnTo>
                <a:lnTo>
                  <a:pt x="1144" y="438"/>
                </a:lnTo>
                <a:lnTo>
                  <a:pt x="1128" y="444"/>
                </a:lnTo>
                <a:lnTo>
                  <a:pt x="1116" y="450"/>
                </a:lnTo>
                <a:lnTo>
                  <a:pt x="1098" y="456"/>
                </a:lnTo>
                <a:lnTo>
                  <a:pt x="1076" y="464"/>
                </a:lnTo>
                <a:lnTo>
                  <a:pt x="1070" y="470"/>
                </a:lnTo>
                <a:lnTo>
                  <a:pt x="1066" y="480"/>
                </a:lnTo>
                <a:lnTo>
                  <a:pt x="1060" y="482"/>
                </a:lnTo>
                <a:lnTo>
                  <a:pt x="1036" y="488"/>
                </a:lnTo>
                <a:lnTo>
                  <a:pt x="1008" y="490"/>
                </a:lnTo>
                <a:lnTo>
                  <a:pt x="980" y="496"/>
                </a:lnTo>
                <a:lnTo>
                  <a:pt x="954" y="500"/>
                </a:lnTo>
                <a:lnTo>
                  <a:pt x="942" y="504"/>
                </a:lnTo>
                <a:lnTo>
                  <a:pt x="916" y="528"/>
                </a:lnTo>
                <a:lnTo>
                  <a:pt x="930" y="542"/>
                </a:lnTo>
                <a:lnTo>
                  <a:pt x="910" y="560"/>
                </a:lnTo>
                <a:lnTo>
                  <a:pt x="900" y="554"/>
                </a:lnTo>
                <a:lnTo>
                  <a:pt x="888" y="570"/>
                </a:lnTo>
                <a:lnTo>
                  <a:pt x="866" y="594"/>
                </a:lnTo>
                <a:lnTo>
                  <a:pt x="840" y="618"/>
                </a:lnTo>
                <a:lnTo>
                  <a:pt x="806" y="660"/>
                </a:lnTo>
                <a:lnTo>
                  <a:pt x="788" y="690"/>
                </a:lnTo>
                <a:lnTo>
                  <a:pt x="788" y="698"/>
                </a:lnTo>
                <a:lnTo>
                  <a:pt x="790" y="720"/>
                </a:lnTo>
                <a:lnTo>
                  <a:pt x="794" y="744"/>
                </a:lnTo>
                <a:lnTo>
                  <a:pt x="800" y="760"/>
                </a:lnTo>
                <a:lnTo>
                  <a:pt x="812" y="774"/>
                </a:lnTo>
                <a:lnTo>
                  <a:pt x="824" y="782"/>
                </a:lnTo>
                <a:lnTo>
                  <a:pt x="830" y="794"/>
                </a:lnTo>
                <a:lnTo>
                  <a:pt x="820" y="796"/>
                </a:lnTo>
                <a:lnTo>
                  <a:pt x="806" y="804"/>
                </a:lnTo>
                <a:lnTo>
                  <a:pt x="794" y="810"/>
                </a:lnTo>
                <a:lnTo>
                  <a:pt x="790" y="818"/>
                </a:lnTo>
                <a:lnTo>
                  <a:pt x="774" y="818"/>
                </a:lnTo>
                <a:lnTo>
                  <a:pt x="760" y="826"/>
                </a:lnTo>
                <a:lnTo>
                  <a:pt x="750" y="836"/>
                </a:lnTo>
                <a:lnTo>
                  <a:pt x="744" y="842"/>
                </a:lnTo>
                <a:lnTo>
                  <a:pt x="746" y="852"/>
                </a:lnTo>
                <a:lnTo>
                  <a:pt x="736" y="854"/>
                </a:lnTo>
                <a:lnTo>
                  <a:pt x="730" y="864"/>
                </a:lnTo>
                <a:lnTo>
                  <a:pt x="724" y="876"/>
                </a:lnTo>
                <a:lnTo>
                  <a:pt x="718" y="884"/>
                </a:lnTo>
                <a:lnTo>
                  <a:pt x="710" y="896"/>
                </a:lnTo>
                <a:lnTo>
                  <a:pt x="706" y="904"/>
                </a:lnTo>
                <a:lnTo>
                  <a:pt x="708" y="910"/>
                </a:lnTo>
                <a:lnTo>
                  <a:pt x="710" y="918"/>
                </a:lnTo>
                <a:lnTo>
                  <a:pt x="710" y="924"/>
                </a:lnTo>
                <a:lnTo>
                  <a:pt x="710" y="928"/>
                </a:lnTo>
                <a:lnTo>
                  <a:pt x="708" y="930"/>
                </a:lnTo>
                <a:lnTo>
                  <a:pt x="694" y="930"/>
                </a:lnTo>
                <a:lnTo>
                  <a:pt x="680" y="928"/>
                </a:lnTo>
                <a:lnTo>
                  <a:pt x="668" y="926"/>
                </a:lnTo>
                <a:lnTo>
                  <a:pt x="658" y="926"/>
                </a:lnTo>
                <a:lnTo>
                  <a:pt x="642" y="926"/>
                </a:lnTo>
                <a:lnTo>
                  <a:pt x="628" y="938"/>
                </a:lnTo>
                <a:lnTo>
                  <a:pt x="612" y="942"/>
                </a:lnTo>
                <a:lnTo>
                  <a:pt x="600" y="952"/>
                </a:lnTo>
                <a:lnTo>
                  <a:pt x="588" y="964"/>
                </a:lnTo>
                <a:lnTo>
                  <a:pt x="582" y="978"/>
                </a:lnTo>
                <a:lnTo>
                  <a:pt x="574" y="988"/>
                </a:lnTo>
                <a:lnTo>
                  <a:pt x="562" y="1000"/>
                </a:lnTo>
                <a:lnTo>
                  <a:pt x="556" y="1006"/>
                </a:lnTo>
                <a:lnTo>
                  <a:pt x="552" y="1014"/>
                </a:lnTo>
                <a:lnTo>
                  <a:pt x="548" y="1016"/>
                </a:lnTo>
                <a:lnTo>
                  <a:pt x="544" y="1018"/>
                </a:lnTo>
                <a:lnTo>
                  <a:pt x="538" y="1020"/>
                </a:lnTo>
                <a:lnTo>
                  <a:pt x="532" y="1010"/>
                </a:lnTo>
                <a:lnTo>
                  <a:pt x="522" y="1000"/>
                </a:lnTo>
                <a:lnTo>
                  <a:pt x="506" y="1000"/>
                </a:lnTo>
                <a:lnTo>
                  <a:pt x="496" y="1004"/>
                </a:lnTo>
                <a:lnTo>
                  <a:pt x="490" y="1010"/>
                </a:lnTo>
                <a:lnTo>
                  <a:pt x="482" y="1014"/>
                </a:lnTo>
                <a:lnTo>
                  <a:pt x="468" y="1010"/>
                </a:lnTo>
                <a:lnTo>
                  <a:pt x="452" y="1002"/>
                </a:lnTo>
                <a:lnTo>
                  <a:pt x="440" y="998"/>
                </a:lnTo>
                <a:lnTo>
                  <a:pt x="416" y="996"/>
                </a:lnTo>
                <a:lnTo>
                  <a:pt x="410" y="1002"/>
                </a:lnTo>
                <a:lnTo>
                  <a:pt x="398" y="998"/>
                </a:lnTo>
                <a:lnTo>
                  <a:pt x="388" y="992"/>
                </a:lnTo>
                <a:lnTo>
                  <a:pt x="372" y="988"/>
                </a:lnTo>
                <a:lnTo>
                  <a:pt x="354" y="986"/>
                </a:lnTo>
                <a:lnTo>
                  <a:pt x="342" y="984"/>
                </a:lnTo>
                <a:lnTo>
                  <a:pt x="326" y="982"/>
                </a:lnTo>
                <a:lnTo>
                  <a:pt x="312" y="982"/>
                </a:lnTo>
                <a:lnTo>
                  <a:pt x="296" y="984"/>
                </a:lnTo>
                <a:lnTo>
                  <a:pt x="288" y="992"/>
                </a:lnTo>
                <a:lnTo>
                  <a:pt x="278" y="998"/>
                </a:lnTo>
                <a:lnTo>
                  <a:pt x="268" y="1000"/>
                </a:lnTo>
                <a:lnTo>
                  <a:pt x="254" y="998"/>
                </a:lnTo>
                <a:lnTo>
                  <a:pt x="240" y="996"/>
                </a:lnTo>
                <a:lnTo>
                  <a:pt x="228" y="1000"/>
                </a:lnTo>
                <a:lnTo>
                  <a:pt x="208" y="1004"/>
                </a:lnTo>
                <a:lnTo>
                  <a:pt x="194" y="1018"/>
                </a:lnTo>
                <a:lnTo>
                  <a:pt x="186" y="1028"/>
                </a:lnTo>
                <a:lnTo>
                  <a:pt x="176" y="1030"/>
                </a:lnTo>
                <a:lnTo>
                  <a:pt x="176" y="1038"/>
                </a:lnTo>
                <a:lnTo>
                  <a:pt x="172" y="1042"/>
                </a:lnTo>
                <a:lnTo>
                  <a:pt x="168" y="1044"/>
                </a:lnTo>
                <a:lnTo>
                  <a:pt x="154" y="1044"/>
                </a:lnTo>
                <a:lnTo>
                  <a:pt x="142" y="1034"/>
                </a:lnTo>
                <a:lnTo>
                  <a:pt x="130" y="1020"/>
                </a:lnTo>
                <a:lnTo>
                  <a:pt x="124" y="1012"/>
                </a:lnTo>
                <a:lnTo>
                  <a:pt x="116" y="1010"/>
                </a:lnTo>
                <a:lnTo>
                  <a:pt x="106" y="992"/>
                </a:lnTo>
                <a:lnTo>
                  <a:pt x="102" y="982"/>
                </a:lnTo>
                <a:lnTo>
                  <a:pt x="100" y="970"/>
                </a:lnTo>
                <a:lnTo>
                  <a:pt x="100" y="960"/>
                </a:lnTo>
                <a:lnTo>
                  <a:pt x="104" y="952"/>
                </a:lnTo>
                <a:lnTo>
                  <a:pt x="94" y="948"/>
                </a:lnTo>
                <a:lnTo>
                  <a:pt x="88" y="940"/>
                </a:lnTo>
                <a:lnTo>
                  <a:pt x="90" y="930"/>
                </a:lnTo>
                <a:lnTo>
                  <a:pt x="98" y="924"/>
                </a:lnTo>
                <a:lnTo>
                  <a:pt x="102" y="918"/>
                </a:lnTo>
                <a:lnTo>
                  <a:pt x="92" y="910"/>
                </a:lnTo>
                <a:lnTo>
                  <a:pt x="84" y="892"/>
                </a:lnTo>
                <a:lnTo>
                  <a:pt x="72" y="880"/>
                </a:lnTo>
                <a:lnTo>
                  <a:pt x="58" y="870"/>
                </a:lnTo>
                <a:lnTo>
                  <a:pt x="50" y="862"/>
                </a:lnTo>
                <a:lnTo>
                  <a:pt x="36" y="856"/>
                </a:lnTo>
                <a:lnTo>
                  <a:pt x="22" y="850"/>
                </a:lnTo>
                <a:lnTo>
                  <a:pt x="0" y="850"/>
                </a:lnTo>
                <a:lnTo>
                  <a:pt x="2" y="832"/>
                </a:lnTo>
                <a:lnTo>
                  <a:pt x="2" y="816"/>
                </a:lnTo>
                <a:lnTo>
                  <a:pt x="4" y="804"/>
                </a:lnTo>
                <a:lnTo>
                  <a:pt x="2" y="796"/>
                </a:lnTo>
                <a:lnTo>
                  <a:pt x="14" y="780"/>
                </a:lnTo>
                <a:lnTo>
                  <a:pt x="20" y="774"/>
                </a:lnTo>
                <a:lnTo>
                  <a:pt x="28" y="766"/>
                </a:lnTo>
                <a:lnTo>
                  <a:pt x="40" y="752"/>
                </a:lnTo>
                <a:lnTo>
                  <a:pt x="44" y="748"/>
                </a:lnTo>
                <a:lnTo>
                  <a:pt x="54" y="748"/>
                </a:lnTo>
                <a:lnTo>
                  <a:pt x="68" y="746"/>
                </a:lnTo>
                <a:lnTo>
                  <a:pt x="78" y="734"/>
                </a:lnTo>
                <a:lnTo>
                  <a:pt x="80" y="724"/>
                </a:lnTo>
                <a:lnTo>
                  <a:pt x="68" y="726"/>
                </a:lnTo>
                <a:lnTo>
                  <a:pt x="62" y="724"/>
                </a:lnTo>
                <a:lnTo>
                  <a:pt x="60" y="708"/>
                </a:lnTo>
                <a:lnTo>
                  <a:pt x="54" y="696"/>
                </a:lnTo>
                <a:lnTo>
                  <a:pt x="50" y="686"/>
                </a:lnTo>
                <a:lnTo>
                  <a:pt x="54" y="676"/>
                </a:lnTo>
                <a:lnTo>
                  <a:pt x="60" y="666"/>
                </a:lnTo>
                <a:lnTo>
                  <a:pt x="60" y="656"/>
                </a:lnTo>
                <a:lnTo>
                  <a:pt x="70" y="650"/>
                </a:lnTo>
                <a:lnTo>
                  <a:pt x="84" y="642"/>
                </a:lnTo>
                <a:lnTo>
                  <a:pt x="96" y="632"/>
                </a:lnTo>
                <a:lnTo>
                  <a:pt x="100" y="626"/>
                </a:lnTo>
                <a:lnTo>
                  <a:pt x="104" y="616"/>
                </a:lnTo>
                <a:lnTo>
                  <a:pt x="100" y="608"/>
                </a:lnTo>
                <a:lnTo>
                  <a:pt x="90" y="608"/>
                </a:lnTo>
                <a:lnTo>
                  <a:pt x="86" y="600"/>
                </a:lnTo>
                <a:lnTo>
                  <a:pt x="80" y="582"/>
                </a:lnTo>
                <a:lnTo>
                  <a:pt x="80" y="566"/>
                </a:lnTo>
                <a:lnTo>
                  <a:pt x="82" y="558"/>
                </a:lnTo>
                <a:lnTo>
                  <a:pt x="74" y="546"/>
                </a:lnTo>
                <a:lnTo>
                  <a:pt x="68" y="532"/>
                </a:lnTo>
                <a:lnTo>
                  <a:pt x="80" y="526"/>
                </a:lnTo>
                <a:lnTo>
                  <a:pt x="94" y="530"/>
                </a:lnTo>
                <a:lnTo>
                  <a:pt x="104" y="534"/>
                </a:lnTo>
                <a:lnTo>
                  <a:pt x="116" y="534"/>
                </a:lnTo>
                <a:lnTo>
                  <a:pt x="130" y="516"/>
                </a:lnTo>
                <a:lnTo>
                  <a:pt x="140" y="506"/>
                </a:lnTo>
                <a:lnTo>
                  <a:pt x="142" y="492"/>
                </a:lnTo>
                <a:lnTo>
                  <a:pt x="136" y="482"/>
                </a:lnTo>
                <a:lnTo>
                  <a:pt x="134" y="470"/>
                </a:lnTo>
                <a:lnTo>
                  <a:pt x="134" y="468"/>
                </a:lnTo>
                <a:lnTo>
                  <a:pt x="136" y="466"/>
                </a:lnTo>
                <a:lnTo>
                  <a:pt x="138" y="464"/>
                </a:lnTo>
                <a:lnTo>
                  <a:pt x="154" y="462"/>
                </a:lnTo>
                <a:lnTo>
                  <a:pt x="158" y="448"/>
                </a:lnTo>
                <a:lnTo>
                  <a:pt x="166" y="428"/>
                </a:lnTo>
                <a:lnTo>
                  <a:pt x="170" y="412"/>
                </a:lnTo>
                <a:lnTo>
                  <a:pt x="174" y="390"/>
                </a:lnTo>
                <a:lnTo>
                  <a:pt x="172" y="378"/>
                </a:lnTo>
                <a:lnTo>
                  <a:pt x="168" y="368"/>
                </a:lnTo>
                <a:lnTo>
                  <a:pt x="184" y="360"/>
                </a:lnTo>
                <a:lnTo>
                  <a:pt x="194" y="352"/>
                </a:lnTo>
                <a:lnTo>
                  <a:pt x="214" y="344"/>
                </a:lnTo>
                <a:lnTo>
                  <a:pt x="232" y="336"/>
                </a:lnTo>
                <a:lnTo>
                  <a:pt x="240" y="332"/>
                </a:lnTo>
                <a:lnTo>
                  <a:pt x="250" y="320"/>
                </a:lnTo>
                <a:lnTo>
                  <a:pt x="254" y="306"/>
                </a:lnTo>
                <a:lnTo>
                  <a:pt x="242" y="298"/>
                </a:lnTo>
                <a:lnTo>
                  <a:pt x="230" y="296"/>
                </a:lnTo>
                <a:lnTo>
                  <a:pt x="220" y="290"/>
                </a:lnTo>
                <a:lnTo>
                  <a:pt x="228" y="280"/>
                </a:lnTo>
                <a:lnTo>
                  <a:pt x="232" y="268"/>
                </a:lnTo>
                <a:lnTo>
                  <a:pt x="220" y="256"/>
                </a:lnTo>
                <a:lnTo>
                  <a:pt x="208" y="252"/>
                </a:lnTo>
                <a:lnTo>
                  <a:pt x="196" y="252"/>
                </a:lnTo>
                <a:lnTo>
                  <a:pt x="186" y="248"/>
                </a:lnTo>
                <a:lnTo>
                  <a:pt x="176" y="240"/>
                </a:lnTo>
                <a:lnTo>
                  <a:pt x="170" y="252"/>
                </a:lnTo>
                <a:lnTo>
                  <a:pt x="152" y="254"/>
                </a:lnTo>
                <a:lnTo>
                  <a:pt x="142" y="252"/>
                </a:lnTo>
                <a:lnTo>
                  <a:pt x="136" y="246"/>
                </a:lnTo>
                <a:lnTo>
                  <a:pt x="126" y="250"/>
                </a:lnTo>
                <a:lnTo>
                  <a:pt x="122" y="240"/>
                </a:lnTo>
                <a:lnTo>
                  <a:pt x="106" y="238"/>
                </a:lnTo>
                <a:lnTo>
                  <a:pt x="98" y="234"/>
                </a:lnTo>
                <a:lnTo>
                  <a:pt x="86" y="242"/>
                </a:lnTo>
                <a:lnTo>
                  <a:pt x="74" y="240"/>
                </a:lnTo>
                <a:lnTo>
                  <a:pt x="70" y="232"/>
                </a:lnTo>
                <a:lnTo>
                  <a:pt x="74" y="220"/>
                </a:lnTo>
                <a:lnTo>
                  <a:pt x="88" y="212"/>
                </a:lnTo>
                <a:lnTo>
                  <a:pt x="82" y="204"/>
                </a:lnTo>
                <a:lnTo>
                  <a:pt x="78" y="198"/>
                </a:lnTo>
                <a:lnTo>
                  <a:pt x="62" y="200"/>
                </a:lnTo>
                <a:lnTo>
                  <a:pt x="46" y="200"/>
                </a:lnTo>
                <a:lnTo>
                  <a:pt x="34" y="202"/>
                </a:lnTo>
                <a:lnTo>
                  <a:pt x="24" y="208"/>
                </a:lnTo>
                <a:lnTo>
                  <a:pt x="12" y="218"/>
                </a:lnTo>
                <a:lnTo>
                  <a:pt x="6" y="208"/>
                </a:lnTo>
                <a:lnTo>
                  <a:pt x="8" y="192"/>
                </a:lnTo>
                <a:lnTo>
                  <a:pt x="22" y="176"/>
                </a:lnTo>
                <a:lnTo>
                  <a:pt x="36" y="170"/>
                </a:lnTo>
                <a:lnTo>
                  <a:pt x="24" y="168"/>
                </a:lnTo>
                <a:lnTo>
                  <a:pt x="22" y="162"/>
                </a:lnTo>
                <a:lnTo>
                  <a:pt x="30" y="156"/>
                </a:lnTo>
                <a:lnTo>
                  <a:pt x="40" y="150"/>
                </a:lnTo>
                <a:lnTo>
                  <a:pt x="26" y="148"/>
                </a:lnTo>
                <a:lnTo>
                  <a:pt x="26" y="138"/>
                </a:lnTo>
                <a:lnTo>
                  <a:pt x="28" y="136"/>
                </a:lnTo>
                <a:lnTo>
                  <a:pt x="32" y="130"/>
                </a:lnTo>
                <a:lnTo>
                  <a:pt x="38" y="126"/>
                </a:lnTo>
                <a:lnTo>
                  <a:pt x="40" y="122"/>
                </a:lnTo>
                <a:lnTo>
                  <a:pt x="36" y="114"/>
                </a:lnTo>
                <a:lnTo>
                  <a:pt x="26" y="122"/>
                </a:lnTo>
                <a:lnTo>
                  <a:pt x="16" y="126"/>
                </a:lnTo>
                <a:lnTo>
                  <a:pt x="14" y="112"/>
                </a:lnTo>
                <a:lnTo>
                  <a:pt x="24" y="104"/>
                </a:lnTo>
                <a:lnTo>
                  <a:pt x="34" y="98"/>
                </a:lnTo>
                <a:lnTo>
                  <a:pt x="26" y="96"/>
                </a:lnTo>
                <a:lnTo>
                  <a:pt x="16" y="96"/>
                </a:lnTo>
                <a:lnTo>
                  <a:pt x="14" y="82"/>
                </a:lnTo>
                <a:lnTo>
                  <a:pt x="14" y="74"/>
                </a:lnTo>
                <a:lnTo>
                  <a:pt x="10" y="66"/>
                </a:lnTo>
                <a:lnTo>
                  <a:pt x="12" y="54"/>
                </a:lnTo>
                <a:lnTo>
                  <a:pt x="20" y="48"/>
                </a:lnTo>
                <a:lnTo>
                  <a:pt x="28" y="40"/>
                </a:lnTo>
                <a:lnTo>
                  <a:pt x="34" y="42"/>
                </a:lnTo>
                <a:lnTo>
                  <a:pt x="38" y="42"/>
                </a:lnTo>
                <a:lnTo>
                  <a:pt x="42" y="40"/>
                </a:lnTo>
                <a:lnTo>
                  <a:pt x="52" y="32"/>
                </a:lnTo>
                <a:lnTo>
                  <a:pt x="66" y="38"/>
                </a:lnTo>
                <a:lnTo>
                  <a:pt x="82" y="40"/>
                </a:lnTo>
                <a:lnTo>
                  <a:pt x="104" y="38"/>
                </a:lnTo>
                <a:lnTo>
                  <a:pt x="116" y="36"/>
                </a:lnTo>
                <a:lnTo>
                  <a:pt x="122" y="30"/>
                </a:lnTo>
                <a:lnTo>
                  <a:pt x="112" y="24"/>
                </a:lnTo>
                <a:lnTo>
                  <a:pt x="118" y="14"/>
                </a:lnTo>
                <a:lnTo>
                  <a:pt x="128" y="14"/>
                </a:lnTo>
                <a:lnTo>
                  <a:pt x="140" y="6"/>
                </a:lnTo>
                <a:lnTo>
                  <a:pt x="144" y="4"/>
                </a:lnTo>
                <a:lnTo>
                  <a:pt x="154" y="0"/>
                </a:lnTo>
                <a:lnTo>
                  <a:pt x="160" y="4"/>
                </a:lnTo>
                <a:lnTo>
                  <a:pt x="166" y="6"/>
                </a:lnTo>
                <a:lnTo>
                  <a:pt x="176" y="6"/>
                </a:lnTo>
                <a:lnTo>
                  <a:pt x="190" y="8"/>
                </a:lnTo>
                <a:lnTo>
                  <a:pt x="200" y="16"/>
                </a:lnTo>
                <a:lnTo>
                  <a:pt x="216" y="36"/>
                </a:lnTo>
                <a:lnTo>
                  <a:pt x="232" y="44"/>
                </a:lnTo>
                <a:lnTo>
                  <a:pt x="252" y="46"/>
                </a:lnTo>
                <a:lnTo>
                  <a:pt x="266" y="52"/>
                </a:lnTo>
                <a:lnTo>
                  <a:pt x="292" y="56"/>
                </a:lnTo>
                <a:lnTo>
                  <a:pt x="308" y="58"/>
                </a:lnTo>
                <a:lnTo>
                  <a:pt x="326" y="60"/>
                </a:lnTo>
                <a:lnTo>
                  <a:pt x="338" y="58"/>
                </a:lnTo>
                <a:lnTo>
                  <a:pt x="350" y="56"/>
                </a:lnTo>
                <a:lnTo>
                  <a:pt x="356" y="66"/>
                </a:lnTo>
                <a:lnTo>
                  <a:pt x="362" y="76"/>
                </a:lnTo>
                <a:lnTo>
                  <a:pt x="376" y="76"/>
                </a:lnTo>
                <a:lnTo>
                  <a:pt x="384" y="76"/>
                </a:lnTo>
                <a:lnTo>
                  <a:pt x="400" y="90"/>
                </a:lnTo>
                <a:lnTo>
                  <a:pt x="422" y="100"/>
                </a:lnTo>
                <a:lnTo>
                  <a:pt x="448" y="108"/>
                </a:lnTo>
                <a:lnTo>
                  <a:pt x="476" y="120"/>
                </a:lnTo>
                <a:lnTo>
                  <a:pt x="502" y="122"/>
                </a:lnTo>
                <a:lnTo>
                  <a:pt x="518" y="120"/>
                </a:lnTo>
                <a:lnTo>
                  <a:pt x="534" y="118"/>
                </a:lnTo>
                <a:lnTo>
                  <a:pt x="550" y="118"/>
                </a:lnTo>
                <a:lnTo>
                  <a:pt x="568" y="126"/>
                </a:lnTo>
                <a:lnTo>
                  <a:pt x="576" y="134"/>
                </a:lnTo>
                <a:lnTo>
                  <a:pt x="594" y="142"/>
                </a:lnTo>
                <a:lnTo>
                  <a:pt x="610" y="140"/>
                </a:lnTo>
                <a:lnTo>
                  <a:pt x="624" y="140"/>
                </a:lnTo>
                <a:lnTo>
                  <a:pt x="636" y="144"/>
                </a:lnTo>
                <a:lnTo>
                  <a:pt x="654" y="154"/>
                </a:lnTo>
                <a:lnTo>
                  <a:pt x="674" y="164"/>
                </a:lnTo>
                <a:lnTo>
                  <a:pt x="694" y="168"/>
                </a:lnTo>
                <a:lnTo>
                  <a:pt x="708" y="164"/>
                </a:lnTo>
                <a:lnTo>
                  <a:pt x="720" y="164"/>
                </a:lnTo>
                <a:lnTo>
                  <a:pt x="734" y="178"/>
                </a:lnTo>
                <a:lnTo>
                  <a:pt x="742" y="180"/>
                </a:lnTo>
                <a:lnTo>
                  <a:pt x="752" y="180"/>
                </a:lnTo>
                <a:lnTo>
                  <a:pt x="756" y="188"/>
                </a:lnTo>
                <a:lnTo>
                  <a:pt x="746" y="200"/>
                </a:lnTo>
                <a:lnTo>
                  <a:pt x="744" y="210"/>
                </a:lnTo>
                <a:lnTo>
                  <a:pt x="756" y="210"/>
                </a:lnTo>
                <a:lnTo>
                  <a:pt x="764" y="204"/>
                </a:lnTo>
                <a:lnTo>
                  <a:pt x="768" y="212"/>
                </a:lnTo>
                <a:lnTo>
                  <a:pt x="788" y="228"/>
                </a:lnTo>
                <a:lnTo>
                  <a:pt x="802" y="232"/>
                </a:lnTo>
                <a:lnTo>
                  <a:pt x="812" y="232"/>
                </a:lnTo>
                <a:lnTo>
                  <a:pt x="814" y="240"/>
                </a:lnTo>
                <a:lnTo>
                  <a:pt x="826" y="256"/>
                </a:lnTo>
                <a:lnTo>
                  <a:pt x="846" y="256"/>
                </a:lnTo>
                <a:lnTo>
                  <a:pt x="854" y="254"/>
                </a:lnTo>
                <a:lnTo>
                  <a:pt x="872" y="274"/>
                </a:lnTo>
                <a:lnTo>
                  <a:pt x="916" y="280"/>
                </a:lnTo>
                <a:lnTo>
                  <a:pt x="916" y="284"/>
                </a:lnTo>
                <a:lnTo>
                  <a:pt x="942" y="284"/>
                </a:lnTo>
                <a:lnTo>
                  <a:pt x="940" y="268"/>
                </a:lnTo>
                <a:lnTo>
                  <a:pt x="946" y="264"/>
                </a:lnTo>
                <a:lnTo>
                  <a:pt x="964" y="270"/>
                </a:lnTo>
                <a:lnTo>
                  <a:pt x="984" y="280"/>
                </a:lnTo>
                <a:lnTo>
                  <a:pt x="992" y="286"/>
                </a:lnTo>
                <a:lnTo>
                  <a:pt x="1006" y="288"/>
                </a:lnTo>
                <a:lnTo>
                  <a:pt x="1012" y="296"/>
                </a:lnTo>
                <a:lnTo>
                  <a:pt x="1016" y="312"/>
                </a:lnTo>
                <a:lnTo>
                  <a:pt x="1018" y="318"/>
                </a:lnTo>
                <a:lnTo>
                  <a:pt x="1026" y="322"/>
                </a:lnTo>
                <a:lnTo>
                  <a:pt x="1030" y="322"/>
                </a:lnTo>
                <a:lnTo>
                  <a:pt x="1036" y="320"/>
                </a:lnTo>
                <a:close/>
              </a:path>
            </a:pathLst>
          </a:custGeom>
          <a:solidFill>
            <a:srgbClr val="FF66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12" name="Freeform 91"/>
          <p:cNvSpPr>
            <a:spLocks/>
          </p:cNvSpPr>
          <p:nvPr/>
        </p:nvSpPr>
        <p:spPr bwMode="auto">
          <a:xfrm>
            <a:off x="4129088" y="5199063"/>
            <a:ext cx="25400" cy="20637"/>
          </a:xfrm>
          <a:custGeom>
            <a:avLst/>
            <a:gdLst>
              <a:gd name="T0" fmla="*/ 2147483647 w 20"/>
              <a:gd name="T1" fmla="*/ 0 h 16"/>
              <a:gd name="T2" fmla="*/ 2147483647 w 20"/>
              <a:gd name="T3" fmla="*/ 2147483647 h 16"/>
              <a:gd name="T4" fmla="*/ 0 w 20"/>
              <a:gd name="T5" fmla="*/ 2147483647 h 16"/>
              <a:gd name="T6" fmla="*/ 2147483647 w 20"/>
              <a:gd name="T7" fmla="*/ 2147483647 h 16"/>
              <a:gd name="T8" fmla="*/ 2147483647 w 20"/>
              <a:gd name="T9" fmla="*/ 2147483647 h 16"/>
              <a:gd name="T10" fmla="*/ 2147483647 w 20"/>
              <a:gd name="T11" fmla="*/ 2147483647 h 16"/>
              <a:gd name="T12" fmla="*/ 2147483647 w 20"/>
              <a:gd name="T13" fmla="*/ 2147483647 h 16"/>
              <a:gd name="T14" fmla="*/ 2147483647 w 20"/>
              <a:gd name="T15" fmla="*/ 2147483647 h 16"/>
              <a:gd name="T16" fmla="*/ 2147483647 w 20"/>
              <a:gd name="T17" fmla="*/ 0 h 16"/>
              <a:gd name="T18" fmla="*/ 2147483647 w 20"/>
              <a:gd name="T19" fmla="*/ 0 h 1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20" h="16">
                <a:moveTo>
                  <a:pt x="10" y="0"/>
                </a:moveTo>
                <a:lnTo>
                  <a:pt x="2" y="2"/>
                </a:lnTo>
                <a:lnTo>
                  <a:pt x="0" y="6"/>
                </a:lnTo>
                <a:lnTo>
                  <a:pt x="2" y="12"/>
                </a:lnTo>
                <a:lnTo>
                  <a:pt x="10" y="16"/>
                </a:lnTo>
                <a:lnTo>
                  <a:pt x="16" y="16"/>
                </a:lnTo>
                <a:lnTo>
                  <a:pt x="20" y="10"/>
                </a:lnTo>
                <a:lnTo>
                  <a:pt x="18" y="4"/>
                </a:lnTo>
                <a:lnTo>
                  <a:pt x="16" y="0"/>
                </a:lnTo>
                <a:lnTo>
                  <a:pt x="10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13" name="Freeform 92"/>
          <p:cNvSpPr>
            <a:spLocks/>
          </p:cNvSpPr>
          <p:nvPr/>
        </p:nvSpPr>
        <p:spPr bwMode="auto">
          <a:xfrm>
            <a:off x="2598738" y="5059363"/>
            <a:ext cx="542925" cy="858837"/>
          </a:xfrm>
          <a:custGeom>
            <a:avLst/>
            <a:gdLst>
              <a:gd name="T0" fmla="*/ 2147483647 w 420"/>
              <a:gd name="T1" fmla="*/ 2147483647 h 664"/>
              <a:gd name="T2" fmla="*/ 2147483647 w 420"/>
              <a:gd name="T3" fmla="*/ 2147483647 h 664"/>
              <a:gd name="T4" fmla="*/ 2147483647 w 420"/>
              <a:gd name="T5" fmla="*/ 2147483647 h 664"/>
              <a:gd name="T6" fmla="*/ 2147483647 w 420"/>
              <a:gd name="T7" fmla="*/ 2147483647 h 664"/>
              <a:gd name="T8" fmla="*/ 2147483647 w 420"/>
              <a:gd name="T9" fmla="*/ 2147483647 h 664"/>
              <a:gd name="T10" fmla="*/ 2147483647 w 420"/>
              <a:gd name="T11" fmla="*/ 2147483647 h 664"/>
              <a:gd name="T12" fmla="*/ 2147483647 w 420"/>
              <a:gd name="T13" fmla="*/ 2147483647 h 664"/>
              <a:gd name="T14" fmla="*/ 2147483647 w 420"/>
              <a:gd name="T15" fmla="*/ 2147483647 h 664"/>
              <a:gd name="T16" fmla="*/ 2147483647 w 420"/>
              <a:gd name="T17" fmla="*/ 2147483647 h 664"/>
              <a:gd name="T18" fmla="*/ 2147483647 w 420"/>
              <a:gd name="T19" fmla="*/ 2147483647 h 664"/>
              <a:gd name="T20" fmla="*/ 2147483647 w 420"/>
              <a:gd name="T21" fmla="*/ 2147483647 h 664"/>
              <a:gd name="T22" fmla="*/ 2147483647 w 420"/>
              <a:gd name="T23" fmla="*/ 2147483647 h 664"/>
              <a:gd name="T24" fmla="*/ 2147483647 w 420"/>
              <a:gd name="T25" fmla="*/ 2147483647 h 664"/>
              <a:gd name="T26" fmla="*/ 2147483647 w 420"/>
              <a:gd name="T27" fmla="*/ 2147483647 h 664"/>
              <a:gd name="T28" fmla="*/ 2147483647 w 420"/>
              <a:gd name="T29" fmla="*/ 2147483647 h 664"/>
              <a:gd name="T30" fmla="*/ 2147483647 w 420"/>
              <a:gd name="T31" fmla="*/ 2147483647 h 664"/>
              <a:gd name="T32" fmla="*/ 2147483647 w 420"/>
              <a:gd name="T33" fmla="*/ 2147483647 h 664"/>
              <a:gd name="T34" fmla="*/ 2147483647 w 420"/>
              <a:gd name="T35" fmla="*/ 2147483647 h 664"/>
              <a:gd name="T36" fmla="*/ 2147483647 w 420"/>
              <a:gd name="T37" fmla="*/ 2147483647 h 664"/>
              <a:gd name="T38" fmla="*/ 2147483647 w 420"/>
              <a:gd name="T39" fmla="*/ 2147483647 h 664"/>
              <a:gd name="T40" fmla="*/ 2147483647 w 420"/>
              <a:gd name="T41" fmla="*/ 2147483647 h 664"/>
              <a:gd name="T42" fmla="*/ 2147483647 w 420"/>
              <a:gd name="T43" fmla="*/ 2147483647 h 664"/>
              <a:gd name="T44" fmla="*/ 2147483647 w 420"/>
              <a:gd name="T45" fmla="*/ 2147483647 h 664"/>
              <a:gd name="T46" fmla="*/ 2147483647 w 420"/>
              <a:gd name="T47" fmla="*/ 2147483647 h 664"/>
              <a:gd name="T48" fmla="*/ 2147483647 w 420"/>
              <a:gd name="T49" fmla="*/ 2147483647 h 664"/>
              <a:gd name="T50" fmla="*/ 2147483647 w 420"/>
              <a:gd name="T51" fmla="*/ 2147483647 h 664"/>
              <a:gd name="T52" fmla="*/ 2147483647 w 420"/>
              <a:gd name="T53" fmla="*/ 2147483647 h 664"/>
              <a:gd name="T54" fmla="*/ 2147483647 w 420"/>
              <a:gd name="T55" fmla="*/ 2147483647 h 664"/>
              <a:gd name="T56" fmla="*/ 2147483647 w 420"/>
              <a:gd name="T57" fmla="*/ 2147483647 h 664"/>
              <a:gd name="T58" fmla="*/ 2147483647 w 420"/>
              <a:gd name="T59" fmla="*/ 2147483647 h 664"/>
              <a:gd name="T60" fmla="*/ 2147483647 w 420"/>
              <a:gd name="T61" fmla="*/ 2147483647 h 664"/>
              <a:gd name="T62" fmla="*/ 2147483647 w 420"/>
              <a:gd name="T63" fmla="*/ 2147483647 h 664"/>
              <a:gd name="T64" fmla="*/ 2147483647 w 420"/>
              <a:gd name="T65" fmla="*/ 2147483647 h 664"/>
              <a:gd name="T66" fmla="*/ 2147483647 w 420"/>
              <a:gd name="T67" fmla="*/ 2147483647 h 664"/>
              <a:gd name="T68" fmla="*/ 2147483647 w 420"/>
              <a:gd name="T69" fmla="*/ 2147483647 h 664"/>
              <a:gd name="T70" fmla="*/ 2147483647 w 420"/>
              <a:gd name="T71" fmla="*/ 2147483647 h 664"/>
              <a:gd name="T72" fmla="*/ 2147483647 w 420"/>
              <a:gd name="T73" fmla="*/ 2147483647 h 664"/>
              <a:gd name="T74" fmla="*/ 2147483647 w 420"/>
              <a:gd name="T75" fmla="*/ 2147483647 h 664"/>
              <a:gd name="T76" fmla="*/ 2147483647 w 420"/>
              <a:gd name="T77" fmla="*/ 2147483647 h 664"/>
              <a:gd name="T78" fmla="*/ 2147483647 w 420"/>
              <a:gd name="T79" fmla="*/ 2147483647 h 664"/>
              <a:gd name="T80" fmla="*/ 2147483647 w 420"/>
              <a:gd name="T81" fmla="*/ 2147483647 h 664"/>
              <a:gd name="T82" fmla="*/ 2147483647 w 420"/>
              <a:gd name="T83" fmla="*/ 2147483647 h 664"/>
              <a:gd name="T84" fmla="*/ 2147483647 w 420"/>
              <a:gd name="T85" fmla="*/ 2147483647 h 664"/>
              <a:gd name="T86" fmla="*/ 2147483647 w 420"/>
              <a:gd name="T87" fmla="*/ 2147483647 h 664"/>
              <a:gd name="T88" fmla="*/ 2147483647 w 420"/>
              <a:gd name="T89" fmla="*/ 2147483647 h 664"/>
              <a:gd name="T90" fmla="*/ 0 w 420"/>
              <a:gd name="T91" fmla="*/ 2147483647 h 664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0" t="0" r="r" b="b"/>
            <a:pathLst>
              <a:path w="420" h="664">
                <a:moveTo>
                  <a:pt x="2" y="632"/>
                </a:moveTo>
                <a:lnTo>
                  <a:pt x="18" y="630"/>
                </a:lnTo>
                <a:lnTo>
                  <a:pt x="38" y="630"/>
                </a:lnTo>
                <a:lnTo>
                  <a:pt x="54" y="638"/>
                </a:lnTo>
                <a:lnTo>
                  <a:pt x="70" y="640"/>
                </a:lnTo>
                <a:lnTo>
                  <a:pt x="86" y="646"/>
                </a:lnTo>
                <a:lnTo>
                  <a:pt x="96" y="652"/>
                </a:lnTo>
                <a:lnTo>
                  <a:pt x="104" y="660"/>
                </a:lnTo>
                <a:lnTo>
                  <a:pt x="124" y="664"/>
                </a:lnTo>
                <a:lnTo>
                  <a:pt x="138" y="658"/>
                </a:lnTo>
                <a:lnTo>
                  <a:pt x="150" y="654"/>
                </a:lnTo>
                <a:lnTo>
                  <a:pt x="166" y="652"/>
                </a:lnTo>
                <a:lnTo>
                  <a:pt x="168" y="620"/>
                </a:lnTo>
                <a:lnTo>
                  <a:pt x="170" y="606"/>
                </a:lnTo>
                <a:lnTo>
                  <a:pt x="168" y="598"/>
                </a:lnTo>
                <a:lnTo>
                  <a:pt x="178" y="582"/>
                </a:lnTo>
                <a:lnTo>
                  <a:pt x="186" y="576"/>
                </a:lnTo>
                <a:lnTo>
                  <a:pt x="210" y="550"/>
                </a:lnTo>
                <a:lnTo>
                  <a:pt x="220" y="550"/>
                </a:lnTo>
                <a:lnTo>
                  <a:pt x="234" y="548"/>
                </a:lnTo>
                <a:lnTo>
                  <a:pt x="244" y="536"/>
                </a:lnTo>
                <a:lnTo>
                  <a:pt x="246" y="526"/>
                </a:lnTo>
                <a:lnTo>
                  <a:pt x="234" y="528"/>
                </a:lnTo>
                <a:lnTo>
                  <a:pt x="228" y="526"/>
                </a:lnTo>
                <a:lnTo>
                  <a:pt x="226" y="510"/>
                </a:lnTo>
                <a:lnTo>
                  <a:pt x="216" y="488"/>
                </a:lnTo>
                <a:lnTo>
                  <a:pt x="220" y="478"/>
                </a:lnTo>
                <a:lnTo>
                  <a:pt x="226" y="468"/>
                </a:lnTo>
                <a:lnTo>
                  <a:pt x="226" y="458"/>
                </a:lnTo>
                <a:lnTo>
                  <a:pt x="250" y="444"/>
                </a:lnTo>
                <a:lnTo>
                  <a:pt x="262" y="434"/>
                </a:lnTo>
                <a:lnTo>
                  <a:pt x="266" y="428"/>
                </a:lnTo>
                <a:lnTo>
                  <a:pt x="270" y="418"/>
                </a:lnTo>
                <a:lnTo>
                  <a:pt x="266" y="410"/>
                </a:lnTo>
                <a:lnTo>
                  <a:pt x="256" y="410"/>
                </a:lnTo>
                <a:lnTo>
                  <a:pt x="252" y="402"/>
                </a:lnTo>
                <a:lnTo>
                  <a:pt x="246" y="384"/>
                </a:lnTo>
                <a:lnTo>
                  <a:pt x="246" y="368"/>
                </a:lnTo>
                <a:lnTo>
                  <a:pt x="248" y="360"/>
                </a:lnTo>
                <a:lnTo>
                  <a:pt x="240" y="348"/>
                </a:lnTo>
                <a:lnTo>
                  <a:pt x="234" y="334"/>
                </a:lnTo>
                <a:lnTo>
                  <a:pt x="246" y="328"/>
                </a:lnTo>
                <a:lnTo>
                  <a:pt x="260" y="332"/>
                </a:lnTo>
                <a:lnTo>
                  <a:pt x="270" y="336"/>
                </a:lnTo>
                <a:lnTo>
                  <a:pt x="282" y="336"/>
                </a:lnTo>
                <a:lnTo>
                  <a:pt x="296" y="318"/>
                </a:lnTo>
                <a:lnTo>
                  <a:pt x="306" y="308"/>
                </a:lnTo>
                <a:lnTo>
                  <a:pt x="308" y="294"/>
                </a:lnTo>
                <a:lnTo>
                  <a:pt x="302" y="284"/>
                </a:lnTo>
                <a:lnTo>
                  <a:pt x="300" y="278"/>
                </a:lnTo>
                <a:lnTo>
                  <a:pt x="298" y="274"/>
                </a:lnTo>
                <a:lnTo>
                  <a:pt x="302" y="268"/>
                </a:lnTo>
                <a:lnTo>
                  <a:pt x="306" y="266"/>
                </a:lnTo>
                <a:lnTo>
                  <a:pt x="320" y="264"/>
                </a:lnTo>
                <a:lnTo>
                  <a:pt x="328" y="238"/>
                </a:lnTo>
                <a:lnTo>
                  <a:pt x="336" y="214"/>
                </a:lnTo>
                <a:lnTo>
                  <a:pt x="340" y="192"/>
                </a:lnTo>
                <a:lnTo>
                  <a:pt x="338" y="180"/>
                </a:lnTo>
                <a:lnTo>
                  <a:pt x="334" y="170"/>
                </a:lnTo>
                <a:lnTo>
                  <a:pt x="350" y="162"/>
                </a:lnTo>
                <a:lnTo>
                  <a:pt x="360" y="154"/>
                </a:lnTo>
                <a:lnTo>
                  <a:pt x="380" y="146"/>
                </a:lnTo>
                <a:lnTo>
                  <a:pt x="398" y="138"/>
                </a:lnTo>
                <a:lnTo>
                  <a:pt x="406" y="134"/>
                </a:lnTo>
                <a:lnTo>
                  <a:pt x="416" y="122"/>
                </a:lnTo>
                <a:lnTo>
                  <a:pt x="420" y="108"/>
                </a:lnTo>
                <a:lnTo>
                  <a:pt x="408" y="100"/>
                </a:lnTo>
                <a:lnTo>
                  <a:pt x="396" y="98"/>
                </a:lnTo>
                <a:lnTo>
                  <a:pt x="386" y="92"/>
                </a:lnTo>
                <a:lnTo>
                  <a:pt x="394" y="82"/>
                </a:lnTo>
                <a:lnTo>
                  <a:pt x="398" y="70"/>
                </a:lnTo>
                <a:lnTo>
                  <a:pt x="386" y="58"/>
                </a:lnTo>
                <a:lnTo>
                  <a:pt x="374" y="54"/>
                </a:lnTo>
                <a:lnTo>
                  <a:pt x="362" y="54"/>
                </a:lnTo>
                <a:lnTo>
                  <a:pt x="350" y="50"/>
                </a:lnTo>
                <a:lnTo>
                  <a:pt x="342" y="42"/>
                </a:lnTo>
                <a:lnTo>
                  <a:pt x="336" y="54"/>
                </a:lnTo>
                <a:lnTo>
                  <a:pt x="318" y="56"/>
                </a:lnTo>
                <a:lnTo>
                  <a:pt x="308" y="54"/>
                </a:lnTo>
                <a:lnTo>
                  <a:pt x="302" y="48"/>
                </a:lnTo>
                <a:lnTo>
                  <a:pt x="292" y="52"/>
                </a:lnTo>
                <a:lnTo>
                  <a:pt x="288" y="42"/>
                </a:lnTo>
                <a:lnTo>
                  <a:pt x="272" y="40"/>
                </a:lnTo>
                <a:lnTo>
                  <a:pt x="264" y="38"/>
                </a:lnTo>
                <a:lnTo>
                  <a:pt x="252" y="44"/>
                </a:lnTo>
                <a:lnTo>
                  <a:pt x="240" y="42"/>
                </a:lnTo>
                <a:lnTo>
                  <a:pt x="236" y="34"/>
                </a:lnTo>
                <a:lnTo>
                  <a:pt x="240" y="22"/>
                </a:lnTo>
                <a:lnTo>
                  <a:pt x="254" y="14"/>
                </a:lnTo>
                <a:lnTo>
                  <a:pt x="248" y="6"/>
                </a:lnTo>
                <a:lnTo>
                  <a:pt x="244" y="0"/>
                </a:lnTo>
                <a:lnTo>
                  <a:pt x="230" y="2"/>
                </a:lnTo>
                <a:lnTo>
                  <a:pt x="210" y="2"/>
                </a:lnTo>
                <a:lnTo>
                  <a:pt x="200" y="4"/>
                </a:lnTo>
                <a:lnTo>
                  <a:pt x="178" y="20"/>
                </a:lnTo>
                <a:lnTo>
                  <a:pt x="172" y="26"/>
                </a:lnTo>
                <a:lnTo>
                  <a:pt x="170" y="52"/>
                </a:lnTo>
                <a:lnTo>
                  <a:pt x="166" y="86"/>
                </a:lnTo>
                <a:lnTo>
                  <a:pt x="170" y="110"/>
                </a:lnTo>
                <a:lnTo>
                  <a:pt x="166" y="120"/>
                </a:lnTo>
                <a:lnTo>
                  <a:pt x="164" y="134"/>
                </a:lnTo>
                <a:lnTo>
                  <a:pt x="156" y="152"/>
                </a:lnTo>
                <a:lnTo>
                  <a:pt x="150" y="168"/>
                </a:lnTo>
                <a:lnTo>
                  <a:pt x="140" y="186"/>
                </a:lnTo>
                <a:lnTo>
                  <a:pt x="128" y="212"/>
                </a:lnTo>
                <a:lnTo>
                  <a:pt x="110" y="228"/>
                </a:lnTo>
                <a:lnTo>
                  <a:pt x="116" y="238"/>
                </a:lnTo>
                <a:lnTo>
                  <a:pt x="106" y="258"/>
                </a:lnTo>
                <a:lnTo>
                  <a:pt x="92" y="276"/>
                </a:lnTo>
                <a:lnTo>
                  <a:pt x="72" y="300"/>
                </a:lnTo>
                <a:lnTo>
                  <a:pt x="56" y="318"/>
                </a:lnTo>
                <a:lnTo>
                  <a:pt x="40" y="322"/>
                </a:lnTo>
                <a:lnTo>
                  <a:pt x="40" y="338"/>
                </a:lnTo>
                <a:lnTo>
                  <a:pt x="26" y="354"/>
                </a:lnTo>
                <a:lnTo>
                  <a:pt x="22" y="368"/>
                </a:lnTo>
                <a:lnTo>
                  <a:pt x="18" y="382"/>
                </a:lnTo>
                <a:lnTo>
                  <a:pt x="6" y="394"/>
                </a:lnTo>
                <a:lnTo>
                  <a:pt x="8" y="404"/>
                </a:lnTo>
                <a:lnTo>
                  <a:pt x="18" y="406"/>
                </a:lnTo>
                <a:lnTo>
                  <a:pt x="32" y="410"/>
                </a:lnTo>
                <a:lnTo>
                  <a:pt x="32" y="418"/>
                </a:lnTo>
                <a:lnTo>
                  <a:pt x="26" y="428"/>
                </a:lnTo>
                <a:lnTo>
                  <a:pt x="26" y="442"/>
                </a:lnTo>
                <a:lnTo>
                  <a:pt x="34" y="446"/>
                </a:lnTo>
                <a:lnTo>
                  <a:pt x="42" y="444"/>
                </a:lnTo>
                <a:lnTo>
                  <a:pt x="52" y="442"/>
                </a:lnTo>
                <a:lnTo>
                  <a:pt x="58" y="446"/>
                </a:lnTo>
                <a:lnTo>
                  <a:pt x="60" y="456"/>
                </a:lnTo>
                <a:lnTo>
                  <a:pt x="64" y="468"/>
                </a:lnTo>
                <a:lnTo>
                  <a:pt x="58" y="492"/>
                </a:lnTo>
                <a:lnTo>
                  <a:pt x="44" y="512"/>
                </a:lnTo>
                <a:lnTo>
                  <a:pt x="46" y="528"/>
                </a:lnTo>
                <a:lnTo>
                  <a:pt x="42" y="550"/>
                </a:lnTo>
                <a:lnTo>
                  <a:pt x="36" y="558"/>
                </a:lnTo>
                <a:lnTo>
                  <a:pt x="34" y="574"/>
                </a:lnTo>
                <a:lnTo>
                  <a:pt x="28" y="590"/>
                </a:lnTo>
                <a:lnTo>
                  <a:pt x="14" y="610"/>
                </a:lnTo>
                <a:lnTo>
                  <a:pt x="0" y="624"/>
                </a:lnTo>
                <a:lnTo>
                  <a:pt x="2" y="632"/>
                </a:lnTo>
                <a:close/>
              </a:path>
            </a:pathLst>
          </a:custGeom>
          <a:solidFill>
            <a:srgbClr val="80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14" name="Freeform 93"/>
          <p:cNvSpPr>
            <a:spLocks/>
          </p:cNvSpPr>
          <p:nvPr/>
        </p:nvSpPr>
        <p:spPr bwMode="auto">
          <a:xfrm>
            <a:off x="4187825" y="5667375"/>
            <a:ext cx="147638" cy="109538"/>
          </a:xfrm>
          <a:custGeom>
            <a:avLst/>
            <a:gdLst>
              <a:gd name="T0" fmla="*/ 2147483647 w 114"/>
              <a:gd name="T1" fmla="*/ 2147483647 h 84"/>
              <a:gd name="T2" fmla="*/ 2147483647 w 114"/>
              <a:gd name="T3" fmla="*/ 2147483647 h 84"/>
              <a:gd name="T4" fmla="*/ 2147483647 w 114"/>
              <a:gd name="T5" fmla="*/ 2147483647 h 84"/>
              <a:gd name="T6" fmla="*/ 2147483647 w 114"/>
              <a:gd name="T7" fmla="*/ 2147483647 h 84"/>
              <a:gd name="T8" fmla="*/ 0 w 114"/>
              <a:gd name="T9" fmla="*/ 2147483647 h 84"/>
              <a:gd name="T10" fmla="*/ 2147483647 w 114"/>
              <a:gd name="T11" fmla="*/ 2147483647 h 84"/>
              <a:gd name="T12" fmla="*/ 2147483647 w 114"/>
              <a:gd name="T13" fmla="*/ 2147483647 h 84"/>
              <a:gd name="T14" fmla="*/ 2147483647 w 114"/>
              <a:gd name="T15" fmla="*/ 2147483647 h 84"/>
              <a:gd name="T16" fmla="*/ 2147483647 w 114"/>
              <a:gd name="T17" fmla="*/ 2147483647 h 84"/>
              <a:gd name="T18" fmla="*/ 2147483647 w 114"/>
              <a:gd name="T19" fmla="*/ 0 h 84"/>
              <a:gd name="T20" fmla="*/ 2147483647 w 114"/>
              <a:gd name="T21" fmla="*/ 2147483647 h 84"/>
              <a:gd name="T22" fmla="*/ 2147483647 w 114"/>
              <a:gd name="T23" fmla="*/ 2147483647 h 84"/>
              <a:gd name="T24" fmla="*/ 2147483647 w 114"/>
              <a:gd name="T25" fmla="*/ 2147483647 h 84"/>
              <a:gd name="T26" fmla="*/ 2147483647 w 114"/>
              <a:gd name="T27" fmla="*/ 2147483647 h 84"/>
              <a:gd name="T28" fmla="*/ 2147483647 w 114"/>
              <a:gd name="T29" fmla="*/ 2147483647 h 84"/>
              <a:gd name="T30" fmla="*/ 2147483647 w 114"/>
              <a:gd name="T31" fmla="*/ 2147483647 h 84"/>
              <a:gd name="T32" fmla="*/ 2147483647 w 114"/>
              <a:gd name="T33" fmla="*/ 2147483647 h 84"/>
              <a:gd name="T34" fmla="*/ 2147483647 w 114"/>
              <a:gd name="T35" fmla="*/ 2147483647 h 84"/>
              <a:gd name="T36" fmla="*/ 2147483647 w 114"/>
              <a:gd name="T37" fmla="*/ 2147483647 h 84"/>
              <a:gd name="T38" fmla="*/ 2147483647 w 114"/>
              <a:gd name="T39" fmla="*/ 2147483647 h 84"/>
              <a:gd name="T40" fmla="*/ 2147483647 w 114"/>
              <a:gd name="T41" fmla="*/ 2147483647 h 84"/>
              <a:gd name="T42" fmla="*/ 2147483647 w 114"/>
              <a:gd name="T43" fmla="*/ 2147483647 h 84"/>
              <a:gd name="T44" fmla="*/ 2147483647 w 114"/>
              <a:gd name="T45" fmla="*/ 2147483647 h 84"/>
              <a:gd name="T46" fmla="*/ 2147483647 w 114"/>
              <a:gd name="T47" fmla="*/ 2147483647 h 84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0" t="0" r="r" b="b"/>
            <a:pathLst>
              <a:path w="114" h="84">
                <a:moveTo>
                  <a:pt x="34" y="48"/>
                </a:moveTo>
                <a:lnTo>
                  <a:pt x="26" y="44"/>
                </a:lnTo>
                <a:lnTo>
                  <a:pt x="16" y="56"/>
                </a:lnTo>
                <a:lnTo>
                  <a:pt x="2" y="48"/>
                </a:lnTo>
                <a:lnTo>
                  <a:pt x="0" y="36"/>
                </a:lnTo>
                <a:lnTo>
                  <a:pt x="14" y="28"/>
                </a:lnTo>
                <a:lnTo>
                  <a:pt x="32" y="18"/>
                </a:lnTo>
                <a:lnTo>
                  <a:pt x="50" y="8"/>
                </a:lnTo>
                <a:lnTo>
                  <a:pt x="68" y="2"/>
                </a:lnTo>
                <a:lnTo>
                  <a:pt x="90" y="0"/>
                </a:lnTo>
                <a:lnTo>
                  <a:pt x="82" y="12"/>
                </a:lnTo>
                <a:lnTo>
                  <a:pt x="84" y="24"/>
                </a:lnTo>
                <a:lnTo>
                  <a:pt x="98" y="26"/>
                </a:lnTo>
                <a:lnTo>
                  <a:pt x="110" y="24"/>
                </a:lnTo>
                <a:lnTo>
                  <a:pt x="114" y="34"/>
                </a:lnTo>
                <a:lnTo>
                  <a:pt x="102" y="48"/>
                </a:lnTo>
                <a:lnTo>
                  <a:pt x="94" y="60"/>
                </a:lnTo>
                <a:lnTo>
                  <a:pt x="86" y="72"/>
                </a:lnTo>
                <a:lnTo>
                  <a:pt x="74" y="84"/>
                </a:lnTo>
                <a:lnTo>
                  <a:pt x="62" y="80"/>
                </a:lnTo>
                <a:lnTo>
                  <a:pt x="50" y="72"/>
                </a:lnTo>
                <a:lnTo>
                  <a:pt x="38" y="68"/>
                </a:lnTo>
                <a:lnTo>
                  <a:pt x="36" y="56"/>
                </a:lnTo>
                <a:lnTo>
                  <a:pt x="34" y="4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15" name="Freeform 94"/>
          <p:cNvSpPr>
            <a:spLocks/>
          </p:cNvSpPr>
          <p:nvPr/>
        </p:nvSpPr>
        <p:spPr bwMode="auto">
          <a:xfrm>
            <a:off x="4022725" y="5784850"/>
            <a:ext cx="53975" cy="42863"/>
          </a:xfrm>
          <a:custGeom>
            <a:avLst/>
            <a:gdLst>
              <a:gd name="T0" fmla="*/ 2147483647 w 42"/>
              <a:gd name="T1" fmla="*/ 2147483647 h 34"/>
              <a:gd name="T2" fmla="*/ 2147483647 w 42"/>
              <a:gd name="T3" fmla="*/ 2147483647 h 34"/>
              <a:gd name="T4" fmla="*/ 2147483647 w 42"/>
              <a:gd name="T5" fmla="*/ 0 h 34"/>
              <a:gd name="T6" fmla="*/ 2147483647 w 42"/>
              <a:gd name="T7" fmla="*/ 2147483647 h 34"/>
              <a:gd name="T8" fmla="*/ 2147483647 w 42"/>
              <a:gd name="T9" fmla="*/ 2147483647 h 34"/>
              <a:gd name="T10" fmla="*/ 2147483647 w 42"/>
              <a:gd name="T11" fmla="*/ 2147483647 h 34"/>
              <a:gd name="T12" fmla="*/ 2147483647 w 42"/>
              <a:gd name="T13" fmla="*/ 2147483647 h 34"/>
              <a:gd name="T14" fmla="*/ 2147483647 w 42"/>
              <a:gd name="T15" fmla="*/ 2147483647 h 34"/>
              <a:gd name="T16" fmla="*/ 0 w 42"/>
              <a:gd name="T17" fmla="*/ 2147483647 h 34"/>
              <a:gd name="T18" fmla="*/ 0 w 42"/>
              <a:gd name="T19" fmla="*/ 2147483647 h 34"/>
              <a:gd name="T20" fmla="*/ 2147483647 w 42"/>
              <a:gd name="T21" fmla="*/ 2147483647 h 34"/>
              <a:gd name="T22" fmla="*/ 2147483647 w 42"/>
              <a:gd name="T23" fmla="*/ 2147483647 h 34"/>
              <a:gd name="T24" fmla="*/ 2147483647 w 42"/>
              <a:gd name="T25" fmla="*/ 2147483647 h 34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42" h="34">
                <a:moveTo>
                  <a:pt x="14" y="6"/>
                </a:moveTo>
                <a:lnTo>
                  <a:pt x="26" y="2"/>
                </a:lnTo>
                <a:lnTo>
                  <a:pt x="42" y="0"/>
                </a:lnTo>
                <a:lnTo>
                  <a:pt x="42" y="14"/>
                </a:lnTo>
                <a:lnTo>
                  <a:pt x="30" y="26"/>
                </a:lnTo>
                <a:lnTo>
                  <a:pt x="14" y="34"/>
                </a:lnTo>
                <a:lnTo>
                  <a:pt x="8" y="34"/>
                </a:lnTo>
                <a:lnTo>
                  <a:pt x="2" y="34"/>
                </a:lnTo>
                <a:lnTo>
                  <a:pt x="0" y="32"/>
                </a:lnTo>
                <a:lnTo>
                  <a:pt x="0" y="30"/>
                </a:lnTo>
                <a:lnTo>
                  <a:pt x="2" y="22"/>
                </a:lnTo>
                <a:lnTo>
                  <a:pt x="2" y="16"/>
                </a:lnTo>
                <a:lnTo>
                  <a:pt x="14" y="6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16" name="Freeform 95"/>
          <p:cNvSpPr>
            <a:spLocks/>
          </p:cNvSpPr>
          <p:nvPr/>
        </p:nvSpPr>
        <p:spPr bwMode="auto">
          <a:xfrm>
            <a:off x="4387850" y="5651500"/>
            <a:ext cx="61913" cy="52388"/>
          </a:xfrm>
          <a:custGeom>
            <a:avLst/>
            <a:gdLst>
              <a:gd name="T0" fmla="*/ 2147483647 w 48"/>
              <a:gd name="T1" fmla="*/ 2147483647 h 40"/>
              <a:gd name="T2" fmla="*/ 2147483647 w 48"/>
              <a:gd name="T3" fmla="*/ 2147483647 h 40"/>
              <a:gd name="T4" fmla="*/ 0 w 48"/>
              <a:gd name="T5" fmla="*/ 2147483647 h 40"/>
              <a:gd name="T6" fmla="*/ 0 w 48"/>
              <a:gd name="T7" fmla="*/ 2147483647 h 40"/>
              <a:gd name="T8" fmla="*/ 2147483647 w 48"/>
              <a:gd name="T9" fmla="*/ 0 h 40"/>
              <a:gd name="T10" fmla="*/ 2147483647 w 48"/>
              <a:gd name="T11" fmla="*/ 2147483647 h 40"/>
              <a:gd name="T12" fmla="*/ 2147483647 w 48"/>
              <a:gd name="T13" fmla="*/ 2147483647 h 40"/>
              <a:gd name="T14" fmla="*/ 2147483647 w 48"/>
              <a:gd name="T15" fmla="*/ 2147483647 h 40"/>
              <a:gd name="T16" fmla="*/ 2147483647 w 48"/>
              <a:gd name="T17" fmla="*/ 2147483647 h 40"/>
              <a:gd name="T18" fmla="*/ 2147483647 w 48"/>
              <a:gd name="T19" fmla="*/ 2147483647 h 40"/>
              <a:gd name="T20" fmla="*/ 2147483647 w 48"/>
              <a:gd name="T21" fmla="*/ 2147483647 h 40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48" h="40">
                <a:moveTo>
                  <a:pt x="20" y="24"/>
                </a:moveTo>
                <a:lnTo>
                  <a:pt x="8" y="24"/>
                </a:lnTo>
                <a:lnTo>
                  <a:pt x="0" y="12"/>
                </a:lnTo>
                <a:lnTo>
                  <a:pt x="0" y="4"/>
                </a:lnTo>
                <a:lnTo>
                  <a:pt x="16" y="0"/>
                </a:lnTo>
                <a:lnTo>
                  <a:pt x="32" y="4"/>
                </a:lnTo>
                <a:lnTo>
                  <a:pt x="44" y="12"/>
                </a:lnTo>
                <a:lnTo>
                  <a:pt x="48" y="28"/>
                </a:lnTo>
                <a:lnTo>
                  <a:pt x="46" y="40"/>
                </a:lnTo>
                <a:lnTo>
                  <a:pt x="32" y="32"/>
                </a:lnTo>
                <a:lnTo>
                  <a:pt x="20" y="2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17" name="Freeform 96"/>
          <p:cNvSpPr>
            <a:spLocks/>
          </p:cNvSpPr>
          <p:nvPr/>
        </p:nvSpPr>
        <p:spPr bwMode="auto">
          <a:xfrm>
            <a:off x="4867275" y="5048250"/>
            <a:ext cx="25400" cy="23813"/>
          </a:xfrm>
          <a:custGeom>
            <a:avLst/>
            <a:gdLst>
              <a:gd name="T0" fmla="*/ 2147483647 w 20"/>
              <a:gd name="T1" fmla="*/ 2147483647 h 18"/>
              <a:gd name="T2" fmla="*/ 2147483647 w 20"/>
              <a:gd name="T3" fmla="*/ 2147483647 h 18"/>
              <a:gd name="T4" fmla="*/ 2147483647 w 20"/>
              <a:gd name="T5" fmla="*/ 2147483647 h 18"/>
              <a:gd name="T6" fmla="*/ 2147483647 w 20"/>
              <a:gd name="T7" fmla="*/ 2147483647 h 18"/>
              <a:gd name="T8" fmla="*/ 2147483647 w 20"/>
              <a:gd name="T9" fmla="*/ 2147483647 h 18"/>
              <a:gd name="T10" fmla="*/ 2147483647 w 20"/>
              <a:gd name="T11" fmla="*/ 2147483647 h 18"/>
              <a:gd name="T12" fmla="*/ 2147483647 w 20"/>
              <a:gd name="T13" fmla="*/ 2147483647 h 18"/>
              <a:gd name="T14" fmla="*/ 2147483647 w 20"/>
              <a:gd name="T15" fmla="*/ 2147483647 h 18"/>
              <a:gd name="T16" fmla="*/ 0 w 20"/>
              <a:gd name="T17" fmla="*/ 2147483647 h 18"/>
              <a:gd name="T18" fmla="*/ 2147483647 w 20"/>
              <a:gd name="T19" fmla="*/ 2147483647 h 18"/>
              <a:gd name="T20" fmla="*/ 2147483647 w 20"/>
              <a:gd name="T21" fmla="*/ 2147483647 h 18"/>
              <a:gd name="T22" fmla="*/ 2147483647 w 20"/>
              <a:gd name="T23" fmla="*/ 0 h 18"/>
              <a:gd name="T24" fmla="*/ 2147483647 w 20"/>
              <a:gd name="T25" fmla="*/ 0 h 18"/>
              <a:gd name="T26" fmla="*/ 2147483647 w 20"/>
              <a:gd name="T27" fmla="*/ 2147483647 h 18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0" t="0" r="r" b="b"/>
            <a:pathLst>
              <a:path w="20" h="18">
                <a:moveTo>
                  <a:pt x="18" y="2"/>
                </a:moveTo>
                <a:lnTo>
                  <a:pt x="20" y="6"/>
                </a:lnTo>
                <a:lnTo>
                  <a:pt x="18" y="8"/>
                </a:lnTo>
                <a:lnTo>
                  <a:pt x="16" y="10"/>
                </a:lnTo>
                <a:lnTo>
                  <a:pt x="10" y="12"/>
                </a:lnTo>
                <a:lnTo>
                  <a:pt x="6" y="16"/>
                </a:lnTo>
                <a:lnTo>
                  <a:pt x="4" y="18"/>
                </a:lnTo>
                <a:lnTo>
                  <a:pt x="2" y="14"/>
                </a:lnTo>
                <a:lnTo>
                  <a:pt x="0" y="8"/>
                </a:lnTo>
                <a:lnTo>
                  <a:pt x="4" y="4"/>
                </a:lnTo>
                <a:lnTo>
                  <a:pt x="6" y="2"/>
                </a:lnTo>
                <a:lnTo>
                  <a:pt x="10" y="0"/>
                </a:lnTo>
                <a:lnTo>
                  <a:pt x="14" y="0"/>
                </a:lnTo>
                <a:lnTo>
                  <a:pt x="18" y="2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18" name="Freeform 97"/>
          <p:cNvSpPr>
            <a:spLocks/>
          </p:cNvSpPr>
          <p:nvPr/>
        </p:nvSpPr>
        <p:spPr bwMode="auto">
          <a:xfrm>
            <a:off x="5867400" y="465138"/>
            <a:ext cx="979488" cy="1806575"/>
          </a:xfrm>
          <a:custGeom>
            <a:avLst/>
            <a:gdLst>
              <a:gd name="T0" fmla="*/ 2147483647 w 756"/>
              <a:gd name="T1" fmla="*/ 2147483647 h 1396"/>
              <a:gd name="T2" fmla="*/ 2147483647 w 756"/>
              <a:gd name="T3" fmla="*/ 2147483647 h 1396"/>
              <a:gd name="T4" fmla="*/ 2147483647 w 756"/>
              <a:gd name="T5" fmla="*/ 2147483647 h 1396"/>
              <a:gd name="T6" fmla="*/ 2147483647 w 756"/>
              <a:gd name="T7" fmla="*/ 2147483647 h 1396"/>
              <a:gd name="T8" fmla="*/ 2147483647 w 756"/>
              <a:gd name="T9" fmla="*/ 2147483647 h 1396"/>
              <a:gd name="T10" fmla="*/ 2147483647 w 756"/>
              <a:gd name="T11" fmla="*/ 2147483647 h 1396"/>
              <a:gd name="T12" fmla="*/ 2147483647 w 756"/>
              <a:gd name="T13" fmla="*/ 2147483647 h 1396"/>
              <a:gd name="T14" fmla="*/ 2147483647 w 756"/>
              <a:gd name="T15" fmla="*/ 2147483647 h 1396"/>
              <a:gd name="T16" fmla="*/ 2147483647 w 756"/>
              <a:gd name="T17" fmla="*/ 2147483647 h 1396"/>
              <a:gd name="T18" fmla="*/ 2147483647 w 756"/>
              <a:gd name="T19" fmla="*/ 2147483647 h 1396"/>
              <a:gd name="T20" fmla="*/ 2147483647 w 756"/>
              <a:gd name="T21" fmla="*/ 2147483647 h 1396"/>
              <a:gd name="T22" fmla="*/ 2147483647 w 756"/>
              <a:gd name="T23" fmla="*/ 2147483647 h 1396"/>
              <a:gd name="T24" fmla="*/ 2147483647 w 756"/>
              <a:gd name="T25" fmla="*/ 2147483647 h 1396"/>
              <a:gd name="T26" fmla="*/ 2147483647 w 756"/>
              <a:gd name="T27" fmla="*/ 2147483647 h 1396"/>
              <a:gd name="T28" fmla="*/ 2147483647 w 756"/>
              <a:gd name="T29" fmla="*/ 2147483647 h 1396"/>
              <a:gd name="T30" fmla="*/ 2147483647 w 756"/>
              <a:gd name="T31" fmla="*/ 2147483647 h 1396"/>
              <a:gd name="T32" fmla="*/ 2147483647 w 756"/>
              <a:gd name="T33" fmla="*/ 2147483647 h 1396"/>
              <a:gd name="T34" fmla="*/ 2147483647 w 756"/>
              <a:gd name="T35" fmla="*/ 2147483647 h 1396"/>
              <a:gd name="T36" fmla="*/ 2147483647 w 756"/>
              <a:gd name="T37" fmla="*/ 2147483647 h 1396"/>
              <a:gd name="T38" fmla="*/ 2147483647 w 756"/>
              <a:gd name="T39" fmla="*/ 2147483647 h 1396"/>
              <a:gd name="T40" fmla="*/ 2147483647 w 756"/>
              <a:gd name="T41" fmla="*/ 2147483647 h 1396"/>
              <a:gd name="T42" fmla="*/ 2147483647 w 756"/>
              <a:gd name="T43" fmla="*/ 2147483647 h 1396"/>
              <a:gd name="T44" fmla="*/ 2147483647 w 756"/>
              <a:gd name="T45" fmla="*/ 2147483647 h 1396"/>
              <a:gd name="T46" fmla="*/ 2147483647 w 756"/>
              <a:gd name="T47" fmla="*/ 2147483647 h 1396"/>
              <a:gd name="T48" fmla="*/ 2147483647 w 756"/>
              <a:gd name="T49" fmla="*/ 2147483647 h 1396"/>
              <a:gd name="T50" fmla="*/ 2147483647 w 756"/>
              <a:gd name="T51" fmla="*/ 2147483647 h 1396"/>
              <a:gd name="T52" fmla="*/ 2147483647 w 756"/>
              <a:gd name="T53" fmla="*/ 2147483647 h 1396"/>
              <a:gd name="T54" fmla="*/ 2147483647 w 756"/>
              <a:gd name="T55" fmla="*/ 2147483647 h 1396"/>
              <a:gd name="T56" fmla="*/ 2147483647 w 756"/>
              <a:gd name="T57" fmla="*/ 2147483647 h 1396"/>
              <a:gd name="T58" fmla="*/ 2147483647 w 756"/>
              <a:gd name="T59" fmla="*/ 2147483647 h 1396"/>
              <a:gd name="T60" fmla="*/ 2147483647 w 756"/>
              <a:gd name="T61" fmla="*/ 2147483647 h 1396"/>
              <a:gd name="T62" fmla="*/ 2147483647 w 756"/>
              <a:gd name="T63" fmla="*/ 2147483647 h 1396"/>
              <a:gd name="T64" fmla="*/ 2147483647 w 756"/>
              <a:gd name="T65" fmla="*/ 2147483647 h 1396"/>
              <a:gd name="T66" fmla="*/ 2147483647 w 756"/>
              <a:gd name="T67" fmla="*/ 2147483647 h 1396"/>
              <a:gd name="T68" fmla="*/ 2147483647 w 756"/>
              <a:gd name="T69" fmla="*/ 2147483647 h 1396"/>
              <a:gd name="T70" fmla="*/ 2147483647 w 756"/>
              <a:gd name="T71" fmla="*/ 2147483647 h 1396"/>
              <a:gd name="T72" fmla="*/ 2147483647 w 756"/>
              <a:gd name="T73" fmla="*/ 2147483647 h 1396"/>
              <a:gd name="T74" fmla="*/ 2147483647 w 756"/>
              <a:gd name="T75" fmla="*/ 2147483647 h 1396"/>
              <a:gd name="T76" fmla="*/ 2147483647 w 756"/>
              <a:gd name="T77" fmla="*/ 2147483647 h 1396"/>
              <a:gd name="T78" fmla="*/ 2147483647 w 756"/>
              <a:gd name="T79" fmla="*/ 2147483647 h 1396"/>
              <a:gd name="T80" fmla="*/ 2147483647 w 756"/>
              <a:gd name="T81" fmla="*/ 2147483647 h 1396"/>
              <a:gd name="T82" fmla="*/ 2147483647 w 756"/>
              <a:gd name="T83" fmla="*/ 2147483647 h 1396"/>
              <a:gd name="T84" fmla="*/ 2147483647 w 756"/>
              <a:gd name="T85" fmla="*/ 2147483647 h 1396"/>
              <a:gd name="T86" fmla="*/ 2147483647 w 756"/>
              <a:gd name="T87" fmla="*/ 2147483647 h 1396"/>
              <a:gd name="T88" fmla="*/ 2147483647 w 756"/>
              <a:gd name="T89" fmla="*/ 2147483647 h 1396"/>
              <a:gd name="T90" fmla="*/ 2147483647 w 756"/>
              <a:gd name="T91" fmla="*/ 2147483647 h 1396"/>
              <a:gd name="T92" fmla="*/ 2147483647 w 756"/>
              <a:gd name="T93" fmla="*/ 2147483647 h 1396"/>
              <a:gd name="T94" fmla="*/ 2147483647 w 756"/>
              <a:gd name="T95" fmla="*/ 2147483647 h 1396"/>
              <a:gd name="T96" fmla="*/ 2147483647 w 756"/>
              <a:gd name="T97" fmla="*/ 2147483647 h 1396"/>
              <a:gd name="T98" fmla="*/ 2147483647 w 756"/>
              <a:gd name="T99" fmla="*/ 2147483647 h 1396"/>
              <a:gd name="T100" fmla="*/ 2147483647 w 756"/>
              <a:gd name="T101" fmla="*/ 2147483647 h 139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0" t="0" r="r" b="b"/>
            <a:pathLst>
              <a:path w="756" h="1396">
                <a:moveTo>
                  <a:pt x="14" y="224"/>
                </a:moveTo>
                <a:lnTo>
                  <a:pt x="8" y="216"/>
                </a:lnTo>
                <a:lnTo>
                  <a:pt x="0" y="206"/>
                </a:lnTo>
                <a:lnTo>
                  <a:pt x="4" y="198"/>
                </a:lnTo>
                <a:lnTo>
                  <a:pt x="14" y="204"/>
                </a:lnTo>
                <a:lnTo>
                  <a:pt x="22" y="198"/>
                </a:lnTo>
                <a:lnTo>
                  <a:pt x="14" y="186"/>
                </a:lnTo>
                <a:lnTo>
                  <a:pt x="16" y="174"/>
                </a:lnTo>
                <a:lnTo>
                  <a:pt x="20" y="172"/>
                </a:lnTo>
                <a:lnTo>
                  <a:pt x="26" y="170"/>
                </a:lnTo>
                <a:lnTo>
                  <a:pt x="38" y="172"/>
                </a:lnTo>
                <a:lnTo>
                  <a:pt x="52" y="184"/>
                </a:lnTo>
                <a:lnTo>
                  <a:pt x="60" y="200"/>
                </a:lnTo>
                <a:lnTo>
                  <a:pt x="72" y="210"/>
                </a:lnTo>
                <a:lnTo>
                  <a:pt x="82" y="224"/>
                </a:lnTo>
                <a:lnTo>
                  <a:pt x="88" y="236"/>
                </a:lnTo>
                <a:lnTo>
                  <a:pt x="112" y="240"/>
                </a:lnTo>
                <a:lnTo>
                  <a:pt x="132" y="242"/>
                </a:lnTo>
                <a:lnTo>
                  <a:pt x="150" y="230"/>
                </a:lnTo>
                <a:lnTo>
                  <a:pt x="154" y="216"/>
                </a:lnTo>
                <a:lnTo>
                  <a:pt x="162" y="210"/>
                </a:lnTo>
                <a:lnTo>
                  <a:pt x="174" y="216"/>
                </a:lnTo>
                <a:lnTo>
                  <a:pt x="192" y="222"/>
                </a:lnTo>
                <a:lnTo>
                  <a:pt x="214" y="234"/>
                </a:lnTo>
                <a:lnTo>
                  <a:pt x="222" y="220"/>
                </a:lnTo>
                <a:lnTo>
                  <a:pt x="224" y="200"/>
                </a:lnTo>
                <a:lnTo>
                  <a:pt x="240" y="184"/>
                </a:lnTo>
                <a:lnTo>
                  <a:pt x="248" y="162"/>
                </a:lnTo>
                <a:lnTo>
                  <a:pt x="238" y="146"/>
                </a:lnTo>
                <a:lnTo>
                  <a:pt x="236" y="82"/>
                </a:lnTo>
                <a:lnTo>
                  <a:pt x="246" y="58"/>
                </a:lnTo>
                <a:lnTo>
                  <a:pt x="246" y="42"/>
                </a:lnTo>
                <a:lnTo>
                  <a:pt x="266" y="32"/>
                </a:lnTo>
                <a:lnTo>
                  <a:pt x="286" y="30"/>
                </a:lnTo>
                <a:lnTo>
                  <a:pt x="296" y="10"/>
                </a:lnTo>
                <a:lnTo>
                  <a:pt x="310" y="0"/>
                </a:lnTo>
                <a:lnTo>
                  <a:pt x="324" y="12"/>
                </a:lnTo>
                <a:lnTo>
                  <a:pt x="334" y="24"/>
                </a:lnTo>
                <a:lnTo>
                  <a:pt x="342" y="28"/>
                </a:lnTo>
                <a:lnTo>
                  <a:pt x="346" y="36"/>
                </a:lnTo>
                <a:lnTo>
                  <a:pt x="370" y="38"/>
                </a:lnTo>
                <a:lnTo>
                  <a:pt x="380" y="40"/>
                </a:lnTo>
                <a:lnTo>
                  <a:pt x="396" y="60"/>
                </a:lnTo>
                <a:lnTo>
                  <a:pt x="396" y="78"/>
                </a:lnTo>
                <a:lnTo>
                  <a:pt x="386" y="102"/>
                </a:lnTo>
                <a:lnTo>
                  <a:pt x="384" y="116"/>
                </a:lnTo>
                <a:lnTo>
                  <a:pt x="398" y="128"/>
                </a:lnTo>
                <a:lnTo>
                  <a:pt x="378" y="150"/>
                </a:lnTo>
                <a:lnTo>
                  <a:pt x="394" y="152"/>
                </a:lnTo>
                <a:lnTo>
                  <a:pt x="390" y="188"/>
                </a:lnTo>
                <a:lnTo>
                  <a:pt x="388" y="192"/>
                </a:lnTo>
                <a:lnTo>
                  <a:pt x="392" y="206"/>
                </a:lnTo>
                <a:lnTo>
                  <a:pt x="418" y="244"/>
                </a:lnTo>
                <a:lnTo>
                  <a:pt x="448" y="248"/>
                </a:lnTo>
                <a:lnTo>
                  <a:pt x="472" y="278"/>
                </a:lnTo>
                <a:lnTo>
                  <a:pt x="492" y="286"/>
                </a:lnTo>
                <a:lnTo>
                  <a:pt x="500" y="298"/>
                </a:lnTo>
                <a:lnTo>
                  <a:pt x="484" y="342"/>
                </a:lnTo>
                <a:lnTo>
                  <a:pt x="476" y="376"/>
                </a:lnTo>
                <a:lnTo>
                  <a:pt x="478" y="408"/>
                </a:lnTo>
                <a:lnTo>
                  <a:pt x="512" y="450"/>
                </a:lnTo>
                <a:lnTo>
                  <a:pt x="530" y="470"/>
                </a:lnTo>
                <a:lnTo>
                  <a:pt x="540" y="484"/>
                </a:lnTo>
                <a:lnTo>
                  <a:pt x="562" y="514"/>
                </a:lnTo>
                <a:lnTo>
                  <a:pt x="574" y="544"/>
                </a:lnTo>
                <a:lnTo>
                  <a:pt x="558" y="552"/>
                </a:lnTo>
                <a:lnTo>
                  <a:pt x="558" y="570"/>
                </a:lnTo>
                <a:lnTo>
                  <a:pt x="562" y="588"/>
                </a:lnTo>
                <a:lnTo>
                  <a:pt x="564" y="610"/>
                </a:lnTo>
                <a:lnTo>
                  <a:pt x="578" y="612"/>
                </a:lnTo>
                <a:lnTo>
                  <a:pt x="580" y="620"/>
                </a:lnTo>
                <a:lnTo>
                  <a:pt x="568" y="634"/>
                </a:lnTo>
                <a:lnTo>
                  <a:pt x="588" y="664"/>
                </a:lnTo>
                <a:lnTo>
                  <a:pt x="604" y="660"/>
                </a:lnTo>
                <a:lnTo>
                  <a:pt x="616" y="670"/>
                </a:lnTo>
                <a:lnTo>
                  <a:pt x="606" y="684"/>
                </a:lnTo>
                <a:lnTo>
                  <a:pt x="606" y="694"/>
                </a:lnTo>
                <a:lnTo>
                  <a:pt x="618" y="698"/>
                </a:lnTo>
                <a:lnTo>
                  <a:pt x="620" y="714"/>
                </a:lnTo>
                <a:lnTo>
                  <a:pt x="636" y="714"/>
                </a:lnTo>
                <a:lnTo>
                  <a:pt x="652" y="722"/>
                </a:lnTo>
                <a:lnTo>
                  <a:pt x="660" y="740"/>
                </a:lnTo>
                <a:lnTo>
                  <a:pt x="660" y="750"/>
                </a:lnTo>
                <a:lnTo>
                  <a:pt x="652" y="762"/>
                </a:lnTo>
                <a:lnTo>
                  <a:pt x="652" y="780"/>
                </a:lnTo>
                <a:lnTo>
                  <a:pt x="636" y="796"/>
                </a:lnTo>
                <a:lnTo>
                  <a:pt x="678" y="822"/>
                </a:lnTo>
                <a:lnTo>
                  <a:pt x="704" y="830"/>
                </a:lnTo>
                <a:lnTo>
                  <a:pt x="726" y="840"/>
                </a:lnTo>
                <a:lnTo>
                  <a:pt x="734" y="856"/>
                </a:lnTo>
                <a:lnTo>
                  <a:pt x="756" y="870"/>
                </a:lnTo>
                <a:lnTo>
                  <a:pt x="756" y="932"/>
                </a:lnTo>
                <a:lnTo>
                  <a:pt x="736" y="972"/>
                </a:lnTo>
                <a:lnTo>
                  <a:pt x="718" y="1030"/>
                </a:lnTo>
                <a:lnTo>
                  <a:pt x="694" y="1082"/>
                </a:lnTo>
                <a:lnTo>
                  <a:pt x="678" y="1128"/>
                </a:lnTo>
                <a:lnTo>
                  <a:pt x="662" y="1150"/>
                </a:lnTo>
                <a:lnTo>
                  <a:pt x="656" y="1166"/>
                </a:lnTo>
                <a:lnTo>
                  <a:pt x="646" y="1174"/>
                </a:lnTo>
                <a:lnTo>
                  <a:pt x="614" y="1238"/>
                </a:lnTo>
                <a:lnTo>
                  <a:pt x="614" y="1248"/>
                </a:lnTo>
                <a:lnTo>
                  <a:pt x="602" y="1248"/>
                </a:lnTo>
                <a:lnTo>
                  <a:pt x="596" y="1252"/>
                </a:lnTo>
                <a:lnTo>
                  <a:pt x="584" y="1250"/>
                </a:lnTo>
                <a:lnTo>
                  <a:pt x="578" y="1248"/>
                </a:lnTo>
                <a:lnTo>
                  <a:pt x="570" y="1254"/>
                </a:lnTo>
                <a:lnTo>
                  <a:pt x="554" y="1264"/>
                </a:lnTo>
                <a:lnTo>
                  <a:pt x="548" y="1272"/>
                </a:lnTo>
                <a:lnTo>
                  <a:pt x="534" y="1272"/>
                </a:lnTo>
                <a:lnTo>
                  <a:pt x="522" y="1276"/>
                </a:lnTo>
                <a:lnTo>
                  <a:pt x="514" y="1284"/>
                </a:lnTo>
                <a:lnTo>
                  <a:pt x="512" y="1294"/>
                </a:lnTo>
                <a:lnTo>
                  <a:pt x="504" y="1296"/>
                </a:lnTo>
                <a:lnTo>
                  <a:pt x="498" y="1292"/>
                </a:lnTo>
                <a:lnTo>
                  <a:pt x="484" y="1282"/>
                </a:lnTo>
                <a:lnTo>
                  <a:pt x="486" y="1292"/>
                </a:lnTo>
                <a:lnTo>
                  <a:pt x="486" y="1302"/>
                </a:lnTo>
                <a:lnTo>
                  <a:pt x="476" y="1308"/>
                </a:lnTo>
                <a:lnTo>
                  <a:pt x="466" y="1312"/>
                </a:lnTo>
                <a:lnTo>
                  <a:pt x="452" y="1324"/>
                </a:lnTo>
                <a:lnTo>
                  <a:pt x="438" y="1334"/>
                </a:lnTo>
                <a:lnTo>
                  <a:pt x="426" y="1342"/>
                </a:lnTo>
                <a:lnTo>
                  <a:pt x="410" y="1350"/>
                </a:lnTo>
                <a:lnTo>
                  <a:pt x="396" y="1354"/>
                </a:lnTo>
                <a:lnTo>
                  <a:pt x="378" y="1362"/>
                </a:lnTo>
                <a:lnTo>
                  <a:pt x="372" y="1368"/>
                </a:lnTo>
                <a:lnTo>
                  <a:pt x="360" y="1380"/>
                </a:lnTo>
                <a:lnTo>
                  <a:pt x="350" y="1380"/>
                </a:lnTo>
                <a:lnTo>
                  <a:pt x="348" y="1386"/>
                </a:lnTo>
                <a:lnTo>
                  <a:pt x="338" y="1396"/>
                </a:lnTo>
                <a:lnTo>
                  <a:pt x="328" y="1396"/>
                </a:lnTo>
                <a:lnTo>
                  <a:pt x="332" y="1384"/>
                </a:lnTo>
                <a:lnTo>
                  <a:pt x="338" y="1380"/>
                </a:lnTo>
                <a:lnTo>
                  <a:pt x="336" y="1372"/>
                </a:lnTo>
                <a:lnTo>
                  <a:pt x="332" y="1376"/>
                </a:lnTo>
                <a:lnTo>
                  <a:pt x="324" y="1384"/>
                </a:lnTo>
                <a:lnTo>
                  <a:pt x="320" y="1378"/>
                </a:lnTo>
                <a:lnTo>
                  <a:pt x="326" y="1364"/>
                </a:lnTo>
                <a:lnTo>
                  <a:pt x="318" y="1354"/>
                </a:lnTo>
                <a:lnTo>
                  <a:pt x="316" y="1356"/>
                </a:lnTo>
                <a:lnTo>
                  <a:pt x="314" y="1358"/>
                </a:lnTo>
                <a:lnTo>
                  <a:pt x="312" y="1364"/>
                </a:lnTo>
                <a:lnTo>
                  <a:pt x="310" y="1366"/>
                </a:lnTo>
                <a:lnTo>
                  <a:pt x="294" y="1374"/>
                </a:lnTo>
                <a:lnTo>
                  <a:pt x="284" y="1372"/>
                </a:lnTo>
                <a:lnTo>
                  <a:pt x="286" y="1360"/>
                </a:lnTo>
                <a:lnTo>
                  <a:pt x="294" y="1352"/>
                </a:lnTo>
                <a:lnTo>
                  <a:pt x="290" y="1342"/>
                </a:lnTo>
                <a:lnTo>
                  <a:pt x="286" y="1338"/>
                </a:lnTo>
                <a:lnTo>
                  <a:pt x="272" y="1346"/>
                </a:lnTo>
                <a:lnTo>
                  <a:pt x="268" y="1336"/>
                </a:lnTo>
                <a:lnTo>
                  <a:pt x="266" y="1328"/>
                </a:lnTo>
                <a:lnTo>
                  <a:pt x="260" y="1322"/>
                </a:lnTo>
                <a:lnTo>
                  <a:pt x="250" y="1312"/>
                </a:lnTo>
                <a:lnTo>
                  <a:pt x="234" y="1312"/>
                </a:lnTo>
                <a:lnTo>
                  <a:pt x="230" y="1312"/>
                </a:lnTo>
                <a:lnTo>
                  <a:pt x="214" y="1312"/>
                </a:lnTo>
                <a:lnTo>
                  <a:pt x="204" y="1302"/>
                </a:lnTo>
                <a:lnTo>
                  <a:pt x="204" y="1280"/>
                </a:lnTo>
                <a:lnTo>
                  <a:pt x="206" y="1266"/>
                </a:lnTo>
                <a:lnTo>
                  <a:pt x="200" y="1254"/>
                </a:lnTo>
                <a:lnTo>
                  <a:pt x="204" y="1232"/>
                </a:lnTo>
                <a:lnTo>
                  <a:pt x="208" y="1218"/>
                </a:lnTo>
                <a:lnTo>
                  <a:pt x="204" y="1208"/>
                </a:lnTo>
                <a:lnTo>
                  <a:pt x="202" y="1190"/>
                </a:lnTo>
                <a:lnTo>
                  <a:pt x="204" y="1178"/>
                </a:lnTo>
                <a:lnTo>
                  <a:pt x="190" y="1152"/>
                </a:lnTo>
                <a:lnTo>
                  <a:pt x="184" y="1138"/>
                </a:lnTo>
                <a:lnTo>
                  <a:pt x="176" y="1136"/>
                </a:lnTo>
                <a:lnTo>
                  <a:pt x="176" y="1098"/>
                </a:lnTo>
                <a:lnTo>
                  <a:pt x="166" y="1082"/>
                </a:lnTo>
                <a:lnTo>
                  <a:pt x="158" y="1066"/>
                </a:lnTo>
                <a:lnTo>
                  <a:pt x="158" y="1056"/>
                </a:lnTo>
                <a:lnTo>
                  <a:pt x="150" y="1050"/>
                </a:lnTo>
                <a:lnTo>
                  <a:pt x="156" y="1022"/>
                </a:lnTo>
                <a:lnTo>
                  <a:pt x="166" y="1018"/>
                </a:lnTo>
                <a:lnTo>
                  <a:pt x="164" y="994"/>
                </a:lnTo>
                <a:lnTo>
                  <a:pt x="174" y="992"/>
                </a:lnTo>
                <a:lnTo>
                  <a:pt x="172" y="982"/>
                </a:lnTo>
                <a:lnTo>
                  <a:pt x="168" y="970"/>
                </a:lnTo>
                <a:lnTo>
                  <a:pt x="176" y="970"/>
                </a:lnTo>
                <a:lnTo>
                  <a:pt x="182" y="964"/>
                </a:lnTo>
                <a:lnTo>
                  <a:pt x="190" y="964"/>
                </a:lnTo>
                <a:lnTo>
                  <a:pt x="200" y="964"/>
                </a:lnTo>
                <a:lnTo>
                  <a:pt x="198" y="952"/>
                </a:lnTo>
                <a:lnTo>
                  <a:pt x="202" y="952"/>
                </a:lnTo>
                <a:lnTo>
                  <a:pt x="212" y="958"/>
                </a:lnTo>
                <a:lnTo>
                  <a:pt x="216" y="950"/>
                </a:lnTo>
                <a:lnTo>
                  <a:pt x="208" y="942"/>
                </a:lnTo>
                <a:lnTo>
                  <a:pt x="204" y="932"/>
                </a:lnTo>
                <a:lnTo>
                  <a:pt x="206" y="928"/>
                </a:lnTo>
                <a:lnTo>
                  <a:pt x="210" y="926"/>
                </a:lnTo>
                <a:lnTo>
                  <a:pt x="216" y="922"/>
                </a:lnTo>
                <a:lnTo>
                  <a:pt x="216" y="910"/>
                </a:lnTo>
                <a:lnTo>
                  <a:pt x="216" y="902"/>
                </a:lnTo>
                <a:lnTo>
                  <a:pt x="224" y="902"/>
                </a:lnTo>
                <a:lnTo>
                  <a:pt x="232" y="900"/>
                </a:lnTo>
                <a:lnTo>
                  <a:pt x="234" y="886"/>
                </a:lnTo>
                <a:lnTo>
                  <a:pt x="238" y="872"/>
                </a:lnTo>
                <a:lnTo>
                  <a:pt x="250" y="866"/>
                </a:lnTo>
                <a:lnTo>
                  <a:pt x="256" y="860"/>
                </a:lnTo>
                <a:lnTo>
                  <a:pt x="256" y="846"/>
                </a:lnTo>
                <a:lnTo>
                  <a:pt x="266" y="844"/>
                </a:lnTo>
                <a:lnTo>
                  <a:pt x="266" y="832"/>
                </a:lnTo>
                <a:lnTo>
                  <a:pt x="268" y="818"/>
                </a:lnTo>
                <a:lnTo>
                  <a:pt x="280" y="814"/>
                </a:lnTo>
                <a:lnTo>
                  <a:pt x="280" y="792"/>
                </a:lnTo>
                <a:lnTo>
                  <a:pt x="294" y="772"/>
                </a:lnTo>
                <a:lnTo>
                  <a:pt x="296" y="748"/>
                </a:lnTo>
                <a:lnTo>
                  <a:pt x="302" y="742"/>
                </a:lnTo>
                <a:lnTo>
                  <a:pt x="302" y="732"/>
                </a:lnTo>
                <a:lnTo>
                  <a:pt x="320" y="716"/>
                </a:lnTo>
                <a:lnTo>
                  <a:pt x="334" y="714"/>
                </a:lnTo>
                <a:lnTo>
                  <a:pt x="338" y="724"/>
                </a:lnTo>
                <a:lnTo>
                  <a:pt x="346" y="720"/>
                </a:lnTo>
                <a:lnTo>
                  <a:pt x="344" y="712"/>
                </a:lnTo>
                <a:lnTo>
                  <a:pt x="334" y="706"/>
                </a:lnTo>
                <a:lnTo>
                  <a:pt x="332" y="702"/>
                </a:lnTo>
                <a:lnTo>
                  <a:pt x="332" y="700"/>
                </a:lnTo>
                <a:lnTo>
                  <a:pt x="338" y="698"/>
                </a:lnTo>
                <a:lnTo>
                  <a:pt x="342" y="696"/>
                </a:lnTo>
                <a:lnTo>
                  <a:pt x="344" y="694"/>
                </a:lnTo>
                <a:lnTo>
                  <a:pt x="338" y="688"/>
                </a:lnTo>
                <a:lnTo>
                  <a:pt x="326" y="678"/>
                </a:lnTo>
                <a:lnTo>
                  <a:pt x="326" y="662"/>
                </a:lnTo>
                <a:lnTo>
                  <a:pt x="326" y="648"/>
                </a:lnTo>
                <a:lnTo>
                  <a:pt x="326" y="636"/>
                </a:lnTo>
                <a:lnTo>
                  <a:pt x="314" y="628"/>
                </a:lnTo>
                <a:lnTo>
                  <a:pt x="294" y="620"/>
                </a:lnTo>
                <a:lnTo>
                  <a:pt x="290" y="624"/>
                </a:lnTo>
                <a:lnTo>
                  <a:pt x="278" y="616"/>
                </a:lnTo>
                <a:lnTo>
                  <a:pt x="272" y="606"/>
                </a:lnTo>
                <a:lnTo>
                  <a:pt x="252" y="608"/>
                </a:lnTo>
                <a:lnTo>
                  <a:pt x="242" y="588"/>
                </a:lnTo>
                <a:lnTo>
                  <a:pt x="230" y="562"/>
                </a:lnTo>
                <a:lnTo>
                  <a:pt x="212" y="550"/>
                </a:lnTo>
                <a:lnTo>
                  <a:pt x="210" y="522"/>
                </a:lnTo>
                <a:lnTo>
                  <a:pt x="216" y="508"/>
                </a:lnTo>
                <a:lnTo>
                  <a:pt x="216" y="474"/>
                </a:lnTo>
                <a:lnTo>
                  <a:pt x="184" y="434"/>
                </a:lnTo>
                <a:lnTo>
                  <a:pt x="184" y="422"/>
                </a:lnTo>
                <a:lnTo>
                  <a:pt x="192" y="418"/>
                </a:lnTo>
                <a:lnTo>
                  <a:pt x="190" y="398"/>
                </a:lnTo>
                <a:lnTo>
                  <a:pt x="172" y="392"/>
                </a:lnTo>
                <a:lnTo>
                  <a:pt x="166" y="340"/>
                </a:lnTo>
                <a:lnTo>
                  <a:pt x="172" y="332"/>
                </a:lnTo>
                <a:lnTo>
                  <a:pt x="154" y="310"/>
                </a:lnTo>
                <a:lnTo>
                  <a:pt x="144" y="308"/>
                </a:lnTo>
                <a:lnTo>
                  <a:pt x="142" y="298"/>
                </a:lnTo>
                <a:lnTo>
                  <a:pt x="130" y="284"/>
                </a:lnTo>
                <a:lnTo>
                  <a:pt x="102" y="274"/>
                </a:lnTo>
                <a:lnTo>
                  <a:pt x="76" y="274"/>
                </a:lnTo>
                <a:lnTo>
                  <a:pt x="68" y="258"/>
                </a:lnTo>
                <a:lnTo>
                  <a:pt x="52" y="252"/>
                </a:lnTo>
                <a:lnTo>
                  <a:pt x="32" y="238"/>
                </a:lnTo>
                <a:lnTo>
                  <a:pt x="22" y="228"/>
                </a:lnTo>
                <a:lnTo>
                  <a:pt x="14" y="224"/>
                </a:lnTo>
                <a:close/>
              </a:path>
            </a:pathLst>
          </a:custGeom>
          <a:solidFill>
            <a:srgbClr val="80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19" name="Freeform 98"/>
          <p:cNvSpPr>
            <a:spLocks/>
          </p:cNvSpPr>
          <p:nvPr/>
        </p:nvSpPr>
        <p:spPr bwMode="auto">
          <a:xfrm>
            <a:off x="5289550" y="731838"/>
            <a:ext cx="904875" cy="2384425"/>
          </a:xfrm>
          <a:custGeom>
            <a:avLst/>
            <a:gdLst>
              <a:gd name="T0" fmla="*/ 2147483647 w 698"/>
              <a:gd name="T1" fmla="*/ 2147483647 h 1842"/>
              <a:gd name="T2" fmla="*/ 2147483647 w 698"/>
              <a:gd name="T3" fmla="*/ 2147483647 h 1842"/>
              <a:gd name="T4" fmla="*/ 2147483647 w 698"/>
              <a:gd name="T5" fmla="*/ 2147483647 h 1842"/>
              <a:gd name="T6" fmla="*/ 2147483647 w 698"/>
              <a:gd name="T7" fmla="*/ 2147483647 h 1842"/>
              <a:gd name="T8" fmla="*/ 2147483647 w 698"/>
              <a:gd name="T9" fmla="*/ 2147483647 h 1842"/>
              <a:gd name="T10" fmla="*/ 2147483647 w 698"/>
              <a:gd name="T11" fmla="*/ 2147483647 h 1842"/>
              <a:gd name="T12" fmla="*/ 2147483647 w 698"/>
              <a:gd name="T13" fmla="*/ 2147483647 h 1842"/>
              <a:gd name="T14" fmla="*/ 2147483647 w 698"/>
              <a:gd name="T15" fmla="*/ 2147483647 h 1842"/>
              <a:gd name="T16" fmla="*/ 2147483647 w 698"/>
              <a:gd name="T17" fmla="*/ 2147483647 h 1842"/>
              <a:gd name="T18" fmla="*/ 2147483647 w 698"/>
              <a:gd name="T19" fmla="*/ 2147483647 h 1842"/>
              <a:gd name="T20" fmla="*/ 2147483647 w 698"/>
              <a:gd name="T21" fmla="*/ 2147483647 h 1842"/>
              <a:gd name="T22" fmla="*/ 2147483647 w 698"/>
              <a:gd name="T23" fmla="*/ 2147483647 h 1842"/>
              <a:gd name="T24" fmla="*/ 2147483647 w 698"/>
              <a:gd name="T25" fmla="*/ 2147483647 h 1842"/>
              <a:gd name="T26" fmla="*/ 2147483647 w 698"/>
              <a:gd name="T27" fmla="*/ 2147483647 h 1842"/>
              <a:gd name="T28" fmla="*/ 2147483647 w 698"/>
              <a:gd name="T29" fmla="*/ 2147483647 h 1842"/>
              <a:gd name="T30" fmla="*/ 2147483647 w 698"/>
              <a:gd name="T31" fmla="*/ 2147483647 h 1842"/>
              <a:gd name="T32" fmla="*/ 2147483647 w 698"/>
              <a:gd name="T33" fmla="*/ 2147483647 h 1842"/>
              <a:gd name="T34" fmla="*/ 2147483647 w 698"/>
              <a:gd name="T35" fmla="*/ 2147483647 h 1842"/>
              <a:gd name="T36" fmla="*/ 2147483647 w 698"/>
              <a:gd name="T37" fmla="*/ 2147483647 h 1842"/>
              <a:gd name="T38" fmla="*/ 2147483647 w 698"/>
              <a:gd name="T39" fmla="*/ 2147483647 h 1842"/>
              <a:gd name="T40" fmla="*/ 2147483647 w 698"/>
              <a:gd name="T41" fmla="*/ 2147483647 h 1842"/>
              <a:gd name="T42" fmla="*/ 2147483647 w 698"/>
              <a:gd name="T43" fmla="*/ 2147483647 h 1842"/>
              <a:gd name="T44" fmla="*/ 2147483647 w 698"/>
              <a:gd name="T45" fmla="*/ 2147483647 h 1842"/>
              <a:gd name="T46" fmla="*/ 2147483647 w 698"/>
              <a:gd name="T47" fmla="*/ 2147483647 h 1842"/>
              <a:gd name="T48" fmla="*/ 2147483647 w 698"/>
              <a:gd name="T49" fmla="*/ 2147483647 h 1842"/>
              <a:gd name="T50" fmla="*/ 2147483647 w 698"/>
              <a:gd name="T51" fmla="*/ 2147483647 h 1842"/>
              <a:gd name="T52" fmla="*/ 2147483647 w 698"/>
              <a:gd name="T53" fmla="*/ 2147483647 h 1842"/>
              <a:gd name="T54" fmla="*/ 2147483647 w 698"/>
              <a:gd name="T55" fmla="*/ 2147483647 h 1842"/>
              <a:gd name="T56" fmla="*/ 2147483647 w 698"/>
              <a:gd name="T57" fmla="*/ 2147483647 h 1842"/>
              <a:gd name="T58" fmla="*/ 2147483647 w 698"/>
              <a:gd name="T59" fmla="*/ 2147483647 h 1842"/>
              <a:gd name="T60" fmla="*/ 2147483647 w 698"/>
              <a:gd name="T61" fmla="*/ 2147483647 h 1842"/>
              <a:gd name="T62" fmla="*/ 2147483647 w 698"/>
              <a:gd name="T63" fmla="*/ 2147483647 h 1842"/>
              <a:gd name="T64" fmla="*/ 2147483647 w 698"/>
              <a:gd name="T65" fmla="*/ 2147483647 h 1842"/>
              <a:gd name="T66" fmla="*/ 2147483647 w 698"/>
              <a:gd name="T67" fmla="*/ 2147483647 h 1842"/>
              <a:gd name="T68" fmla="*/ 2147483647 w 698"/>
              <a:gd name="T69" fmla="*/ 2147483647 h 1842"/>
              <a:gd name="T70" fmla="*/ 2147483647 w 698"/>
              <a:gd name="T71" fmla="*/ 2147483647 h 1842"/>
              <a:gd name="T72" fmla="*/ 2147483647 w 698"/>
              <a:gd name="T73" fmla="*/ 2147483647 h 1842"/>
              <a:gd name="T74" fmla="*/ 2147483647 w 698"/>
              <a:gd name="T75" fmla="*/ 2147483647 h 1842"/>
              <a:gd name="T76" fmla="*/ 2147483647 w 698"/>
              <a:gd name="T77" fmla="*/ 2147483647 h 1842"/>
              <a:gd name="T78" fmla="*/ 2147483647 w 698"/>
              <a:gd name="T79" fmla="*/ 2147483647 h 1842"/>
              <a:gd name="T80" fmla="*/ 2147483647 w 698"/>
              <a:gd name="T81" fmla="*/ 2147483647 h 1842"/>
              <a:gd name="T82" fmla="*/ 2147483647 w 698"/>
              <a:gd name="T83" fmla="*/ 2147483647 h 1842"/>
              <a:gd name="T84" fmla="*/ 2147483647 w 698"/>
              <a:gd name="T85" fmla="*/ 2147483647 h 1842"/>
              <a:gd name="T86" fmla="*/ 2147483647 w 698"/>
              <a:gd name="T87" fmla="*/ 2147483647 h 1842"/>
              <a:gd name="T88" fmla="*/ 2147483647 w 698"/>
              <a:gd name="T89" fmla="*/ 2147483647 h 1842"/>
              <a:gd name="T90" fmla="*/ 2147483647 w 698"/>
              <a:gd name="T91" fmla="*/ 2147483647 h 1842"/>
              <a:gd name="T92" fmla="*/ 2147483647 w 698"/>
              <a:gd name="T93" fmla="*/ 2147483647 h 1842"/>
              <a:gd name="T94" fmla="*/ 2147483647 w 698"/>
              <a:gd name="T95" fmla="*/ 2147483647 h 1842"/>
              <a:gd name="T96" fmla="*/ 2147483647 w 698"/>
              <a:gd name="T97" fmla="*/ 2147483647 h 1842"/>
              <a:gd name="T98" fmla="*/ 2147483647 w 698"/>
              <a:gd name="T99" fmla="*/ 2147483647 h 1842"/>
              <a:gd name="T100" fmla="*/ 2147483647 w 698"/>
              <a:gd name="T101" fmla="*/ 2147483647 h 1842"/>
              <a:gd name="T102" fmla="*/ 2147483647 w 698"/>
              <a:gd name="T103" fmla="*/ 2147483647 h 1842"/>
              <a:gd name="T104" fmla="*/ 2147483647 w 698"/>
              <a:gd name="T105" fmla="*/ 2147483647 h 1842"/>
              <a:gd name="T106" fmla="*/ 2147483647 w 698"/>
              <a:gd name="T107" fmla="*/ 2147483647 h 1842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0" t="0" r="r" b="b"/>
            <a:pathLst>
              <a:path w="698" h="1842">
                <a:moveTo>
                  <a:pt x="434" y="34"/>
                </a:moveTo>
                <a:lnTo>
                  <a:pt x="430" y="24"/>
                </a:lnTo>
                <a:lnTo>
                  <a:pt x="422" y="8"/>
                </a:lnTo>
                <a:lnTo>
                  <a:pt x="432" y="4"/>
                </a:lnTo>
                <a:lnTo>
                  <a:pt x="442" y="2"/>
                </a:lnTo>
                <a:lnTo>
                  <a:pt x="446" y="0"/>
                </a:lnTo>
                <a:lnTo>
                  <a:pt x="458" y="14"/>
                </a:lnTo>
                <a:lnTo>
                  <a:pt x="460" y="18"/>
                </a:lnTo>
                <a:lnTo>
                  <a:pt x="498" y="46"/>
                </a:lnTo>
                <a:lnTo>
                  <a:pt x="514" y="52"/>
                </a:lnTo>
                <a:lnTo>
                  <a:pt x="522" y="68"/>
                </a:lnTo>
                <a:lnTo>
                  <a:pt x="548" y="68"/>
                </a:lnTo>
                <a:lnTo>
                  <a:pt x="576" y="78"/>
                </a:lnTo>
                <a:lnTo>
                  <a:pt x="588" y="92"/>
                </a:lnTo>
                <a:lnTo>
                  <a:pt x="590" y="102"/>
                </a:lnTo>
                <a:lnTo>
                  <a:pt x="600" y="104"/>
                </a:lnTo>
                <a:lnTo>
                  <a:pt x="618" y="126"/>
                </a:lnTo>
                <a:lnTo>
                  <a:pt x="612" y="134"/>
                </a:lnTo>
                <a:lnTo>
                  <a:pt x="618" y="186"/>
                </a:lnTo>
                <a:lnTo>
                  <a:pt x="636" y="192"/>
                </a:lnTo>
                <a:lnTo>
                  <a:pt x="638" y="212"/>
                </a:lnTo>
                <a:lnTo>
                  <a:pt x="630" y="216"/>
                </a:lnTo>
                <a:lnTo>
                  <a:pt x="630" y="228"/>
                </a:lnTo>
                <a:lnTo>
                  <a:pt x="662" y="268"/>
                </a:lnTo>
                <a:lnTo>
                  <a:pt x="662" y="302"/>
                </a:lnTo>
                <a:lnTo>
                  <a:pt x="656" y="316"/>
                </a:lnTo>
                <a:lnTo>
                  <a:pt x="658" y="344"/>
                </a:lnTo>
                <a:lnTo>
                  <a:pt x="676" y="356"/>
                </a:lnTo>
                <a:lnTo>
                  <a:pt x="688" y="380"/>
                </a:lnTo>
                <a:lnTo>
                  <a:pt x="698" y="402"/>
                </a:lnTo>
                <a:lnTo>
                  <a:pt x="692" y="408"/>
                </a:lnTo>
                <a:lnTo>
                  <a:pt x="680" y="412"/>
                </a:lnTo>
                <a:lnTo>
                  <a:pt x="666" y="408"/>
                </a:lnTo>
                <a:lnTo>
                  <a:pt x="654" y="408"/>
                </a:lnTo>
                <a:lnTo>
                  <a:pt x="650" y="416"/>
                </a:lnTo>
                <a:lnTo>
                  <a:pt x="646" y="418"/>
                </a:lnTo>
                <a:lnTo>
                  <a:pt x="640" y="422"/>
                </a:lnTo>
                <a:lnTo>
                  <a:pt x="624" y="416"/>
                </a:lnTo>
                <a:lnTo>
                  <a:pt x="620" y="410"/>
                </a:lnTo>
                <a:lnTo>
                  <a:pt x="618" y="416"/>
                </a:lnTo>
                <a:lnTo>
                  <a:pt x="604" y="412"/>
                </a:lnTo>
                <a:lnTo>
                  <a:pt x="600" y="422"/>
                </a:lnTo>
                <a:lnTo>
                  <a:pt x="602" y="434"/>
                </a:lnTo>
                <a:lnTo>
                  <a:pt x="608" y="442"/>
                </a:lnTo>
                <a:lnTo>
                  <a:pt x="606" y="456"/>
                </a:lnTo>
                <a:lnTo>
                  <a:pt x="594" y="458"/>
                </a:lnTo>
                <a:lnTo>
                  <a:pt x="584" y="456"/>
                </a:lnTo>
                <a:lnTo>
                  <a:pt x="586" y="468"/>
                </a:lnTo>
                <a:lnTo>
                  <a:pt x="572" y="480"/>
                </a:lnTo>
                <a:lnTo>
                  <a:pt x="564" y="484"/>
                </a:lnTo>
                <a:lnTo>
                  <a:pt x="574" y="494"/>
                </a:lnTo>
                <a:lnTo>
                  <a:pt x="572" y="504"/>
                </a:lnTo>
                <a:lnTo>
                  <a:pt x="570" y="518"/>
                </a:lnTo>
                <a:lnTo>
                  <a:pt x="566" y="534"/>
                </a:lnTo>
                <a:lnTo>
                  <a:pt x="556" y="550"/>
                </a:lnTo>
                <a:lnTo>
                  <a:pt x="562" y="562"/>
                </a:lnTo>
                <a:lnTo>
                  <a:pt x="562" y="580"/>
                </a:lnTo>
                <a:lnTo>
                  <a:pt x="568" y="582"/>
                </a:lnTo>
                <a:lnTo>
                  <a:pt x="578" y="590"/>
                </a:lnTo>
                <a:lnTo>
                  <a:pt x="588" y="602"/>
                </a:lnTo>
                <a:lnTo>
                  <a:pt x="586" y="606"/>
                </a:lnTo>
                <a:lnTo>
                  <a:pt x="584" y="612"/>
                </a:lnTo>
                <a:lnTo>
                  <a:pt x="580" y="622"/>
                </a:lnTo>
                <a:lnTo>
                  <a:pt x="576" y="628"/>
                </a:lnTo>
                <a:lnTo>
                  <a:pt x="560" y="640"/>
                </a:lnTo>
                <a:lnTo>
                  <a:pt x="560" y="654"/>
                </a:lnTo>
                <a:lnTo>
                  <a:pt x="554" y="676"/>
                </a:lnTo>
                <a:lnTo>
                  <a:pt x="554" y="694"/>
                </a:lnTo>
                <a:lnTo>
                  <a:pt x="542" y="702"/>
                </a:lnTo>
                <a:lnTo>
                  <a:pt x="530" y="710"/>
                </a:lnTo>
                <a:lnTo>
                  <a:pt x="526" y="718"/>
                </a:lnTo>
                <a:lnTo>
                  <a:pt x="510" y="726"/>
                </a:lnTo>
                <a:lnTo>
                  <a:pt x="500" y="740"/>
                </a:lnTo>
                <a:lnTo>
                  <a:pt x="498" y="752"/>
                </a:lnTo>
                <a:lnTo>
                  <a:pt x="486" y="738"/>
                </a:lnTo>
                <a:lnTo>
                  <a:pt x="486" y="752"/>
                </a:lnTo>
                <a:lnTo>
                  <a:pt x="474" y="752"/>
                </a:lnTo>
                <a:lnTo>
                  <a:pt x="470" y="774"/>
                </a:lnTo>
                <a:lnTo>
                  <a:pt x="468" y="786"/>
                </a:lnTo>
                <a:lnTo>
                  <a:pt x="450" y="786"/>
                </a:lnTo>
                <a:lnTo>
                  <a:pt x="442" y="792"/>
                </a:lnTo>
                <a:lnTo>
                  <a:pt x="428" y="812"/>
                </a:lnTo>
                <a:lnTo>
                  <a:pt x="434" y="824"/>
                </a:lnTo>
                <a:lnTo>
                  <a:pt x="430" y="834"/>
                </a:lnTo>
                <a:lnTo>
                  <a:pt x="416" y="842"/>
                </a:lnTo>
                <a:lnTo>
                  <a:pt x="408" y="842"/>
                </a:lnTo>
                <a:lnTo>
                  <a:pt x="404" y="840"/>
                </a:lnTo>
                <a:lnTo>
                  <a:pt x="398" y="828"/>
                </a:lnTo>
                <a:lnTo>
                  <a:pt x="396" y="834"/>
                </a:lnTo>
                <a:lnTo>
                  <a:pt x="402" y="850"/>
                </a:lnTo>
                <a:lnTo>
                  <a:pt x="406" y="868"/>
                </a:lnTo>
                <a:lnTo>
                  <a:pt x="406" y="880"/>
                </a:lnTo>
                <a:lnTo>
                  <a:pt x="398" y="890"/>
                </a:lnTo>
                <a:lnTo>
                  <a:pt x="386" y="896"/>
                </a:lnTo>
                <a:lnTo>
                  <a:pt x="380" y="888"/>
                </a:lnTo>
                <a:lnTo>
                  <a:pt x="376" y="894"/>
                </a:lnTo>
                <a:lnTo>
                  <a:pt x="376" y="910"/>
                </a:lnTo>
                <a:lnTo>
                  <a:pt x="382" y="920"/>
                </a:lnTo>
                <a:lnTo>
                  <a:pt x="392" y="924"/>
                </a:lnTo>
                <a:lnTo>
                  <a:pt x="392" y="936"/>
                </a:lnTo>
                <a:lnTo>
                  <a:pt x="384" y="954"/>
                </a:lnTo>
                <a:lnTo>
                  <a:pt x="378" y="974"/>
                </a:lnTo>
                <a:lnTo>
                  <a:pt x="384" y="986"/>
                </a:lnTo>
                <a:lnTo>
                  <a:pt x="392" y="990"/>
                </a:lnTo>
                <a:lnTo>
                  <a:pt x="392" y="1002"/>
                </a:lnTo>
                <a:lnTo>
                  <a:pt x="382" y="998"/>
                </a:lnTo>
                <a:lnTo>
                  <a:pt x="374" y="998"/>
                </a:lnTo>
                <a:lnTo>
                  <a:pt x="374" y="1010"/>
                </a:lnTo>
                <a:lnTo>
                  <a:pt x="376" y="1024"/>
                </a:lnTo>
                <a:lnTo>
                  <a:pt x="372" y="1038"/>
                </a:lnTo>
                <a:lnTo>
                  <a:pt x="378" y="1040"/>
                </a:lnTo>
                <a:lnTo>
                  <a:pt x="382" y="1048"/>
                </a:lnTo>
                <a:lnTo>
                  <a:pt x="376" y="1058"/>
                </a:lnTo>
                <a:lnTo>
                  <a:pt x="380" y="1076"/>
                </a:lnTo>
                <a:lnTo>
                  <a:pt x="380" y="1100"/>
                </a:lnTo>
                <a:lnTo>
                  <a:pt x="390" y="1112"/>
                </a:lnTo>
                <a:lnTo>
                  <a:pt x="388" y="1130"/>
                </a:lnTo>
                <a:lnTo>
                  <a:pt x="406" y="1134"/>
                </a:lnTo>
                <a:lnTo>
                  <a:pt x="416" y="1134"/>
                </a:lnTo>
                <a:lnTo>
                  <a:pt x="420" y="1146"/>
                </a:lnTo>
                <a:lnTo>
                  <a:pt x="428" y="1138"/>
                </a:lnTo>
                <a:lnTo>
                  <a:pt x="438" y="1136"/>
                </a:lnTo>
                <a:lnTo>
                  <a:pt x="440" y="1142"/>
                </a:lnTo>
                <a:lnTo>
                  <a:pt x="444" y="1150"/>
                </a:lnTo>
                <a:lnTo>
                  <a:pt x="450" y="1160"/>
                </a:lnTo>
                <a:lnTo>
                  <a:pt x="456" y="1164"/>
                </a:lnTo>
                <a:lnTo>
                  <a:pt x="468" y="1164"/>
                </a:lnTo>
                <a:lnTo>
                  <a:pt x="478" y="1162"/>
                </a:lnTo>
                <a:lnTo>
                  <a:pt x="484" y="1172"/>
                </a:lnTo>
                <a:lnTo>
                  <a:pt x="474" y="1180"/>
                </a:lnTo>
                <a:lnTo>
                  <a:pt x="480" y="1192"/>
                </a:lnTo>
                <a:lnTo>
                  <a:pt x="490" y="1192"/>
                </a:lnTo>
                <a:lnTo>
                  <a:pt x="494" y="1184"/>
                </a:lnTo>
                <a:lnTo>
                  <a:pt x="500" y="1196"/>
                </a:lnTo>
                <a:lnTo>
                  <a:pt x="506" y="1208"/>
                </a:lnTo>
                <a:lnTo>
                  <a:pt x="512" y="1224"/>
                </a:lnTo>
                <a:lnTo>
                  <a:pt x="518" y="1232"/>
                </a:lnTo>
                <a:lnTo>
                  <a:pt x="514" y="1240"/>
                </a:lnTo>
                <a:lnTo>
                  <a:pt x="504" y="1252"/>
                </a:lnTo>
                <a:lnTo>
                  <a:pt x="498" y="1268"/>
                </a:lnTo>
                <a:lnTo>
                  <a:pt x="490" y="1280"/>
                </a:lnTo>
                <a:lnTo>
                  <a:pt x="486" y="1294"/>
                </a:lnTo>
                <a:lnTo>
                  <a:pt x="492" y="1304"/>
                </a:lnTo>
                <a:lnTo>
                  <a:pt x="488" y="1314"/>
                </a:lnTo>
                <a:lnTo>
                  <a:pt x="490" y="1328"/>
                </a:lnTo>
                <a:lnTo>
                  <a:pt x="478" y="1330"/>
                </a:lnTo>
                <a:lnTo>
                  <a:pt x="470" y="1334"/>
                </a:lnTo>
                <a:lnTo>
                  <a:pt x="466" y="1346"/>
                </a:lnTo>
                <a:lnTo>
                  <a:pt x="460" y="1356"/>
                </a:lnTo>
                <a:lnTo>
                  <a:pt x="456" y="1364"/>
                </a:lnTo>
                <a:lnTo>
                  <a:pt x="448" y="1350"/>
                </a:lnTo>
                <a:lnTo>
                  <a:pt x="446" y="1336"/>
                </a:lnTo>
                <a:lnTo>
                  <a:pt x="444" y="1338"/>
                </a:lnTo>
                <a:lnTo>
                  <a:pt x="442" y="1344"/>
                </a:lnTo>
                <a:lnTo>
                  <a:pt x="436" y="1356"/>
                </a:lnTo>
                <a:lnTo>
                  <a:pt x="432" y="1366"/>
                </a:lnTo>
                <a:lnTo>
                  <a:pt x="424" y="1376"/>
                </a:lnTo>
                <a:lnTo>
                  <a:pt x="410" y="1382"/>
                </a:lnTo>
                <a:lnTo>
                  <a:pt x="404" y="1390"/>
                </a:lnTo>
                <a:lnTo>
                  <a:pt x="400" y="1398"/>
                </a:lnTo>
                <a:lnTo>
                  <a:pt x="376" y="1398"/>
                </a:lnTo>
                <a:lnTo>
                  <a:pt x="360" y="1398"/>
                </a:lnTo>
                <a:lnTo>
                  <a:pt x="372" y="1402"/>
                </a:lnTo>
                <a:lnTo>
                  <a:pt x="388" y="1408"/>
                </a:lnTo>
                <a:lnTo>
                  <a:pt x="400" y="1416"/>
                </a:lnTo>
                <a:lnTo>
                  <a:pt x="400" y="1420"/>
                </a:lnTo>
                <a:lnTo>
                  <a:pt x="400" y="1422"/>
                </a:lnTo>
                <a:lnTo>
                  <a:pt x="398" y="1422"/>
                </a:lnTo>
                <a:lnTo>
                  <a:pt x="372" y="1422"/>
                </a:lnTo>
                <a:lnTo>
                  <a:pt x="384" y="1430"/>
                </a:lnTo>
                <a:lnTo>
                  <a:pt x="390" y="1436"/>
                </a:lnTo>
                <a:lnTo>
                  <a:pt x="394" y="1450"/>
                </a:lnTo>
                <a:lnTo>
                  <a:pt x="396" y="1464"/>
                </a:lnTo>
                <a:lnTo>
                  <a:pt x="392" y="1470"/>
                </a:lnTo>
                <a:lnTo>
                  <a:pt x="386" y="1476"/>
                </a:lnTo>
                <a:lnTo>
                  <a:pt x="390" y="1478"/>
                </a:lnTo>
                <a:lnTo>
                  <a:pt x="392" y="1478"/>
                </a:lnTo>
                <a:lnTo>
                  <a:pt x="394" y="1480"/>
                </a:lnTo>
                <a:lnTo>
                  <a:pt x="394" y="1494"/>
                </a:lnTo>
                <a:lnTo>
                  <a:pt x="380" y="1494"/>
                </a:lnTo>
                <a:lnTo>
                  <a:pt x="380" y="1500"/>
                </a:lnTo>
                <a:lnTo>
                  <a:pt x="386" y="1506"/>
                </a:lnTo>
                <a:lnTo>
                  <a:pt x="390" y="1512"/>
                </a:lnTo>
                <a:lnTo>
                  <a:pt x="390" y="1522"/>
                </a:lnTo>
                <a:lnTo>
                  <a:pt x="386" y="1526"/>
                </a:lnTo>
                <a:lnTo>
                  <a:pt x="386" y="1534"/>
                </a:lnTo>
                <a:lnTo>
                  <a:pt x="396" y="1540"/>
                </a:lnTo>
                <a:lnTo>
                  <a:pt x="394" y="1548"/>
                </a:lnTo>
                <a:lnTo>
                  <a:pt x="394" y="1564"/>
                </a:lnTo>
                <a:lnTo>
                  <a:pt x="382" y="1570"/>
                </a:lnTo>
                <a:lnTo>
                  <a:pt x="380" y="1582"/>
                </a:lnTo>
                <a:lnTo>
                  <a:pt x="380" y="1590"/>
                </a:lnTo>
                <a:lnTo>
                  <a:pt x="380" y="1586"/>
                </a:lnTo>
                <a:lnTo>
                  <a:pt x="380" y="1588"/>
                </a:lnTo>
                <a:lnTo>
                  <a:pt x="384" y="1592"/>
                </a:lnTo>
                <a:lnTo>
                  <a:pt x="392" y="1600"/>
                </a:lnTo>
                <a:lnTo>
                  <a:pt x="384" y="1610"/>
                </a:lnTo>
                <a:lnTo>
                  <a:pt x="386" y="1644"/>
                </a:lnTo>
                <a:lnTo>
                  <a:pt x="378" y="1660"/>
                </a:lnTo>
                <a:lnTo>
                  <a:pt x="372" y="1672"/>
                </a:lnTo>
                <a:lnTo>
                  <a:pt x="364" y="1694"/>
                </a:lnTo>
                <a:lnTo>
                  <a:pt x="364" y="1708"/>
                </a:lnTo>
                <a:lnTo>
                  <a:pt x="356" y="1722"/>
                </a:lnTo>
                <a:lnTo>
                  <a:pt x="348" y="1732"/>
                </a:lnTo>
                <a:lnTo>
                  <a:pt x="340" y="1722"/>
                </a:lnTo>
                <a:lnTo>
                  <a:pt x="332" y="1716"/>
                </a:lnTo>
                <a:lnTo>
                  <a:pt x="324" y="1724"/>
                </a:lnTo>
                <a:lnTo>
                  <a:pt x="310" y="1724"/>
                </a:lnTo>
                <a:lnTo>
                  <a:pt x="294" y="1724"/>
                </a:lnTo>
                <a:lnTo>
                  <a:pt x="284" y="1726"/>
                </a:lnTo>
                <a:lnTo>
                  <a:pt x="272" y="1730"/>
                </a:lnTo>
                <a:lnTo>
                  <a:pt x="274" y="1742"/>
                </a:lnTo>
                <a:lnTo>
                  <a:pt x="270" y="1750"/>
                </a:lnTo>
                <a:lnTo>
                  <a:pt x="260" y="1746"/>
                </a:lnTo>
                <a:lnTo>
                  <a:pt x="254" y="1748"/>
                </a:lnTo>
                <a:lnTo>
                  <a:pt x="240" y="1762"/>
                </a:lnTo>
                <a:lnTo>
                  <a:pt x="236" y="1768"/>
                </a:lnTo>
                <a:lnTo>
                  <a:pt x="232" y="1790"/>
                </a:lnTo>
                <a:lnTo>
                  <a:pt x="244" y="1794"/>
                </a:lnTo>
                <a:lnTo>
                  <a:pt x="246" y="1804"/>
                </a:lnTo>
                <a:lnTo>
                  <a:pt x="246" y="1816"/>
                </a:lnTo>
                <a:lnTo>
                  <a:pt x="236" y="1830"/>
                </a:lnTo>
                <a:lnTo>
                  <a:pt x="224" y="1834"/>
                </a:lnTo>
                <a:lnTo>
                  <a:pt x="214" y="1826"/>
                </a:lnTo>
                <a:lnTo>
                  <a:pt x="204" y="1828"/>
                </a:lnTo>
                <a:lnTo>
                  <a:pt x="194" y="1832"/>
                </a:lnTo>
                <a:lnTo>
                  <a:pt x="180" y="1842"/>
                </a:lnTo>
                <a:lnTo>
                  <a:pt x="158" y="1836"/>
                </a:lnTo>
                <a:lnTo>
                  <a:pt x="140" y="1838"/>
                </a:lnTo>
                <a:lnTo>
                  <a:pt x="148" y="1824"/>
                </a:lnTo>
                <a:lnTo>
                  <a:pt x="140" y="1818"/>
                </a:lnTo>
                <a:lnTo>
                  <a:pt x="140" y="1814"/>
                </a:lnTo>
                <a:lnTo>
                  <a:pt x="142" y="1810"/>
                </a:lnTo>
                <a:lnTo>
                  <a:pt x="144" y="1808"/>
                </a:lnTo>
                <a:lnTo>
                  <a:pt x="154" y="1802"/>
                </a:lnTo>
                <a:lnTo>
                  <a:pt x="152" y="1794"/>
                </a:lnTo>
                <a:lnTo>
                  <a:pt x="140" y="1788"/>
                </a:lnTo>
                <a:lnTo>
                  <a:pt x="142" y="1780"/>
                </a:lnTo>
                <a:lnTo>
                  <a:pt x="132" y="1762"/>
                </a:lnTo>
                <a:lnTo>
                  <a:pt x="120" y="1748"/>
                </a:lnTo>
                <a:lnTo>
                  <a:pt x="112" y="1734"/>
                </a:lnTo>
                <a:lnTo>
                  <a:pt x="110" y="1718"/>
                </a:lnTo>
                <a:lnTo>
                  <a:pt x="118" y="1724"/>
                </a:lnTo>
                <a:lnTo>
                  <a:pt x="126" y="1730"/>
                </a:lnTo>
                <a:lnTo>
                  <a:pt x="134" y="1722"/>
                </a:lnTo>
                <a:lnTo>
                  <a:pt x="126" y="1716"/>
                </a:lnTo>
                <a:lnTo>
                  <a:pt x="114" y="1706"/>
                </a:lnTo>
                <a:lnTo>
                  <a:pt x="120" y="1696"/>
                </a:lnTo>
                <a:lnTo>
                  <a:pt x="132" y="1696"/>
                </a:lnTo>
                <a:lnTo>
                  <a:pt x="138" y="1686"/>
                </a:lnTo>
                <a:lnTo>
                  <a:pt x="134" y="1666"/>
                </a:lnTo>
                <a:lnTo>
                  <a:pt x="120" y="1670"/>
                </a:lnTo>
                <a:lnTo>
                  <a:pt x="108" y="1646"/>
                </a:lnTo>
                <a:lnTo>
                  <a:pt x="98" y="1636"/>
                </a:lnTo>
                <a:lnTo>
                  <a:pt x="80" y="1600"/>
                </a:lnTo>
                <a:lnTo>
                  <a:pt x="76" y="1582"/>
                </a:lnTo>
                <a:lnTo>
                  <a:pt x="64" y="1580"/>
                </a:lnTo>
                <a:lnTo>
                  <a:pt x="64" y="1556"/>
                </a:lnTo>
                <a:lnTo>
                  <a:pt x="58" y="1544"/>
                </a:lnTo>
                <a:lnTo>
                  <a:pt x="64" y="1532"/>
                </a:lnTo>
                <a:lnTo>
                  <a:pt x="58" y="1526"/>
                </a:lnTo>
                <a:lnTo>
                  <a:pt x="52" y="1538"/>
                </a:lnTo>
                <a:lnTo>
                  <a:pt x="46" y="1536"/>
                </a:lnTo>
                <a:lnTo>
                  <a:pt x="42" y="1536"/>
                </a:lnTo>
                <a:lnTo>
                  <a:pt x="40" y="1532"/>
                </a:lnTo>
                <a:lnTo>
                  <a:pt x="48" y="1520"/>
                </a:lnTo>
                <a:lnTo>
                  <a:pt x="48" y="1508"/>
                </a:lnTo>
                <a:lnTo>
                  <a:pt x="48" y="1498"/>
                </a:lnTo>
                <a:lnTo>
                  <a:pt x="40" y="1492"/>
                </a:lnTo>
                <a:lnTo>
                  <a:pt x="48" y="1484"/>
                </a:lnTo>
                <a:lnTo>
                  <a:pt x="52" y="1482"/>
                </a:lnTo>
                <a:lnTo>
                  <a:pt x="54" y="1476"/>
                </a:lnTo>
                <a:lnTo>
                  <a:pt x="52" y="1464"/>
                </a:lnTo>
                <a:lnTo>
                  <a:pt x="38" y="1464"/>
                </a:lnTo>
                <a:lnTo>
                  <a:pt x="32" y="1478"/>
                </a:lnTo>
                <a:lnTo>
                  <a:pt x="20" y="1482"/>
                </a:lnTo>
                <a:lnTo>
                  <a:pt x="26" y="1464"/>
                </a:lnTo>
                <a:lnTo>
                  <a:pt x="24" y="1454"/>
                </a:lnTo>
                <a:lnTo>
                  <a:pt x="12" y="1452"/>
                </a:lnTo>
                <a:lnTo>
                  <a:pt x="12" y="1424"/>
                </a:lnTo>
                <a:lnTo>
                  <a:pt x="10" y="1400"/>
                </a:lnTo>
                <a:lnTo>
                  <a:pt x="8" y="1384"/>
                </a:lnTo>
                <a:lnTo>
                  <a:pt x="0" y="1372"/>
                </a:lnTo>
                <a:lnTo>
                  <a:pt x="4" y="1364"/>
                </a:lnTo>
                <a:lnTo>
                  <a:pt x="8" y="1360"/>
                </a:lnTo>
                <a:lnTo>
                  <a:pt x="14" y="1354"/>
                </a:lnTo>
                <a:lnTo>
                  <a:pt x="18" y="1358"/>
                </a:lnTo>
                <a:lnTo>
                  <a:pt x="20" y="1362"/>
                </a:lnTo>
                <a:lnTo>
                  <a:pt x="22" y="1376"/>
                </a:lnTo>
                <a:lnTo>
                  <a:pt x="30" y="1386"/>
                </a:lnTo>
                <a:lnTo>
                  <a:pt x="38" y="1380"/>
                </a:lnTo>
                <a:lnTo>
                  <a:pt x="44" y="1362"/>
                </a:lnTo>
                <a:lnTo>
                  <a:pt x="46" y="1346"/>
                </a:lnTo>
                <a:lnTo>
                  <a:pt x="46" y="1320"/>
                </a:lnTo>
                <a:lnTo>
                  <a:pt x="40" y="1308"/>
                </a:lnTo>
                <a:lnTo>
                  <a:pt x="38" y="1288"/>
                </a:lnTo>
                <a:lnTo>
                  <a:pt x="48" y="1284"/>
                </a:lnTo>
                <a:lnTo>
                  <a:pt x="50" y="1264"/>
                </a:lnTo>
                <a:lnTo>
                  <a:pt x="46" y="1258"/>
                </a:lnTo>
                <a:lnTo>
                  <a:pt x="52" y="1252"/>
                </a:lnTo>
                <a:lnTo>
                  <a:pt x="68" y="1252"/>
                </a:lnTo>
                <a:lnTo>
                  <a:pt x="86" y="1232"/>
                </a:lnTo>
                <a:lnTo>
                  <a:pt x="88" y="1196"/>
                </a:lnTo>
                <a:lnTo>
                  <a:pt x="94" y="1174"/>
                </a:lnTo>
                <a:lnTo>
                  <a:pt x="86" y="1158"/>
                </a:lnTo>
                <a:lnTo>
                  <a:pt x="78" y="1134"/>
                </a:lnTo>
                <a:lnTo>
                  <a:pt x="72" y="1118"/>
                </a:lnTo>
                <a:lnTo>
                  <a:pt x="76" y="1104"/>
                </a:lnTo>
                <a:lnTo>
                  <a:pt x="96" y="1100"/>
                </a:lnTo>
                <a:lnTo>
                  <a:pt x="104" y="1086"/>
                </a:lnTo>
                <a:lnTo>
                  <a:pt x="108" y="1066"/>
                </a:lnTo>
                <a:lnTo>
                  <a:pt x="104" y="1054"/>
                </a:lnTo>
                <a:lnTo>
                  <a:pt x="86" y="1036"/>
                </a:lnTo>
                <a:lnTo>
                  <a:pt x="78" y="1032"/>
                </a:lnTo>
                <a:lnTo>
                  <a:pt x="62" y="1016"/>
                </a:lnTo>
                <a:lnTo>
                  <a:pt x="60" y="982"/>
                </a:lnTo>
                <a:lnTo>
                  <a:pt x="70" y="942"/>
                </a:lnTo>
                <a:lnTo>
                  <a:pt x="54" y="910"/>
                </a:lnTo>
                <a:lnTo>
                  <a:pt x="54" y="888"/>
                </a:lnTo>
                <a:lnTo>
                  <a:pt x="56" y="872"/>
                </a:lnTo>
                <a:lnTo>
                  <a:pt x="50" y="862"/>
                </a:lnTo>
                <a:lnTo>
                  <a:pt x="58" y="852"/>
                </a:lnTo>
                <a:lnTo>
                  <a:pt x="58" y="838"/>
                </a:lnTo>
                <a:lnTo>
                  <a:pt x="50" y="820"/>
                </a:lnTo>
                <a:lnTo>
                  <a:pt x="46" y="810"/>
                </a:lnTo>
                <a:lnTo>
                  <a:pt x="48" y="800"/>
                </a:lnTo>
                <a:lnTo>
                  <a:pt x="56" y="782"/>
                </a:lnTo>
                <a:lnTo>
                  <a:pt x="54" y="766"/>
                </a:lnTo>
                <a:lnTo>
                  <a:pt x="60" y="758"/>
                </a:lnTo>
                <a:lnTo>
                  <a:pt x="70" y="738"/>
                </a:lnTo>
                <a:lnTo>
                  <a:pt x="78" y="722"/>
                </a:lnTo>
                <a:lnTo>
                  <a:pt x="90" y="708"/>
                </a:lnTo>
                <a:lnTo>
                  <a:pt x="106" y="700"/>
                </a:lnTo>
                <a:lnTo>
                  <a:pt x="128" y="700"/>
                </a:lnTo>
                <a:lnTo>
                  <a:pt x="156" y="706"/>
                </a:lnTo>
                <a:lnTo>
                  <a:pt x="162" y="694"/>
                </a:lnTo>
                <a:lnTo>
                  <a:pt x="166" y="686"/>
                </a:lnTo>
                <a:lnTo>
                  <a:pt x="162" y="666"/>
                </a:lnTo>
                <a:lnTo>
                  <a:pt x="162" y="646"/>
                </a:lnTo>
                <a:lnTo>
                  <a:pt x="150" y="642"/>
                </a:lnTo>
                <a:lnTo>
                  <a:pt x="136" y="636"/>
                </a:lnTo>
                <a:lnTo>
                  <a:pt x="136" y="626"/>
                </a:lnTo>
                <a:lnTo>
                  <a:pt x="142" y="608"/>
                </a:lnTo>
                <a:lnTo>
                  <a:pt x="150" y="598"/>
                </a:lnTo>
                <a:lnTo>
                  <a:pt x="160" y="576"/>
                </a:lnTo>
                <a:lnTo>
                  <a:pt x="168" y="560"/>
                </a:lnTo>
                <a:lnTo>
                  <a:pt x="174" y="530"/>
                </a:lnTo>
                <a:lnTo>
                  <a:pt x="178" y="484"/>
                </a:lnTo>
                <a:lnTo>
                  <a:pt x="180" y="456"/>
                </a:lnTo>
                <a:lnTo>
                  <a:pt x="174" y="442"/>
                </a:lnTo>
                <a:lnTo>
                  <a:pt x="176" y="424"/>
                </a:lnTo>
                <a:lnTo>
                  <a:pt x="198" y="420"/>
                </a:lnTo>
                <a:lnTo>
                  <a:pt x="220" y="402"/>
                </a:lnTo>
                <a:lnTo>
                  <a:pt x="220" y="382"/>
                </a:lnTo>
                <a:lnTo>
                  <a:pt x="214" y="372"/>
                </a:lnTo>
                <a:lnTo>
                  <a:pt x="226" y="356"/>
                </a:lnTo>
                <a:lnTo>
                  <a:pt x="240" y="330"/>
                </a:lnTo>
                <a:lnTo>
                  <a:pt x="242" y="316"/>
                </a:lnTo>
                <a:lnTo>
                  <a:pt x="260" y="300"/>
                </a:lnTo>
                <a:lnTo>
                  <a:pt x="262" y="274"/>
                </a:lnTo>
                <a:lnTo>
                  <a:pt x="252" y="260"/>
                </a:lnTo>
                <a:lnTo>
                  <a:pt x="242" y="242"/>
                </a:lnTo>
                <a:lnTo>
                  <a:pt x="262" y="220"/>
                </a:lnTo>
                <a:lnTo>
                  <a:pt x="266" y="194"/>
                </a:lnTo>
                <a:lnTo>
                  <a:pt x="270" y="176"/>
                </a:lnTo>
                <a:lnTo>
                  <a:pt x="292" y="152"/>
                </a:lnTo>
                <a:lnTo>
                  <a:pt x="308" y="150"/>
                </a:lnTo>
                <a:lnTo>
                  <a:pt x="316" y="160"/>
                </a:lnTo>
                <a:lnTo>
                  <a:pt x="328" y="158"/>
                </a:lnTo>
                <a:lnTo>
                  <a:pt x="336" y="142"/>
                </a:lnTo>
                <a:lnTo>
                  <a:pt x="336" y="118"/>
                </a:lnTo>
                <a:lnTo>
                  <a:pt x="330" y="104"/>
                </a:lnTo>
                <a:lnTo>
                  <a:pt x="330" y="86"/>
                </a:lnTo>
                <a:lnTo>
                  <a:pt x="344" y="80"/>
                </a:lnTo>
                <a:lnTo>
                  <a:pt x="360" y="86"/>
                </a:lnTo>
                <a:lnTo>
                  <a:pt x="378" y="86"/>
                </a:lnTo>
                <a:lnTo>
                  <a:pt x="396" y="92"/>
                </a:lnTo>
                <a:lnTo>
                  <a:pt x="418" y="100"/>
                </a:lnTo>
                <a:lnTo>
                  <a:pt x="434" y="86"/>
                </a:lnTo>
                <a:lnTo>
                  <a:pt x="434" y="78"/>
                </a:lnTo>
                <a:lnTo>
                  <a:pt x="424" y="78"/>
                </a:lnTo>
                <a:lnTo>
                  <a:pt x="422" y="70"/>
                </a:lnTo>
                <a:lnTo>
                  <a:pt x="432" y="48"/>
                </a:lnTo>
                <a:lnTo>
                  <a:pt x="434" y="34"/>
                </a:lnTo>
                <a:close/>
              </a:path>
            </a:pathLst>
          </a:custGeom>
          <a:solidFill>
            <a:srgbClr val="FF99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20" name="Freeform 99"/>
          <p:cNvSpPr>
            <a:spLocks/>
          </p:cNvSpPr>
          <p:nvPr/>
        </p:nvSpPr>
        <p:spPr bwMode="auto">
          <a:xfrm>
            <a:off x="6511925" y="417513"/>
            <a:ext cx="88900" cy="52387"/>
          </a:xfrm>
          <a:custGeom>
            <a:avLst/>
            <a:gdLst>
              <a:gd name="T0" fmla="*/ 2147483647 w 68"/>
              <a:gd name="T1" fmla="*/ 0 h 40"/>
              <a:gd name="T2" fmla="*/ 2147483647 w 68"/>
              <a:gd name="T3" fmla="*/ 2147483647 h 40"/>
              <a:gd name="T4" fmla="*/ 2147483647 w 68"/>
              <a:gd name="T5" fmla="*/ 2147483647 h 40"/>
              <a:gd name="T6" fmla="*/ 2147483647 w 68"/>
              <a:gd name="T7" fmla="*/ 2147483647 h 40"/>
              <a:gd name="T8" fmla="*/ 2147483647 w 68"/>
              <a:gd name="T9" fmla="*/ 2147483647 h 40"/>
              <a:gd name="T10" fmla="*/ 2147483647 w 68"/>
              <a:gd name="T11" fmla="*/ 2147483647 h 40"/>
              <a:gd name="T12" fmla="*/ 2147483647 w 68"/>
              <a:gd name="T13" fmla="*/ 2147483647 h 40"/>
              <a:gd name="T14" fmla="*/ 2147483647 w 68"/>
              <a:gd name="T15" fmla="*/ 2147483647 h 40"/>
              <a:gd name="T16" fmla="*/ 2147483647 w 68"/>
              <a:gd name="T17" fmla="*/ 2147483647 h 40"/>
              <a:gd name="T18" fmla="*/ 2147483647 w 68"/>
              <a:gd name="T19" fmla="*/ 2147483647 h 40"/>
              <a:gd name="T20" fmla="*/ 2147483647 w 68"/>
              <a:gd name="T21" fmla="*/ 2147483647 h 40"/>
              <a:gd name="T22" fmla="*/ 0 w 68"/>
              <a:gd name="T23" fmla="*/ 2147483647 h 40"/>
              <a:gd name="T24" fmla="*/ 2147483647 w 68"/>
              <a:gd name="T25" fmla="*/ 0 h 40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0" t="0" r="r" b="b"/>
            <a:pathLst>
              <a:path w="68" h="40">
                <a:moveTo>
                  <a:pt x="4" y="0"/>
                </a:moveTo>
                <a:lnTo>
                  <a:pt x="18" y="8"/>
                </a:lnTo>
                <a:lnTo>
                  <a:pt x="38" y="14"/>
                </a:lnTo>
                <a:lnTo>
                  <a:pt x="50" y="10"/>
                </a:lnTo>
                <a:lnTo>
                  <a:pt x="60" y="16"/>
                </a:lnTo>
                <a:lnTo>
                  <a:pt x="68" y="24"/>
                </a:lnTo>
                <a:lnTo>
                  <a:pt x="62" y="36"/>
                </a:lnTo>
                <a:lnTo>
                  <a:pt x="46" y="40"/>
                </a:lnTo>
                <a:lnTo>
                  <a:pt x="26" y="36"/>
                </a:lnTo>
                <a:lnTo>
                  <a:pt x="18" y="26"/>
                </a:lnTo>
                <a:lnTo>
                  <a:pt x="10" y="20"/>
                </a:lnTo>
                <a:lnTo>
                  <a:pt x="0" y="10"/>
                </a:lnTo>
                <a:lnTo>
                  <a:pt x="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grpSp>
        <p:nvGrpSpPr>
          <p:cNvPr id="130121" name="Group 100"/>
          <p:cNvGrpSpPr>
            <a:grpSpLocks/>
          </p:cNvGrpSpPr>
          <p:nvPr/>
        </p:nvGrpSpPr>
        <p:grpSpPr bwMode="auto">
          <a:xfrm>
            <a:off x="4778375" y="292100"/>
            <a:ext cx="1692275" cy="2378075"/>
            <a:chOff x="1890" y="495"/>
            <a:chExt cx="1307" cy="1838"/>
          </a:xfrm>
        </p:grpSpPr>
        <p:sp>
          <p:nvSpPr>
            <p:cNvPr id="130175" name="Freeform 101"/>
            <p:cNvSpPr>
              <a:spLocks/>
            </p:cNvSpPr>
            <p:nvPr/>
          </p:nvSpPr>
          <p:spPr bwMode="auto">
            <a:xfrm>
              <a:off x="1890" y="495"/>
              <a:ext cx="1307" cy="1838"/>
            </a:xfrm>
            <a:custGeom>
              <a:avLst/>
              <a:gdLst>
                <a:gd name="T0" fmla="*/ 1103 w 1307"/>
                <a:gd name="T1" fmla="*/ 88 h 1838"/>
                <a:gd name="T2" fmla="*/ 1105 w 1307"/>
                <a:gd name="T3" fmla="*/ 0 h 1838"/>
                <a:gd name="T4" fmla="*/ 1145 w 1307"/>
                <a:gd name="T5" fmla="*/ 66 h 1838"/>
                <a:gd name="T6" fmla="*/ 1219 w 1307"/>
                <a:gd name="T7" fmla="*/ 34 h 1838"/>
                <a:gd name="T8" fmla="*/ 1263 w 1307"/>
                <a:gd name="T9" fmla="*/ 86 h 1838"/>
                <a:gd name="T10" fmla="*/ 1283 w 1307"/>
                <a:gd name="T11" fmla="*/ 150 h 1838"/>
                <a:gd name="T12" fmla="*/ 1227 w 1307"/>
                <a:gd name="T13" fmla="*/ 236 h 1838"/>
                <a:gd name="T14" fmla="*/ 1137 w 1307"/>
                <a:gd name="T15" fmla="*/ 144 h 1838"/>
                <a:gd name="T16" fmla="*/ 1055 w 1307"/>
                <a:gd name="T17" fmla="*/ 368 h 1838"/>
                <a:gd name="T18" fmla="*/ 901 w 1307"/>
                <a:gd name="T19" fmla="*/ 334 h 1838"/>
                <a:gd name="T20" fmla="*/ 817 w 1307"/>
                <a:gd name="T21" fmla="*/ 348 h 1838"/>
                <a:gd name="T22" fmla="*/ 725 w 1307"/>
                <a:gd name="T23" fmla="*/ 426 h 1838"/>
                <a:gd name="T24" fmla="*/ 647 w 1307"/>
                <a:gd name="T25" fmla="*/ 600 h 1838"/>
                <a:gd name="T26" fmla="*/ 569 w 1307"/>
                <a:gd name="T27" fmla="*/ 782 h 1838"/>
                <a:gd name="T28" fmla="*/ 557 w 1307"/>
                <a:gd name="T29" fmla="*/ 986 h 1838"/>
                <a:gd name="T30" fmla="*/ 449 w 1307"/>
                <a:gd name="T31" fmla="*/ 1106 h 1838"/>
                <a:gd name="T32" fmla="*/ 473 w 1307"/>
                <a:gd name="T33" fmla="*/ 1372 h 1838"/>
                <a:gd name="T34" fmla="*/ 483 w 1307"/>
                <a:gd name="T35" fmla="*/ 1536 h 1838"/>
                <a:gd name="T36" fmla="*/ 439 w 1307"/>
                <a:gd name="T37" fmla="*/ 1702 h 1838"/>
                <a:gd name="T38" fmla="*/ 365 w 1307"/>
                <a:gd name="T39" fmla="*/ 1652 h 1838"/>
                <a:gd name="T40" fmla="*/ 353 w 1307"/>
                <a:gd name="T41" fmla="*/ 1656 h 1838"/>
                <a:gd name="T42" fmla="*/ 285 w 1307"/>
                <a:gd name="T43" fmla="*/ 1730 h 1838"/>
                <a:gd name="T44" fmla="*/ 192 w 1307"/>
                <a:gd name="T45" fmla="*/ 1824 h 1838"/>
                <a:gd name="T46" fmla="*/ 94 w 1307"/>
                <a:gd name="T47" fmla="*/ 1804 h 1838"/>
                <a:gd name="T48" fmla="*/ 62 w 1307"/>
                <a:gd name="T49" fmla="*/ 1706 h 1838"/>
                <a:gd name="T50" fmla="*/ 68 w 1307"/>
                <a:gd name="T51" fmla="*/ 1636 h 1838"/>
                <a:gd name="T52" fmla="*/ 4 w 1307"/>
                <a:gd name="T53" fmla="*/ 1650 h 1838"/>
                <a:gd name="T54" fmla="*/ 70 w 1307"/>
                <a:gd name="T55" fmla="*/ 1602 h 1838"/>
                <a:gd name="T56" fmla="*/ 84 w 1307"/>
                <a:gd name="T57" fmla="*/ 1530 h 1838"/>
                <a:gd name="T58" fmla="*/ 36 w 1307"/>
                <a:gd name="T59" fmla="*/ 1560 h 1838"/>
                <a:gd name="T60" fmla="*/ 24 w 1307"/>
                <a:gd name="T61" fmla="*/ 1504 h 1838"/>
                <a:gd name="T62" fmla="*/ 6 w 1307"/>
                <a:gd name="T63" fmla="*/ 1444 h 1838"/>
                <a:gd name="T64" fmla="*/ 28 w 1307"/>
                <a:gd name="T65" fmla="*/ 1430 h 1838"/>
                <a:gd name="T66" fmla="*/ 10 w 1307"/>
                <a:gd name="T67" fmla="*/ 1346 h 1838"/>
                <a:gd name="T68" fmla="*/ 56 w 1307"/>
                <a:gd name="T69" fmla="*/ 1288 h 1838"/>
                <a:gd name="T70" fmla="*/ 116 w 1307"/>
                <a:gd name="T71" fmla="*/ 1250 h 1838"/>
                <a:gd name="T72" fmla="*/ 132 w 1307"/>
                <a:gd name="T73" fmla="*/ 1202 h 1838"/>
                <a:gd name="T74" fmla="*/ 206 w 1307"/>
                <a:gd name="T75" fmla="*/ 1186 h 1838"/>
                <a:gd name="T76" fmla="*/ 234 w 1307"/>
                <a:gd name="T77" fmla="*/ 1140 h 1838"/>
                <a:gd name="T78" fmla="*/ 256 w 1307"/>
                <a:gd name="T79" fmla="*/ 1106 h 1838"/>
                <a:gd name="T80" fmla="*/ 319 w 1307"/>
                <a:gd name="T81" fmla="*/ 1052 h 1838"/>
                <a:gd name="T82" fmla="*/ 415 w 1307"/>
                <a:gd name="T83" fmla="*/ 940 h 1838"/>
                <a:gd name="T84" fmla="*/ 443 w 1307"/>
                <a:gd name="T85" fmla="*/ 850 h 1838"/>
                <a:gd name="T86" fmla="*/ 515 w 1307"/>
                <a:gd name="T87" fmla="*/ 754 h 1838"/>
                <a:gd name="T88" fmla="*/ 523 w 1307"/>
                <a:gd name="T89" fmla="*/ 684 h 1838"/>
                <a:gd name="T90" fmla="*/ 555 w 1307"/>
                <a:gd name="T91" fmla="*/ 620 h 1838"/>
                <a:gd name="T92" fmla="*/ 591 w 1307"/>
                <a:gd name="T93" fmla="*/ 558 h 1838"/>
                <a:gd name="T94" fmla="*/ 575 w 1307"/>
                <a:gd name="T95" fmla="*/ 520 h 1838"/>
                <a:gd name="T96" fmla="*/ 645 w 1307"/>
                <a:gd name="T97" fmla="*/ 496 h 1838"/>
                <a:gd name="T98" fmla="*/ 689 w 1307"/>
                <a:gd name="T99" fmla="*/ 450 h 1838"/>
                <a:gd name="T100" fmla="*/ 679 w 1307"/>
                <a:gd name="T101" fmla="*/ 382 h 1838"/>
                <a:gd name="T102" fmla="*/ 717 w 1307"/>
                <a:gd name="T103" fmla="*/ 280 h 1838"/>
                <a:gd name="T104" fmla="*/ 795 w 1307"/>
                <a:gd name="T105" fmla="*/ 226 h 1838"/>
                <a:gd name="T106" fmla="*/ 825 w 1307"/>
                <a:gd name="T107" fmla="*/ 212 h 1838"/>
                <a:gd name="T108" fmla="*/ 881 w 1307"/>
                <a:gd name="T109" fmla="*/ 192 h 1838"/>
                <a:gd name="T110" fmla="*/ 899 w 1307"/>
                <a:gd name="T111" fmla="*/ 152 h 1838"/>
                <a:gd name="T112" fmla="*/ 925 w 1307"/>
                <a:gd name="T113" fmla="*/ 118 h 1838"/>
                <a:gd name="T114" fmla="*/ 965 w 1307"/>
                <a:gd name="T115" fmla="*/ 76 h 1838"/>
                <a:gd name="T116" fmla="*/ 983 w 1307"/>
                <a:gd name="T117" fmla="*/ 36 h 1838"/>
                <a:gd name="T118" fmla="*/ 1023 w 1307"/>
                <a:gd name="T119" fmla="*/ 10 h 1838"/>
                <a:gd name="T120" fmla="*/ 1021 w 1307"/>
                <a:gd name="T121" fmla="*/ 94 h 1838"/>
                <a:gd name="T122" fmla="*/ 1035 w 1307"/>
                <a:gd name="T123" fmla="*/ 128 h 1838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0" t="0" r="r" b="b"/>
              <a:pathLst>
                <a:path w="1307" h="1838">
                  <a:moveTo>
                    <a:pt x="1055" y="48"/>
                  </a:moveTo>
                  <a:lnTo>
                    <a:pt x="1061" y="32"/>
                  </a:lnTo>
                  <a:lnTo>
                    <a:pt x="1071" y="32"/>
                  </a:lnTo>
                  <a:lnTo>
                    <a:pt x="1075" y="48"/>
                  </a:lnTo>
                  <a:lnTo>
                    <a:pt x="1077" y="64"/>
                  </a:lnTo>
                  <a:lnTo>
                    <a:pt x="1069" y="72"/>
                  </a:lnTo>
                  <a:lnTo>
                    <a:pt x="1079" y="76"/>
                  </a:lnTo>
                  <a:lnTo>
                    <a:pt x="1081" y="86"/>
                  </a:lnTo>
                  <a:lnTo>
                    <a:pt x="1083" y="104"/>
                  </a:lnTo>
                  <a:lnTo>
                    <a:pt x="1095" y="94"/>
                  </a:lnTo>
                  <a:lnTo>
                    <a:pt x="1103" y="88"/>
                  </a:lnTo>
                  <a:lnTo>
                    <a:pt x="1099" y="72"/>
                  </a:lnTo>
                  <a:lnTo>
                    <a:pt x="1097" y="56"/>
                  </a:lnTo>
                  <a:lnTo>
                    <a:pt x="1099" y="50"/>
                  </a:lnTo>
                  <a:lnTo>
                    <a:pt x="1101" y="44"/>
                  </a:lnTo>
                  <a:lnTo>
                    <a:pt x="1103" y="42"/>
                  </a:lnTo>
                  <a:lnTo>
                    <a:pt x="1107" y="38"/>
                  </a:lnTo>
                  <a:lnTo>
                    <a:pt x="1109" y="34"/>
                  </a:lnTo>
                  <a:lnTo>
                    <a:pt x="1095" y="34"/>
                  </a:lnTo>
                  <a:lnTo>
                    <a:pt x="1091" y="22"/>
                  </a:lnTo>
                  <a:lnTo>
                    <a:pt x="1099" y="12"/>
                  </a:lnTo>
                  <a:lnTo>
                    <a:pt x="1105" y="0"/>
                  </a:lnTo>
                  <a:lnTo>
                    <a:pt x="1121" y="4"/>
                  </a:lnTo>
                  <a:lnTo>
                    <a:pt x="1135" y="6"/>
                  </a:lnTo>
                  <a:lnTo>
                    <a:pt x="1151" y="10"/>
                  </a:lnTo>
                  <a:lnTo>
                    <a:pt x="1149" y="24"/>
                  </a:lnTo>
                  <a:lnTo>
                    <a:pt x="1143" y="34"/>
                  </a:lnTo>
                  <a:lnTo>
                    <a:pt x="1129" y="40"/>
                  </a:lnTo>
                  <a:lnTo>
                    <a:pt x="1135" y="46"/>
                  </a:lnTo>
                  <a:lnTo>
                    <a:pt x="1135" y="56"/>
                  </a:lnTo>
                  <a:lnTo>
                    <a:pt x="1147" y="48"/>
                  </a:lnTo>
                  <a:lnTo>
                    <a:pt x="1151" y="56"/>
                  </a:lnTo>
                  <a:lnTo>
                    <a:pt x="1145" y="66"/>
                  </a:lnTo>
                  <a:lnTo>
                    <a:pt x="1141" y="78"/>
                  </a:lnTo>
                  <a:lnTo>
                    <a:pt x="1155" y="78"/>
                  </a:lnTo>
                  <a:lnTo>
                    <a:pt x="1165" y="70"/>
                  </a:lnTo>
                  <a:lnTo>
                    <a:pt x="1159" y="54"/>
                  </a:lnTo>
                  <a:lnTo>
                    <a:pt x="1159" y="36"/>
                  </a:lnTo>
                  <a:lnTo>
                    <a:pt x="1167" y="16"/>
                  </a:lnTo>
                  <a:lnTo>
                    <a:pt x="1179" y="14"/>
                  </a:lnTo>
                  <a:lnTo>
                    <a:pt x="1193" y="24"/>
                  </a:lnTo>
                  <a:lnTo>
                    <a:pt x="1199" y="38"/>
                  </a:lnTo>
                  <a:lnTo>
                    <a:pt x="1209" y="30"/>
                  </a:lnTo>
                  <a:lnTo>
                    <a:pt x="1219" y="34"/>
                  </a:lnTo>
                  <a:lnTo>
                    <a:pt x="1229" y="26"/>
                  </a:lnTo>
                  <a:lnTo>
                    <a:pt x="1237" y="36"/>
                  </a:lnTo>
                  <a:lnTo>
                    <a:pt x="1245" y="40"/>
                  </a:lnTo>
                  <a:lnTo>
                    <a:pt x="1243" y="48"/>
                  </a:lnTo>
                  <a:lnTo>
                    <a:pt x="1257" y="46"/>
                  </a:lnTo>
                  <a:lnTo>
                    <a:pt x="1267" y="54"/>
                  </a:lnTo>
                  <a:lnTo>
                    <a:pt x="1283" y="54"/>
                  </a:lnTo>
                  <a:lnTo>
                    <a:pt x="1285" y="66"/>
                  </a:lnTo>
                  <a:lnTo>
                    <a:pt x="1275" y="74"/>
                  </a:lnTo>
                  <a:lnTo>
                    <a:pt x="1271" y="80"/>
                  </a:lnTo>
                  <a:lnTo>
                    <a:pt x="1263" y="86"/>
                  </a:lnTo>
                  <a:lnTo>
                    <a:pt x="1263" y="98"/>
                  </a:lnTo>
                  <a:lnTo>
                    <a:pt x="1249" y="114"/>
                  </a:lnTo>
                  <a:lnTo>
                    <a:pt x="1187" y="116"/>
                  </a:lnTo>
                  <a:lnTo>
                    <a:pt x="1187" y="126"/>
                  </a:lnTo>
                  <a:lnTo>
                    <a:pt x="1229" y="128"/>
                  </a:lnTo>
                  <a:lnTo>
                    <a:pt x="1237" y="136"/>
                  </a:lnTo>
                  <a:lnTo>
                    <a:pt x="1251" y="134"/>
                  </a:lnTo>
                  <a:lnTo>
                    <a:pt x="1261" y="142"/>
                  </a:lnTo>
                  <a:lnTo>
                    <a:pt x="1269" y="136"/>
                  </a:lnTo>
                  <a:lnTo>
                    <a:pt x="1277" y="142"/>
                  </a:lnTo>
                  <a:lnTo>
                    <a:pt x="1283" y="150"/>
                  </a:lnTo>
                  <a:lnTo>
                    <a:pt x="1287" y="138"/>
                  </a:lnTo>
                  <a:lnTo>
                    <a:pt x="1299" y="140"/>
                  </a:lnTo>
                  <a:lnTo>
                    <a:pt x="1307" y="164"/>
                  </a:lnTo>
                  <a:lnTo>
                    <a:pt x="1301" y="172"/>
                  </a:lnTo>
                  <a:lnTo>
                    <a:pt x="1275" y="168"/>
                  </a:lnTo>
                  <a:lnTo>
                    <a:pt x="1275" y="200"/>
                  </a:lnTo>
                  <a:lnTo>
                    <a:pt x="1249" y="218"/>
                  </a:lnTo>
                  <a:lnTo>
                    <a:pt x="1249" y="252"/>
                  </a:lnTo>
                  <a:lnTo>
                    <a:pt x="1239" y="262"/>
                  </a:lnTo>
                  <a:lnTo>
                    <a:pt x="1225" y="250"/>
                  </a:lnTo>
                  <a:lnTo>
                    <a:pt x="1227" y="236"/>
                  </a:lnTo>
                  <a:lnTo>
                    <a:pt x="1237" y="212"/>
                  </a:lnTo>
                  <a:lnTo>
                    <a:pt x="1237" y="194"/>
                  </a:lnTo>
                  <a:lnTo>
                    <a:pt x="1221" y="174"/>
                  </a:lnTo>
                  <a:lnTo>
                    <a:pt x="1211" y="170"/>
                  </a:lnTo>
                  <a:lnTo>
                    <a:pt x="1187" y="170"/>
                  </a:lnTo>
                  <a:lnTo>
                    <a:pt x="1183" y="162"/>
                  </a:lnTo>
                  <a:lnTo>
                    <a:pt x="1175" y="158"/>
                  </a:lnTo>
                  <a:lnTo>
                    <a:pt x="1167" y="150"/>
                  </a:lnTo>
                  <a:lnTo>
                    <a:pt x="1151" y="134"/>
                  </a:lnTo>
                  <a:lnTo>
                    <a:pt x="1145" y="138"/>
                  </a:lnTo>
                  <a:lnTo>
                    <a:pt x="1137" y="144"/>
                  </a:lnTo>
                  <a:lnTo>
                    <a:pt x="1127" y="164"/>
                  </a:lnTo>
                  <a:lnTo>
                    <a:pt x="1107" y="166"/>
                  </a:lnTo>
                  <a:lnTo>
                    <a:pt x="1087" y="176"/>
                  </a:lnTo>
                  <a:lnTo>
                    <a:pt x="1087" y="192"/>
                  </a:lnTo>
                  <a:lnTo>
                    <a:pt x="1077" y="214"/>
                  </a:lnTo>
                  <a:lnTo>
                    <a:pt x="1079" y="280"/>
                  </a:lnTo>
                  <a:lnTo>
                    <a:pt x="1089" y="296"/>
                  </a:lnTo>
                  <a:lnTo>
                    <a:pt x="1081" y="318"/>
                  </a:lnTo>
                  <a:lnTo>
                    <a:pt x="1065" y="334"/>
                  </a:lnTo>
                  <a:lnTo>
                    <a:pt x="1063" y="354"/>
                  </a:lnTo>
                  <a:lnTo>
                    <a:pt x="1055" y="368"/>
                  </a:lnTo>
                  <a:lnTo>
                    <a:pt x="1033" y="356"/>
                  </a:lnTo>
                  <a:lnTo>
                    <a:pt x="1015" y="350"/>
                  </a:lnTo>
                  <a:lnTo>
                    <a:pt x="1003" y="344"/>
                  </a:lnTo>
                  <a:lnTo>
                    <a:pt x="995" y="350"/>
                  </a:lnTo>
                  <a:lnTo>
                    <a:pt x="991" y="364"/>
                  </a:lnTo>
                  <a:lnTo>
                    <a:pt x="973" y="376"/>
                  </a:lnTo>
                  <a:lnTo>
                    <a:pt x="955" y="374"/>
                  </a:lnTo>
                  <a:lnTo>
                    <a:pt x="929" y="370"/>
                  </a:lnTo>
                  <a:lnTo>
                    <a:pt x="925" y="360"/>
                  </a:lnTo>
                  <a:lnTo>
                    <a:pt x="913" y="344"/>
                  </a:lnTo>
                  <a:lnTo>
                    <a:pt x="901" y="334"/>
                  </a:lnTo>
                  <a:lnTo>
                    <a:pt x="893" y="318"/>
                  </a:lnTo>
                  <a:lnTo>
                    <a:pt x="879" y="306"/>
                  </a:lnTo>
                  <a:lnTo>
                    <a:pt x="867" y="302"/>
                  </a:lnTo>
                  <a:lnTo>
                    <a:pt x="857" y="308"/>
                  </a:lnTo>
                  <a:lnTo>
                    <a:pt x="855" y="320"/>
                  </a:lnTo>
                  <a:lnTo>
                    <a:pt x="863" y="332"/>
                  </a:lnTo>
                  <a:lnTo>
                    <a:pt x="855" y="338"/>
                  </a:lnTo>
                  <a:lnTo>
                    <a:pt x="845" y="332"/>
                  </a:lnTo>
                  <a:lnTo>
                    <a:pt x="841" y="340"/>
                  </a:lnTo>
                  <a:lnTo>
                    <a:pt x="837" y="342"/>
                  </a:lnTo>
                  <a:lnTo>
                    <a:pt x="817" y="348"/>
                  </a:lnTo>
                  <a:lnTo>
                    <a:pt x="829" y="374"/>
                  </a:lnTo>
                  <a:lnTo>
                    <a:pt x="827" y="388"/>
                  </a:lnTo>
                  <a:lnTo>
                    <a:pt x="817" y="410"/>
                  </a:lnTo>
                  <a:lnTo>
                    <a:pt x="819" y="418"/>
                  </a:lnTo>
                  <a:lnTo>
                    <a:pt x="829" y="418"/>
                  </a:lnTo>
                  <a:lnTo>
                    <a:pt x="829" y="426"/>
                  </a:lnTo>
                  <a:lnTo>
                    <a:pt x="813" y="440"/>
                  </a:lnTo>
                  <a:lnTo>
                    <a:pt x="773" y="426"/>
                  </a:lnTo>
                  <a:lnTo>
                    <a:pt x="755" y="426"/>
                  </a:lnTo>
                  <a:lnTo>
                    <a:pt x="739" y="420"/>
                  </a:lnTo>
                  <a:lnTo>
                    <a:pt x="725" y="426"/>
                  </a:lnTo>
                  <a:lnTo>
                    <a:pt x="725" y="444"/>
                  </a:lnTo>
                  <a:lnTo>
                    <a:pt x="731" y="458"/>
                  </a:lnTo>
                  <a:lnTo>
                    <a:pt x="731" y="482"/>
                  </a:lnTo>
                  <a:lnTo>
                    <a:pt x="723" y="498"/>
                  </a:lnTo>
                  <a:lnTo>
                    <a:pt x="711" y="500"/>
                  </a:lnTo>
                  <a:lnTo>
                    <a:pt x="703" y="490"/>
                  </a:lnTo>
                  <a:lnTo>
                    <a:pt x="687" y="492"/>
                  </a:lnTo>
                  <a:lnTo>
                    <a:pt x="665" y="516"/>
                  </a:lnTo>
                  <a:lnTo>
                    <a:pt x="657" y="560"/>
                  </a:lnTo>
                  <a:lnTo>
                    <a:pt x="637" y="582"/>
                  </a:lnTo>
                  <a:lnTo>
                    <a:pt x="647" y="600"/>
                  </a:lnTo>
                  <a:lnTo>
                    <a:pt x="657" y="614"/>
                  </a:lnTo>
                  <a:lnTo>
                    <a:pt x="655" y="640"/>
                  </a:lnTo>
                  <a:lnTo>
                    <a:pt x="637" y="656"/>
                  </a:lnTo>
                  <a:lnTo>
                    <a:pt x="635" y="670"/>
                  </a:lnTo>
                  <a:lnTo>
                    <a:pt x="621" y="696"/>
                  </a:lnTo>
                  <a:lnTo>
                    <a:pt x="609" y="712"/>
                  </a:lnTo>
                  <a:lnTo>
                    <a:pt x="615" y="722"/>
                  </a:lnTo>
                  <a:lnTo>
                    <a:pt x="615" y="742"/>
                  </a:lnTo>
                  <a:lnTo>
                    <a:pt x="593" y="760"/>
                  </a:lnTo>
                  <a:lnTo>
                    <a:pt x="571" y="764"/>
                  </a:lnTo>
                  <a:lnTo>
                    <a:pt x="569" y="782"/>
                  </a:lnTo>
                  <a:lnTo>
                    <a:pt x="575" y="796"/>
                  </a:lnTo>
                  <a:lnTo>
                    <a:pt x="569" y="866"/>
                  </a:lnTo>
                  <a:lnTo>
                    <a:pt x="569" y="870"/>
                  </a:lnTo>
                  <a:lnTo>
                    <a:pt x="563" y="898"/>
                  </a:lnTo>
                  <a:lnTo>
                    <a:pt x="555" y="916"/>
                  </a:lnTo>
                  <a:lnTo>
                    <a:pt x="545" y="938"/>
                  </a:lnTo>
                  <a:lnTo>
                    <a:pt x="537" y="948"/>
                  </a:lnTo>
                  <a:lnTo>
                    <a:pt x="531" y="966"/>
                  </a:lnTo>
                  <a:lnTo>
                    <a:pt x="531" y="976"/>
                  </a:lnTo>
                  <a:lnTo>
                    <a:pt x="545" y="982"/>
                  </a:lnTo>
                  <a:lnTo>
                    <a:pt x="557" y="986"/>
                  </a:lnTo>
                  <a:lnTo>
                    <a:pt x="557" y="1008"/>
                  </a:lnTo>
                  <a:lnTo>
                    <a:pt x="561" y="1026"/>
                  </a:lnTo>
                  <a:lnTo>
                    <a:pt x="551" y="1046"/>
                  </a:lnTo>
                  <a:lnTo>
                    <a:pt x="535" y="1044"/>
                  </a:lnTo>
                  <a:lnTo>
                    <a:pt x="525" y="1040"/>
                  </a:lnTo>
                  <a:lnTo>
                    <a:pt x="501" y="1042"/>
                  </a:lnTo>
                  <a:lnTo>
                    <a:pt x="485" y="1048"/>
                  </a:lnTo>
                  <a:lnTo>
                    <a:pt x="473" y="1062"/>
                  </a:lnTo>
                  <a:lnTo>
                    <a:pt x="467" y="1072"/>
                  </a:lnTo>
                  <a:lnTo>
                    <a:pt x="465" y="1078"/>
                  </a:lnTo>
                  <a:lnTo>
                    <a:pt x="449" y="1106"/>
                  </a:lnTo>
                  <a:lnTo>
                    <a:pt x="451" y="1122"/>
                  </a:lnTo>
                  <a:lnTo>
                    <a:pt x="441" y="1150"/>
                  </a:lnTo>
                  <a:lnTo>
                    <a:pt x="453" y="1178"/>
                  </a:lnTo>
                  <a:lnTo>
                    <a:pt x="453" y="1192"/>
                  </a:lnTo>
                  <a:lnTo>
                    <a:pt x="445" y="1202"/>
                  </a:lnTo>
                  <a:lnTo>
                    <a:pt x="451" y="1212"/>
                  </a:lnTo>
                  <a:lnTo>
                    <a:pt x="449" y="1250"/>
                  </a:lnTo>
                  <a:lnTo>
                    <a:pt x="465" y="1282"/>
                  </a:lnTo>
                  <a:lnTo>
                    <a:pt x="457" y="1322"/>
                  </a:lnTo>
                  <a:lnTo>
                    <a:pt x="457" y="1356"/>
                  </a:lnTo>
                  <a:lnTo>
                    <a:pt x="473" y="1372"/>
                  </a:lnTo>
                  <a:lnTo>
                    <a:pt x="481" y="1376"/>
                  </a:lnTo>
                  <a:lnTo>
                    <a:pt x="499" y="1394"/>
                  </a:lnTo>
                  <a:lnTo>
                    <a:pt x="503" y="1406"/>
                  </a:lnTo>
                  <a:lnTo>
                    <a:pt x="499" y="1426"/>
                  </a:lnTo>
                  <a:lnTo>
                    <a:pt x="491" y="1440"/>
                  </a:lnTo>
                  <a:lnTo>
                    <a:pt x="471" y="1444"/>
                  </a:lnTo>
                  <a:lnTo>
                    <a:pt x="467" y="1458"/>
                  </a:lnTo>
                  <a:lnTo>
                    <a:pt x="471" y="1468"/>
                  </a:lnTo>
                  <a:lnTo>
                    <a:pt x="481" y="1498"/>
                  </a:lnTo>
                  <a:lnTo>
                    <a:pt x="489" y="1514"/>
                  </a:lnTo>
                  <a:lnTo>
                    <a:pt x="483" y="1536"/>
                  </a:lnTo>
                  <a:lnTo>
                    <a:pt x="481" y="1572"/>
                  </a:lnTo>
                  <a:lnTo>
                    <a:pt x="463" y="1592"/>
                  </a:lnTo>
                  <a:lnTo>
                    <a:pt x="447" y="1592"/>
                  </a:lnTo>
                  <a:lnTo>
                    <a:pt x="441" y="1598"/>
                  </a:lnTo>
                  <a:lnTo>
                    <a:pt x="445" y="1604"/>
                  </a:lnTo>
                  <a:lnTo>
                    <a:pt x="443" y="1624"/>
                  </a:lnTo>
                  <a:lnTo>
                    <a:pt x="433" y="1628"/>
                  </a:lnTo>
                  <a:lnTo>
                    <a:pt x="435" y="1648"/>
                  </a:lnTo>
                  <a:lnTo>
                    <a:pt x="441" y="1660"/>
                  </a:lnTo>
                  <a:lnTo>
                    <a:pt x="441" y="1686"/>
                  </a:lnTo>
                  <a:lnTo>
                    <a:pt x="439" y="1702"/>
                  </a:lnTo>
                  <a:lnTo>
                    <a:pt x="433" y="1720"/>
                  </a:lnTo>
                  <a:lnTo>
                    <a:pt x="425" y="1726"/>
                  </a:lnTo>
                  <a:lnTo>
                    <a:pt x="417" y="1716"/>
                  </a:lnTo>
                  <a:lnTo>
                    <a:pt x="415" y="1702"/>
                  </a:lnTo>
                  <a:lnTo>
                    <a:pt x="409" y="1694"/>
                  </a:lnTo>
                  <a:lnTo>
                    <a:pt x="393" y="1710"/>
                  </a:lnTo>
                  <a:lnTo>
                    <a:pt x="395" y="1694"/>
                  </a:lnTo>
                  <a:lnTo>
                    <a:pt x="381" y="1692"/>
                  </a:lnTo>
                  <a:lnTo>
                    <a:pt x="373" y="1682"/>
                  </a:lnTo>
                  <a:lnTo>
                    <a:pt x="365" y="1668"/>
                  </a:lnTo>
                  <a:lnTo>
                    <a:pt x="365" y="1652"/>
                  </a:lnTo>
                  <a:lnTo>
                    <a:pt x="363" y="1644"/>
                  </a:lnTo>
                  <a:lnTo>
                    <a:pt x="365" y="1632"/>
                  </a:lnTo>
                  <a:lnTo>
                    <a:pt x="371" y="1618"/>
                  </a:lnTo>
                  <a:lnTo>
                    <a:pt x="373" y="1606"/>
                  </a:lnTo>
                  <a:lnTo>
                    <a:pt x="367" y="1598"/>
                  </a:lnTo>
                  <a:lnTo>
                    <a:pt x="363" y="1606"/>
                  </a:lnTo>
                  <a:lnTo>
                    <a:pt x="359" y="1624"/>
                  </a:lnTo>
                  <a:lnTo>
                    <a:pt x="351" y="1634"/>
                  </a:lnTo>
                  <a:lnTo>
                    <a:pt x="343" y="1644"/>
                  </a:lnTo>
                  <a:lnTo>
                    <a:pt x="345" y="1652"/>
                  </a:lnTo>
                  <a:lnTo>
                    <a:pt x="353" y="1656"/>
                  </a:lnTo>
                  <a:lnTo>
                    <a:pt x="353" y="1672"/>
                  </a:lnTo>
                  <a:lnTo>
                    <a:pt x="347" y="1680"/>
                  </a:lnTo>
                  <a:lnTo>
                    <a:pt x="345" y="1690"/>
                  </a:lnTo>
                  <a:lnTo>
                    <a:pt x="337" y="1706"/>
                  </a:lnTo>
                  <a:lnTo>
                    <a:pt x="331" y="1710"/>
                  </a:lnTo>
                  <a:lnTo>
                    <a:pt x="325" y="1712"/>
                  </a:lnTo>
                  <a:lnTo>
                    <a:pt x="319" y="1716"/>
                  </a:lnTo>
                  <a:lnTo>
                    <a:pt x="313" y="1714"/>
                  </a:lnTo>
                  <a:lnTo>
                    <a:pt x="303" y="1708"/>
                  </a:lnTo>
                  <a:lnTo>
                    <a:pt x="297" y="1718"/>
                  </a:lnTo>
                  <a:lnTo>
                    <a:pt x="285" y="1730"/>
                  </a:lnTo>
                  <a:lnTo>
                    <a:pt x="279" y="1732"/>
                  </a:lnTo>
                  <a:lnTo>
                    <a:pt x="279" y="1740"/>
                  </a:lnTo>
                  <a:lnTo>
                    <a:pt x="268" y="1748"/>
                  </a:lnTo>
                  <a:lnTo>
                    <a:pt x="266" y="1754"/>
                  </a:lnTo>
                  <a:lnTo>
                    <a:pt x="258" y="1766"/>
                  </a:lnTo>
                  <a:lnTo>
                    <a:pt x="250" y="1766"/>
                  </a:lnTo>
                  <a:lnTo>
                    <a:pt x="244" y="1780"/>
                  </a:lnTo>
                  <a:lnTo>
                    <a:pt x="236" y="1786"/>
                  </a:lnTo>
                  <a:lnTo>
                    <a:pt x="230" y="1798"/>
                  </a:lnTo>
                  <a:lnTo>
                    <a:pt x="212" y="1810"/>
                  </a:lnTo>
                  <a:lnTo>
                    <a:pt x="192" y="1824"/>
                  </a:lnTo>
                  <a:lnTo>
                    <a:pt x="188" y="1816"/>
                  </a:lnTo>
                  <a:lnTo>
                    <a:pt x="180" y="1832"/>
                  </a:lnTo>
                  <a:lnTo>
                    <a:pt x="164" y="1834"/>
                  </a:lnTo>
                  <a:lnTo>
                    <a:pt x="148" y="1838"/>
                  </a:lnTo>
                  <a:lnTo>
                    <a:pt x="126" y="1836"/>
                  </a:lnTo>
                  <a:lnTo>
                    <a:pt x="122" y="1830"/>
                  </a:lnTo>
                  <a:lnTo>
                    <a:pt x="100" y="1830"/>
                  </a:lnTo>
                  <a:lnTo>
                    <a:pt x="88" y="1824"/>
                  </a:lnTo>
                  <a:lnTo>
                    <a:pt x="92" y="1814"/>
                  </a:lnTo>
                  <a:lnTo>
                    <a:pt x="98" y="1806"/>
                  </a:lnTo>
                  <a:lnTo>
                    <a:pt x="94" y="1804"/>
                  </a:lnTo>
                  <a:lnTo>
                    <a:pt x="84" y="1806"/>
                  </a:lnTo>
                  <a:lnTo>
                    <a:pt x="68" y="1796"/>
                  </a:lnTo>
                  <a:lnTo>
                    <a:pt x="48" y="1784"/>
                  </a:lnTo>
                  <a:lnTo>
                    <a:pt x="32" y="1768"/>
                  </a:lnTo>
                  <a:lnTo>
                    <a:pt x="18" y="1748"/>
                  </a:lnTo>
                  <a:lnTo>
                    <a:pt x="20" y="1724"/>
                  </a:lnTo>
                  <a:lnTo>
                    <a:pt x="26" y="1714"/>
                  </a:lnTo>
                  <a:lnTo>
                    <a:pt x="40" y="1714"/>
                  </a:lnTo>
                  <a:lnTo>
                    <a:pt x="54" y="1720"/>
                  </a:lnTo>
                  <a:lnTo>
                    <a:pt x="72" y="1706"/>
                  </a:lnTo>
                  <a:lnTo>
                    <a:pt x="62" y="1706"/>
                  </a:lnTo>
                  <a:lnTo>
                    <a:pt x="48" y="1700"/>
                  </a:lnTo>
                  <a:lnTo>
                    <a:pt x="50" y="1688"/>
                  </a:lnTo>
                  <a:lnTo>
                    <a:pt x="58" y="1680"/>
                  </a:lnTo>
                  <a:lnTo>
                    <a:pt x="72" y="1672"/>
                  </a:lnTo>
                  <a:lnTo>
                    <a:pt x="80" y="1668"/>
                  </a:lnTo>
                  <a:lnTo>
                    <a:pt x="72" y="1668"/>
                  </a:lnTo>
                  <a:lnTo>
                    <a:pt x="58" y="1666"/>
                  </a:lnTo>
                  <a:lnTo>
                    <a:pt x="54" y="1658"/>
                  </a:lnTo>
                  <a:lnTo>
                    <a:pt x="64" y="1648"/>
                  </a:lnTo>
                  <a:lnTo>
                    <a:pt x="68" y="1644"/>
                  </a:lnTo>
                  <a:lnTo>
                    <a:pt x="68" y="1636"/>
                  </a:lnTo>
                  <a:lnTo>
                    <a:pt x="56" y="1644"/>
                  </a:lnTo>
                  <a:lnTo>
                    <a:pt x="50" y="1652"/>
                  </a:lnTo>
                  <a:lnTo>
                    <a:pt x="48" y="1660"/>
                  </a:lnTo>
                  <a:lnTo>
                    <a:pt x="40" y="1666"/>
                  </a:lnTo>
                  <a:lnTo>
                    <a:pt x="32" y="1658"/>
                  </a:lnTo>
                  <a:lnTo>
                    <a:pt x="28" y="1662"/>
                  </a:lnTo>
                  <a:lnTo>
                    <a:pt x="22" y="1668"/>
                  </a:lnTo>
                  <a:lnTo>
                    <a:pt x="16" y="1676"/>
                  </a:lnTo>
                  <a:lnTo>
                    <a:pt x="6" y="1666"/>
                  </a:lnTo>
                  <a:lnTo>
                    <a:pt x="14" y="1658"/>
                  </a:lnTo>
                  <a:lnTo>
                    <a:pt x="4" y="1650"/>
                  </a:lnTo>
                  <a:lnTo>
                    <a:pt x="4" y="1640"/>
                  </a:lnTo>
                  <a:lnTo>
                    <a:pt x="16" y="1636"/>
                  </a:lnTo>
                  <a:lnTo>
                    <a:pt x="14" y="1618"/>
                  </a:lnTo>
                  <a:lnTo>
                    <a:pt x="16" y="1616"/>
                  </a:lnTo>
                  <a:lnTo>
                    <a:pt x="22" y="1612"/>
                  </a:lnTo>
                  <a:lnTo>
                    <a:pt x="30" y="1618"/>
                  </a:lnTo>
                  <a:lnTo>
                    <a:pt x="36" y="1622"/>
                  </a:lnTo>
                  <a:lnTo>
                    <a:pt x="46" y="1618"/>
                  </a:lnTo>
                  <a:lnTo>
                    <a:pt x="54" y="1614"/>
                  </a:lnTo>
                  <a:lnTo>
                    <a:pt x="64" y="1608"/>
                  </a:lnTo>
                  <a:lnTo>
                    <a:pt x="70" y="1602"/>
                  </a:lnTo>
                  <a:lnTo>
                    <a:pt x="54" y="1608"/>
                  </a:lnTo>
                  <a:lnTo>
                    <a:pt x="46" y="1602"/>
                  </a:lnTo>
                  <a:lnTo>
                    <a:pt x="40" y="1602"/>
                  </a:lnTo>
                  <a:lnTo>
                    <a:pt x="36" y="1592"/>
                  </a:lnTo>
                  <a:lnTo>
                    <a:pt x="42" y="1588"/>
                  </a:lnTo>
                  <a:lnTo>
                    <a:pt x="58" y="1578"/>
                  </a:lnTo>
                  <a:lnTo>
                    <a:pt x="68" y="1564"/>
                  </a:lnTo>
                  <a:lnTo>
                    <a:pt x="76" y="1560"/>
                  </a:lnTo>
                  <a:lnTo>
                    <a:pt x="70" y="1552"/>
                  </a:lnTo>
                  <a:lnTo>
                    <a:pt x="78" y="1542"/>
                  </a:lnTo>
                  <a:lnTo>
                    <a:pt x="84" y="1530"/>
                  </a:lnTo>
                  <a:lnTo>
                    <a:pt x="78" y="1528"/>
                  </a:lnTo>
                  <a:lnTo>
                    <a:pt x="68" y="1540"/>
                  </a:lnTo>
                  <a:lnTo>
                    <a:pt x="58" y="1548"/>
                  </a:lnTo>
                  <a:lnTo>
                    <a:pt x="56" y="1558"/>
                  </a:lnTo>
                  <a:lnTo>
                    <a:pt x="48" y="1566"/>
                  </a:lnTo>
                  <a:lnTo>
                    <a:pt x="42" y="1570"/>
                  </a:lnTo>
                  <a:lnTo>
                    <a:pt x="34" y="1578"/>
                  </a:lnTo>
                  <a:lnTo>
                    <a:pt x="32" y="1594"/>
                  </a:lnTo>
                  <a:lnTo>
                    <a:pt x="24" y="1582"/>
                  </a:lnTo>
                  <a:lnTo>
                    <a:pt x="26" y="1570"/>
                  </a:lnTo>
                  <a:lnTo>
                    <a:pt x="36" y="1560"/>
                  </a:lnTo>
                  <a:lnTo>
                    <a:pt x="36" y="1550"/>
                  </a:lnTo>
                  <a:lnTo>
                    <a:pt x="20" y="1550"/>
                  </a:lnTo>
                  <a:lnTo>
                    <a:pt x="16" y="1538"/>
                  </a:lnTo>
                  <a:lnTo>
                    <a:pt x="8" y="1530"/>
                  </a:lnTo>
                  <a:lnTo>
                    <a:pt x="12" y="1518"/>
                  </a:lnTo>
                  <a:lnTo>
                    <a:pt x="18" y="1508"/>
                  </a:lnTo>
                  <a:lnTo>
                    <a:pt x="22" y="1510"/>
                  </a:lnTo>
                  <a:lnTo>
                    <a:pt x="28" y="1514"/>
                  </a:lnTo>
                  <a:lnTo>
                    <a:pt x="34" y="1512"/>
                  </a:lnTo>
                  <a:lnTo>
                    <a:pt x="38" y="1510"/>
                  </a:lnTo>
                  <a:lnTo>
                    <a:pt x="24" y="1504"/>
                  </a:lnTo>
                  <a:lnTo>
                    <a:pt x="24" y="1496"/>
                  </a:lnTo>
                  <a:lnTo>
                    <a:pt x="34" y="1492"/>
                  </a:lnTo>
                  <a:lnTo>
                    <a:pt x="16" y="1498"/>
                  </a:lnTo>
                  <a:lnTo>
                    <a:pt x="8" y="1490"/>
                  </a:lnTo>
                  <a:lnTo>
                    <a:pt x="8" y="1476"/>
                  </a:lnTo>
                  <a:lnTo>
                    <a:pt x="14" y="1472"/>
                  </a:lnTo>
                  <a:lnTo>
                    <a:pt x="10" y="1468"/>
                  </a:lnTo>
                  <a:lnTo>
                    <a:pt x="22" y="1464"/>
                  </a:lnTo>
                  <a:lnTo>
                    <a:pt x="6" y="1462"/>
                  </a:lnTo>
                  <a:lnTo>
                    <a:pt x="0" y="1454"/>
                  </a:lnTo>
                  <a:lnTo>
                    <a:pt x="6" y="1444"/>
                  </a:lnTo>
                  <a:lnTo>
                    <a:pt x="2" y="1434"/>
                  </a:lnTo>
                  <a:lnTo>
                    <a:pt x="10" y="1430"/>
                  </a:lnTo>
                  <a:lnTo>
                    <a:pt x="22" y="1440"/>
                  </a:lnTo>
                  <a:lnTo>
                    <a:pt x="32" y="1438"/>
                  </a:lnTo>
                  <a:lnTo>
                    <a:pt x="42" y="1432"/>
                  </a:lnTo>
                  <a:lnTo>
                    <a:pt x="58" y="1432"/>
                  </a:lnTo>
                  <a:lnTo>
                    <a:pt x="72" y="1432"/>
                  </a:lnTo>
                  <a:lnTo>
                    <a:pt x="62" y="1424"/>
                  </a:lnTo>
                  <a:lnTo>
                    <a:pt x="48" y="1424"/>
                  </a:lnTo>
                  <a:lnTo>
                    <a:pt x="40" y="1428"/>
                  </a:lnTo>
                  <a:lnTo>
                    <a:pt x="28" y="1430"/>
                  </a:lnTo>
                  <a:lnTo>
                    <a:pt x="16" y="1420"/>
                  </a:lnTo>
                  <a:lnTo>
                    <a:pt x="10" y="1410"/>
                  </a:lnTo>
                  <a:lnTo>
                    <a:pt x="8" y="1402"/>
                  </a:lnTo>
                  <a:lnTo>
                    <a:pt x="22" y="1396"/>
                  </a:lnTo>
                  <a:lnTo>
                    <a:pt x="12" y="1394"/>
                  </a:lnTo>
                  <a:lnTo>
                    <a:pt x="6" y="1390"/>
                  </a:lnTo>
                  <a:lnTo>
                    <a:pt x="12" y="1384"/>
                  </a:lnTo>
                  <a:lnTo>
                    <a:pt x="16" y="1374"/>
                  </a:lnTo>
                  <a:lnTo>
                    <a:pt x="10" y="1364"/>
                  </a:lnTo>
                  <a:lnTo>
                    <a:pt x="8" y="1350"/>
                  </a:lnTo>
                  <a:lnTo>
                    <a:pt x="10" y="1346"/>
                  </a:lnTo>
                  <a:lnTo>
                    <a:pt x="12" y="1344"/>
                  </a:lnTo>
                  <a:lnTo>
                    <a:pt x="14" y="1344"/>
                  </a:lnTo>
                  <a:lnTo>
                    <a:pt x="20" y="1340"/>
                  </a:lnTo>
                  <a:lnTo>
                    <a:pt x="26" y="1336"/>
                  </a:lnTo>
                  <a:lnTo>
                    <a:pt x="22" y="1326"/>
                  </a:lnTo>
                  <a:lnTo>
                    <a:pt x="16" y="1318"/>
                  </a:lnTo>
                  <a:lnTo>
                    <a:pt x="26" y="1312"/>
                  </a:lnTo>
                  <a:lnTo>
                    <a:pt x="42" y="1308"/>
                  </a:lnTo>
                  <a:lnTo>
                    <a:pt x="38" y="1294"/>
                  </a:lnTo>
                  <a:lnTo>
                    <a:pt x="46" y="1288"/>
                  </a:lnTo>
                  <a:lnTo>
                    <a:pt x="56" y="1288"/>
                  </a:lnTo>
                  <a:lnTo>
                    <a:pt x="56" y="1276"/>
                  </a:lnTo>
                  <a:lnTo>
                    <a:pt x="64" y="1270"/>
                  </a:lnTo>
                  <a:lnTo>
                    <a:pt x="76" y="1284"/>
                  </a:lnTo>
                  <a:lnTo>
                    <a:pt x="82" y="1272"/>
                  </a:lnTo>
                  <a:lnTo>
                    <a:pt x="90" y="1262"/>
                  </a:lnTo>
                  <a:lnTo>
                    <a:pt x="100" y="1270"/>
                  </a:lnTo>
                  <a:lnTo>
                    <a:pt x="102" y="1280"/>
                  </a:lnTo>
                  <a:lnTo>
                    <a:pt x="106" y="1266"/>
                  </a:lnTo>
                  <a:lnTo>
                    <a:pt x="96" y="1254"/>
                  </a:lnTo>
                  <a:lnTo>
                    <a:pt x="102" y="1246"/>
                  </a:lnTo>
                  <a:lnTo>
                    <a:pt x="116" y="1250"/>
                  </a:lnTo>
                  <a:lnTo>
                    <a:pt x="130" y="1260"/>
                  </a:lnTo>
                  <a:lnTo>
                    <a:pt x="124" y="1252"/>
                  </a:lnTo>
                  <a:lnTo>
                    <a:pt x="112" y="1240"/>
                  </a:lnTo>
                  <a:lnTo>
                    <a:pt x="116" y="1230"/>
                  </a:lnTo>
                  <a:lnTo>
                    <a:pt x="118" y="1228"/>
                  </a:lnTo>
                  <a:lnTo>
                    <a:pt x="124" y="1222"/>
                  </a:lnTo>
                  <a:lnTo>
                    <a:pt x="132" y="1220"/>
                  </a:lnTo>
                  <a:lnTo>
                    <a:pt x="138" y="1218"/>
                  </a:lnTo>
                  <a:lnTo>
                    <a:pt x="148" y="1212"/>
                  </a:lnTo>
                  <a:lnTo>
                    <a:pt x="144" y="1206"/>
                  </a:lnTo>
                  <a:lnTo>
                    <a:pt x="132" y="1202"/>
                  </a:lnTo>
                  <a:lnTo>
                    <a:pt x="136" y="1190"/>
                  </a:lnTo>
                  <a:lnTo>
                    <a:pt x="150" y="1186"/>
                  </a:lnTo>
                  <a:lnTo>
                    <a:pt x="160" y="1184"/>
                  </a:lnTo>
                  <a:lnTo>
                    <a:pt x="172" y="1194"/>
                  </a:lnTo>
                  <a:lnTo>
                    <a:pt x="178" y="1190"/>
                  </a:lnTo>
                  <a:lnTo>
                    <a:pt x="194" y="1194"/>
                  </a:lnTo>
                  <a:lnTo>
                    <a:pt x="200" y="1192"/>
                  </a:lnTo>
                  <a:lnTo>
                    <a:pt x="206" y="1202"/>
                  </a:lnTo>
                  <a:lnTo>
                    <a:pt x="216" y="1212"/>
                  </a:lnTo>
                  <a:lnTo>
                    <a:pt x="212" y="1198"/>
                  </a:lnTo>
                  <a:lnTo>
                    <a:pt x="206" y="1186"/>
                  </a:lnTo>
                  <a:lnTo>
                    <a:pt x="200" y="1178"/>
                  </a:lnTo>
                  <a:lnTo>
                    <a:pt x="214" y="1180"/>
                  </a:lnTo>
                  <a:lnTo>
                    <a:pt x="232" y="1190"/>
                  </a:lnTo>
                  <a:lnTo>
                    <a:pt x="214" y="1172"/>
                  </a:lnTo>
                  <a:lnTo>
                    <a:pt x="206" y="1158"/>
                  </a:lnTo>
                  <a:lnTo>
                    <a:pt x="218" y="1154"/>
                  </a:lnTo>
                  <a:lnTo>
                    <a:pt x="236" y="1164"/>
                  </a:lnTo>
                  <a:lnTo>
                    <a:pt x="232" y="1150"/>
                  </a:lnTo>
                  <a:lnTo>
                    <a:pt x="230" y="1146"/>
                  </a:lnTo>
                  <a:lnTo>
                    <a:pt x="232" y="1144"/>
                  </a:lnTo>
                  <a:lnTo>
                    <a:pt x="234" y="1140"/>
                  </a:lnTo>
                  <a:lnTo>
                    <a:pt x="242" y="1136"/>
                  </a:lnTo>
                  <a:lnTo>
                    <a:pt x="240" y="1126"/>
                  </a:lnTo>
                  <a:lnTo>
                    <a:pt x="224" y="1130"/>
                  </a:lnTo>
                  <a:lnTo>
                    <a:pt x="216" y="1116"/>
                  </a:lnTo>
                  <a:lnTo>
                    <a:pt x="216" y="1106"/>
                  </a:lnTo>
                  <a:lnTo>
                    <a:pt x="222" y="1098"/>
                  </a:lnTo>
                  <a:lnTo>
                    <a:pt x="236" y="1092"/>
                  </a:lnTo>
                  <a:lnTo>
                    <a:pt x="246" y="1080"/>
                  </a:lnTo>
                  <a:lnTo>
                    <a:pt x="254" y="1082"/>
                  </a:lnTo>
                  <a:lnTo>
                    <a:pt x="250" y="1096"/>
                  </a:lnTo>
                  <a:lnTo>
                    <a:pt x="256" y="1106"/>
                  </a:lnTo>
                  <a:lnTo>
                    <a:pt x="262" y="1110"/>
                  </a:lnTo>
                  <a:lnTo>
                    <a:pt x="262" y="1120"/>
                  </a:lnTo>
                  <a:lnTo>
                    <a:pt x="273" y="1128"/>
                  </a:lnTo>
                  <a:lnTo>
                    <a:pt x="279" y="1118"/>
                  </a:lnTo>
                  <a:lnTo>
                    <a:pt x="295" y="1112"/>
                  </a:lnTo>
                  <a:lnTo>
                    <a:pt x="303" y="1100"/>
                  </a:lnTo>
                  <a:lnTo>
                    <a:pt x="317" y="1094"/>
                  </a:lnTo>
                  <a:lnTo>
                    <a:pt x="301" y="1092"/>
                  </a:lnTo>
                  <a:lnTo>
                    <a:pt x="307" y="1076"/>
                  </a:lnTo>
                  <a:lnTo>
                    <a:pt x="325" y="1068"/>
                  </a:lnTo>
                  <a:lnTo>
                    <a:pt x="319" y="1052"/>
                  </a:lnTo>
                  <a:lnTo>
                    <a:pt x="331" y="1040"/>
                  </a:lnTo>
                  <a:lnTo>
                    <a:pt x="345" y="1020"/>
                  </a:lnTo>
                  <a:lnTo>
                    <a:pt x="347" y="1002"/>
                  </a:lnTo>
                  <a:lnTo>
                    <a:pt x="367" y="994"/>
                  </a:lnTo>
                  <a:lnTo>
                    <a:pt x="377" y="986"/>
                  </a:lnTo>
                  <a:lnTo>
                    <a:pt x="391" y="992"/>
                  </a:lnTo>
                  <a:lnTo>
                    <a:pt x="407" y="994"/>
                  </a:lnTo>
                  <a:lnTo>
                    <a:pt x="401" y="974"/>
                  </a:lnTo>
                  <a:lnTo>
                    <a:pt x="397" y="962"/>
                  </a:lnTo>
                  <a:lnTo>
                    <a:pt x="411" y="954"/>
                  </a:lnTo>
                  <a:lnTo>
                    <a:pt x="415" y="940"/>
                  </a:lnTo>
                  <a:lnTo>
                    <a:pt x="401" y="940"/>
                  </a:lnTo>
                  <a:lnTo>
                    <a:pt x="411" y="926"/>
                  </a:lnTo>
                  <a:lnTo>
                    <a:pt x="423" y="914"/>
                  </a:lnTo>
                  <a:lnTo>
                    <a:pt x="439" y="908"/>
                  </a:lnTo>
                  <a:lnTo>
                    <a:pt x="451" y="908"/>
                  </a:lnTo>
                  <a:lnTo>
                    <a:pt x="457" y="900"/>
                  </a:lnTo>
                  <a:lnTo>
                    <a:pt x="453" y="888"/>
                  </a:lnTo>
                  <a:lnTo>
                    <a:pt x="449" y="884"/>
                  </a:lnTo>
                  <a:lnTo>
                    <a:pt x="439" y="872"/>
                  </a:lnTo>
                  <a:lnTo>
                    <a:pt x="443" y="862"/>
                  </a:lnTo>
                  <a:lnTo>
                    <a:pt x="443" y="850"/>
                  </a:lnTo>
                  <a:lnTo>
                    <a:pt x="449" y="836"/>
                  </a:lnTo>
                  <a:lnTo>
                    <a:pt x="461" y="824"/>
                  </a:lnTo>
                  <a:lnTo>
                    <a:pt x="461" y="808"/>
                  </a:lnTo>
                  <a:lnTo>
                    <a:pt x="457" y="794"/>
                  </a:lnTo>
                  <a:lnTo>
                    <a:pt x="471" y="790"/>
                  </a:lnTo>
                  <a:lnTo>
                    <a:pt x="479" y="786"/>
                  </a:lnTo>
                  <a:lnTo>
                    <a:pt x="471" y="774"/>
                  </a:lnTo>
                  <a:lnTo>
                    <a:pt x="477" y="764"/>
                  </a:lnTo>
                  <a:lnTo>
                    <a:pt x="489" y="762"/>
                  </a:lnTo>
                  <a:lnTo>
                    <a:pt x="501" y="754"/>
                  </a:lnTo>
                  <a:lnTo>
                    <a:pt x="515" y="754"/>
                  </a:lnTo>
                  <a:lnTo>
                    <a:pt x="505" y="748"/>
                  </a:lnTo>
                  <a:lnTo>
                    <a:pt x="489" y="746"/>
                  </a:lnTo>
                  <a:lnTo>
                    <a:pt x="485" y="732"/>
                  </a:lnTo>
                  <a:lnTo>
                    <a:pt x="489" y="716"/>
                  </a:lnTo>
                  <a:lnTo>
                    <a:pt x="499" y="716"/>
                  </a:lnTo>
                  <a:lnTo>
                    <a:pt x="513" y="716"/>
                  </a:lnTo>
                  <a:lnTo>
                    <a:pt x="515" y="706"/>
                  </a:lnTo>
                  <a:lnTo>
                    <a:pt x="499" y="706"/>
                  </a:lnTo>
                  <a:lnTo>
                    <a:pt x="497" y="692"/>
                  </a:lnTo>
                  <a:lnTo>
                    <a:pt x="507" y="686"/>
                  </a:lnTo>
                  <a:lnTo>
                    <a:pt x="523" y="684"/>
                  </a:lnTo>
                  <a:lnTo>
                    <a:pt x="511" y="672"/>
                  </a:lnTo>
                  <a:lnTo>
                    <a:pt x="509" y="664"/>
                  </a:lnTo>
                  <a:lnTo>
                    <a:pt x="511" y="660"/>
                  </a:lnTo>
                  <a:lnTo>
                    <a:pt x="513" y="658"/>
                  </a:lnTo>
                  <a:lnTo>
                    <a:pt x="523" y="654"/>
                  </a:lnTo>
                  <a:lnTo>
                    <a:pt x="531" y="650"/>
                  </a:lnTo>
                  <a:lnTo>
                    <a:pt x="543" y="648"/>
                  </a:lnTo>
                  <a:lnTo>
                    <a:pt x="555" y="642"/>
                  </a:lnTo>
                  <a:lnTo>
                    <a:pt x="541" y="632"/>
                  </a:lnTo>
                  <a:lnTo>
                    <a:pt x="543" y="624"/>
                  </a:lnTo>
                  <a:lnTo>
                    <a:pt x="555" y="620"/>
                  </a:lnTo>
                  <a:lnTo>
                    <a:pt x="581" y="618"/>
                  </a:lnTo>
                  <a:lnTo>
                    <a:pt x="593" y="608"/>
                  </a:lnTo>
                  <a:lnTo>
                    <a:pt x="583" y="608"/>
                  </a:lnTo>
                  <a:lnTo>
                    <a:pt x="571" y="610"/>
                  </a:lnTo>
                  <a:lnTo>
                    <a:pt x="559" y="612"/>
                  </a:lnTo>
                  <a:lnTo>
                    <a:pt x="549" y="612"/>
                  </a:lnTo>
                  <a:lnTo>
                    <a:pt x="557" y="592"/>
                  </a:lnTo>
                  <a:lnTo>
                    <a:pt x="569" y="588"/>
                  </a:lnTo>
                  <a:lnTo>
                    <a:pt x="579" y="576"/>
                  </a:lnTo>
                  <a:lnTo>
                    <a:pt x="591" y="570"/>
                  </a:lnTo>
                  <a:lnTo>
                    <a:pt x="591" y="558"/>
                  </a:lnTo>
                  <a:lnTo>
                    <a:pt x="599" y="550"/>
                  </a:lnTo>
                  <a:lnTo>
                    <a:pt x="603" y="542"/>
                  </a:lnTo>
                  <a:lnTo>
                    <a:pt x="599" y="534"/>
                  </a:lnTo>
                  <a:lnTo>
                    <a:pt x="589" y="544"/>
                  </a:lnTo>
                  <a:lnTo>
                    <a:pt x="583" y="554"/>
                  </a:lnTo>
                  <a:lnTo>
                    <a:pt x="567" y="560"/>
                  </a:lnTo>
                  <a:lnTo>
                    <a:pt x="573" y="548"/>
                  </a:lnTo>
                  <a:lnTo>
                    <a:pt x="571" y="540"/>
                  </a:lnTo>
                  <a:lnTo>
                    <a:pt x="569" y="534"/>
                  </a:lnTo>
                  <a:lnTo>
                    <a:pt x="581" y="528"/>
                  </a:lnTo>
                  <a:lnTo>
                    <a:pt x="575" y="520"/>
                  </a:lnTo>
                  <a:lnTo>
                    <a:pt x="579" y="514"/>
                  </a:lnTo>
                  <a:lnTo>
                    <a:pt x="591" y="518"/>
                  </a:lnTo>
                  <a:lnTo>
                    <a:pt x="601" y="514"/>
                  </a:lnTo>
                  <a:lnTo>
                    <a:pt x="593" y="508"/>
                  </a:lnTo>
                  <a:lnTo>
                    <a:pt x="593" y="496"/>
                  </a:lnTo>
                  <a:lnTo>
                    <a:pt x="599" y="488"/>
                  </a:lnTo>
                  <a:lnTo>
                    <a:pt x="615" y="494"/>
                  </a:lnTo>
                  <a:lnTo>
                    <a:pt x="621" y="478"/>
                  </a:lnTo>
                  <a:lnTo>
                    <a:pt x="631" y="482"/>
                  </a:lnTo>
                  <a:lnTo>
                    <a:pt x="635" y="500"/>
                  </a:lnTo>
                  <a:lnTo>
                    <a:pt x="645" y="496"/>
                  </a:lnTo>
                  <a:lnTo>
                    <a:pt x="645" y="488"/>
                  </a:lnTo>
                  <a:lnTo>
                    <a:pt x="647" y="482"/>
                  </a:lnTo>
                  <a:lnTo>
                    <a:pt x="649" y="478"/>
                  </a:lnTo>
                  <a:lnTo>
                    <a:pt x="651" y="474"/>
                  </a:lnTo>
                  <a:lnTo>
                    <a:pt x="651" y="470"/>
                  </a:lnTo>
                  <a:lnTo>
                    <a:pt x="641" y="466"/>
                  </a:lnTo>
                  <a:lnTo>
                    <a:pt x="633" y="456"/>
                  </a:lnTo>
                  <a:lnTo>
                    <a:pt x="643" y="448"/>
                  </a:lnTo>
                  <a:lnTo>
                    <a:pt x="659" y="452"/>
                  </a:lnTo>
                  <a:lnTo>
                    <a:pt x="675" y="450"/>
                  </a:lnTo>
                  <a:lnTo>
                    <a:pt x="689" y="450"/>
                  </a:lnTo>
                  <a:lnTo>
                    <a:pt x="689" y="436"/>
                  </a:lnTo>
                  <a:lnTo>
                    <a:pt x="673" y="438"/>
                  </a:lnTo>
                  <a:lnTo>
                    <a:pt x="651" y="442"/>
                  </a:lnTo>
                  <a:lnTo>
                    <a:pt x="641" y="428"/>
                  </a:lnTo>
                  <a:lnTo>
                    <a:pt x="645" y="418"/>
                  </a:lnTo>
                  <a:lnTo>
                    <a:pt x="653" y="410"/>
                  </a:lnTo>
                  <a:lnTo>
                    <a:pt x="673" y="408"/>
                  </a:lnTo>
                  <a:lnTo>
                    <a:pt x="667" y="392"/>
                  </a:lnTo>
                  <a:lnTo>
                    <a:pt x="681" y="402"/>
                  </a:lnTo>
                  <a:lnTo>
                    <a:pt x="685" y="394"/>
                  </a:lnTo>
                  <a:lnTo>
                    <a:pt x="679" y="382"/>
                  </a:lnTo>
                  <a:lnTo>
                    <a:pt x="695" y="380"/>
                  </a:lnTo>
                  <a:lnTo>
                    <a:pt x="691" y="370"/>
                  </a:lnTo>
                  <a:lnTo>
                    <a:pt x="691" y="360"/>
                  </a:lnTo>
                  <a:lnTo>
                    <a:pt x="703" y="354"/>
                  </a:lnTo>
                  <a:lnTo>
                    <a:pt x="701" y="342"/>
                  </a:lnTo>
                  <a:lnTo>
                    <a:pt x="711" y="346"/>
                  </a:lnTo>
                  <a:lnTo>
                    <a:pt x="707" y="318"/>
                  </a:lnTo>
                  <a:lnTo>
                    <a:pt x="713" y="308"/>
                  </a:lnTo>
                  <a:lnTo>
                    <a:pt x="723" y="304"/>
                  </a:lnTo>
                  <a:lnTo>
                    <a:pt x="725" y="294"/>
                  </a:lnTo>
                  <a:lnTo>
                    <a:pt x="717" y="280"/>
                  </a:lnTo>
                  <a:lnTo>
                    <a:pt x="713" y="268"/>
                  </a:lnTo>
                  <a:lnTo>
                    <a:pt x="723" y="252"/>
                  </a:lnTo>
                  <a:lnTo>
                    <a:pt x="739" y="248"/>
                  </a:lnTo>
                  <a:lnTo>
                    <a:pt x="751" y="250"/>
                  </a:lnTo>
                  <a:lnTo>
                    <a:pt x="763" y="246"/>
                  </a:lnTo>
                  <a:lnTo>
                    <a:pt x="771" y="244"/>
                  </a:lnTo>
                  <a:lnTo>
                    <a:pt x="777" y="254"/>
                  </a:lnTo>
                  <a:lnTo>
                    <a:pt x="783" y="274"/>
                  </a:lnTo>
                  <a:lnTo>
                    <a:pt x="789" y="268"/>
                  </a:lnTo>
                  <a:lnTo>
                    <a:pt x="791" y="242"/>
                  </a:lnTo>
                  <a:lnTo>
                    <a:pt x="795" y="226"/>
                  </a:lnTo>
                  <a:lnTo>
                    <a:pt x="805" y="222"/>
                  </a:lnTo>
                  <a:lnTo>
                    <a:pt x="809" y="226"/>
                  </a:lnTo>
                  <a:lnTo>
                    <a:pt x="809" y="246"/>
                  </a:lnTo>
                  <a:lnTo>
                    <a:pt x="807" y="262"/>
                  </a:lnTo>
                  <a:lnTo>
                    <a:pt x="813" y="276"/>
                  </a:lnTo>
                  <a:lnTo>
                    <a:pt x="819" y="270"/>
                  </a:lnTo>
                  <a:lnTo>
                    <a:pt x="819" y="250"/>
                  </a:lnTo>
                  <a:lnTo>
                    <a:pt x="827" y="238"/>
                  </a:lnTo>
                  <a:lnTo>
                    <a:pt x="829" y="228"/>
                  </a:lnTo>
                  <a:lnTo>
                    <a:pt x="833" y="218"/>
                  </a:lnTo>
                  <a:lnTo>
                    <a:pt x="825" y="212"/>
                  </a:lnTo>
                  <a:lnTo>
                    <a:pt x="827" y="202"/>
                  </a:lnTo>
                  <a:lnTo>
                    <a:pt x="837" y="204"/>
                  </a:lnTo>
                  <a:lnTo>
                    <a:pt x="841" y="212"/>
                  </a:lnTo>
                  <a:lnTo>
                    <a:pt x="847" y="226"/>
                  </a:lnTo>
                  <a:lnTo>
                    <a:pt x="849" y="216"/>
                  </a:lnTo>
                  <a:lnTo>
                    <a:pt x="849" y="206"/>
                  </a:lnTo>
                  <a:lnTo>
                    <a:pt x="859" y="204"/>
                  </a:lnTo>
                  <a:lnTo>
                    <a:pt x="863" y="212"/>
                  </a:lnTo>
                  <a:lnTo>
                    <a:pt x="877" y="222"/>
                  </a:lnTo>
                  <a:lnTo>
                    <a:pt x="879" y="212"/>
                  </a:lnTo>
                  <a:lnTo>
                    <a:pt x="881" y="192"/>
                  </a:lnTo>
                  <a:lnTo>
                    <a:pt x="871" y="196"/>
                  </a:lnTo>
                  <a:lnTo>
                    <a:pt x="855" y="190"/>
                  </a:lnTo>
                  <a:lnTo>
                    <a:pt x="843" y="184"/>
                  </a:lnTo>
                  <a:lnTo>
                    <a:pt x="843" y="176"/>
                  </a:lnTo>
                  <a:lnTo>
                    <a:pt x="855" y="168"/>
                  </a:lnTo>
                  <a:lnTo>
                    <a:pt x="865" y="172"/>
                  </a:lnTo>
                  <a:lnTo>
                    <a:pt x="871" y="166"/>
                  </a:lnTo>
                  <a:lnTo>
                    <a:pt x="877" y="162"/>
                  </a:lnTo>
                  <a:lnTo>
                    <a:pt x="891" y="166"/>
                  </a:lnTo>
                  <a:lnTo>
                    <a:pt x="901" y="164"/>
                  </a:lnTo>
                  <a:lnTo>
                    <a:pt x="899" y="152"/>
                  </a:lnTo>
                  <a:lnTo>
                    <a:pt x="909" y="146"/>
                  </a:lnTo>
                  <a:lnTo>
                    <a:pt x="917" y="154"/>
                  </a:lnTo>
                  <a:lnTo>
                    <a:pt x="919" y="168"/>
                  </a:lnTo>
                  <a:lnTo>
                    <a:pt x="933" y="174"/>
                  </a:lnTo>
                  <a:lnTo>
                    <a:pt x="937" y="168"/>
                  </a:lnTo>
                  <a:lnTo>
                    <a:pt x="935" y="154"/>
                  </a:lnTo>
                  <a:lnTo>
                    <a:pt x="927" y="146"/>
                  </a:lnTo>
                  <a:lnTo>
                    <a:pt x="917" y="136"/>
                  </a:lnTo>
                  <a:lnTo>
                    <a:pt x="921" y="122"/>
                  </a:lnTo>
                  <a:lnTo>
                    <a:pt x="923" y="120"/>
                  </a:lnTo>
                  <a:lnTo>
                    <a:pt x="925" y="118"/>
                  </a:lnTo>
                  <a:lnTo>
                    <a:pt x="929" y="116"/>
                  </a:lnTo>
                  <a:lnTo>
                    <a:pt x="941" y="116"/>
                  </a:lnTo>
                  <a:lnTo>
                    <a:pt x="937" y="104"/>
                  </a:lnTo>
                  <a:lnTo>
                    <a:pt x="937" y="92"/>
                  </a:lnTo>
                  <a:lnTo>
                    <a:pt x="943" y="92"/>
                  </a:lnTo>
                  <a:lnTo>
                    <a:pt x="961" y="96"/>
                  </a:lnTo>
                  <a:lnTo>
                    <a:pt x="971" y="96"/>
                  </a:lnTo>
                  <a:lnTo>
                    <a:pt x="983" y="94"/>
                  </a:lnTo>
                  <a:lnTo>
                    <a:pt x="985" y="86"/>
                  </a:lnTo>
                  <a:lnTo>
                    <a:pt x="971" y="82"/>
                  </a:lnTo>
                  <a:lnTo>
                    <a:pt x="965" y="76"/>
                  </a:lnTo>
                  <a:lnTo>
                    <a:pt x="969" y="64"/>
                  </a:lnTo>
                  <a:lnTo>
                    <a:pt x="987" y="68"/>
                  </a:lnTo>
                  <a:lnTo>
                    <a:pt x="983" y="58"/>
                  </a:lnTo>
                  <a:lnTo>
                    <a:pt x="973" y="50"/>
                  </a:lnTo>
                  <a:lnTo>
                    <a:pt x="975" y="50"/>
                  </a:lnTo>
                  <a:lnTo>
                    <a:pt x="979" y="46"/>
                  </a:lnTo>
                  <a:lnTo>
                    <a:pt x="977" y="38"/>
                  </a:lnTo>
                  <a:lnTo>
                    <a:pt x="977" y="36"/>
                  </a:lnTo>
                  <a:lnTo>
                    <a:pt x="981" y="32"/>
                  </a:lnTo>
                  <a:lnTo>
                    <a:pt x="981" y="34"/>
                  </a:lnTo>
                  <a:lnTo>
                    <a:pt x="983" y="36"/>
                  </a:lnTo>
                  <a:lnTo>
                    <a:pt x="983" y="42"/>
                  </a:lnTo>
                  <a:lnTo>
                    <a:pt x="981" y="50"/>
                  </a:lnTo>
                  <a:lnTo>
                    <a:pt x="997" y="50"/>
                  </a:lnTo>
                  <a:lnTo>
                    <a:pt x="1005" y="54"/>
                  </a:lnTo>
                  <a:lnTo>
                    <a:pt x="1019" y="54"/>
                  </a:lnTo>
                  <a:lnTo>
                    <a:pt x="1015" y="40"/>
                  </a:lnTo>
                  <a:lnTo>
                    <a:pt x="1011" y="34"/>
                  </a:lnTo>
                  <a:lnTo>
                    <a:pt x="1007" y="26"/>
                  </a:lnTo>
                  <a:lnTo>
                    <a:pt x="1013" y="20"/>
                  </a:lnTo>
                  <a:lnTo>
                    <a:pt x="1015" y="14"/>
                  </a:lnTo>
                  <a:lnTo>
                    <a:pt x="1023" y="10"/>
                  </a:lnTo>
                  <a:lnTo>
                    <a:pt x="1035" y="16"/>
                  </a:lnTo>
                  <a:lnTo>
                    <a:pt x="1039" y="26"/>
                  </a:lnTo>
                  <a:lnTo>
                    <a:pt x="1047" y="30"/>
                  </a:lnTo>
                  <a:lnTo>
                    <a:pt x="1041" y="36"/>
                  </a:lnTo>
                  <a:lnTo>
                    <a:pt x="1027" y="42"/>
                  </a:lnTo>
                  <a:lnTo>
                    <a:pt x="1033" y="46"/>
                  </a:lnTo>
                  <a:lnTo>
                    <a:pt x="1037" y="50"/>
                  </a:lnTo>
                  <a:lnTo>
                    <a:pt x="1033" y="62"/>
                  </a:lnTo>
                  <a:lnTo>
                    <a:pt x="1033" y="72"/>
                  </a:lnTo>
                  <a:lnTo>
                    <a:pt x="1025" y="84"/>
                  </a:lnTo>
                  <a:lnTo>
                    <a:pt x="1021" y="94"/>
                  </a:lnTo>
                  <a:lnTo>
                    <a:pt x="1017" y="112"/>
                  </a:lnTo>
                  <a:lnTo>
                    <a:pt x="1023" y="118"/>
                  </a:lnTo>
                  <a:lnTo>
                    <a:pt x="1019" y="130"/>
                  </a:lnTo>
                  <a:lnTo>
                    <a:pt x="1019" y="140"/>
                  </a:lnTo>
                  <a:lnTo>
                    <a:pt x="1015" y="144"/>
                  </a:lnTo>
                  <a:lnTo>
                    <a:pt x="1013" y="148"/>
                  </a:lnTo>
                  <a:lnTo>
                    <a:pt x="1015" y="150"/>
                  </a:lnTo>
                  <a:lnTo>
                    <a:pt x="1019" y="156"/>
                  </a:lnTo>
                  <a:lnTo>
                    <a:pt x="1025" y="160"/>
                  </a:lnTo>
                  <a:lnTo>
                    <a:pt x="1031" y="144"/>
                  </a:lnTo>
                  <a:lnTo>
                    <a:pt x="1035" y="128"/>
                  </a:lnTo>
                  <a:lnTo>
                    <a:pt x="1037" y="104"/>
                  </a:lnTo>
                  <a:lnTo>
                    <a:pt x="1045" y="92"/>
                  </a:lnTo>
                  <a:lnTo>
                    <a:pt x="1051" y="76"/>
                  </a:lnTo>
                  <a:lnTo>
                    <a:pt x="1049" y="62"/>
                  </a:lnTo>
                  <a:lnTo>
                    <a:pt x="1053" y="56"/>
                  </a:lnTo>
                  <a:lnTo>
                    <a:pt x="1055" y="48"/>
                  </a:lnTo>
                  <a:close/>
                </a:path>
              </a:pathLst>
            </a:custGeom>
            <a:solidFill>
              <a:srgbClr val="FF66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76" name="Freeform 102"/>
            <p:cNvSpPr>
              <a:spLocks/>
            </p:cNvSpPr>
            <p:nvPr/>
          </p:nvSpPr>
          <p:spPr bwMode="auto">
            <a:xfrm>
              <a:off x="2541" y="783"/>
              <a:ext cx="54" cy="72"/>
            </a:xfrm>
            <a:custGeom>
              <a:avLst/>
              <a:gdLst>
                <a:gd name="T0" fmla="*/ 24 w 54"/>
                <a:gd name="T1" fmla="*/ 6 h 72"/>
                <a:gd name="T2" fmla="*/ 36 w 54"/>
                <a:gd name="T3" fmla="*/ 8 h 72"/>
                <a:gd name="T4" fmla="*/ 44 w 54"/>
                <a:gd name="T5" fmla="*/ 0 h 72"/>
                <a:gd name="T6" fmla="*/ 52 w 54"/>
                <a:gd name="T7" fmla="*/ 6 h 72"/>
                <a:gd name="T8" fmla="*/ 54 w 54"/>
                <a:gd name="T9" fmla="*/ 18 h 72"/>
                <a:gd name="T10" fmla="*/ 54 w 54"/>
                <a:gd name="T11" fmla="*/ 30 h 72"/>
                <a:gd name="T12" fmla="*/ 54 w 54"/>
                <a:gd name="T13" fmla="*/ 40 h 72"/>
                <a:gd name="T14" fmla="*/ 52 w 54"/>
                <a:gd name="T15" fmla="*/ 44 h 72"/>
                <a:gd name="T16" fmla="*/ 50 w 54"/>
                <a:gd name="T17" fmla="*/ 48 h 72"/>
                <a:gd name="T18" fmla="*/ 48 w 54"/>
                <a:gd name="T19" fmla="*/ 48 h 72"/>
                <a:gd name="T20" fmla="*/ 36 w 54"/>
                <a:gd name="T21" fmla="*/ 52 h 72"/>
                <a:gd name="T22" fmla="*/ 32 w 54"/>
                <a:gd name="T23" fmla="*/ 58 h 72"/>
                <a:gd name="T24" fmla="*/ 22 w 54"/>
                <a:gd name="T25" fmla="*/ 68 h 72"/>
                <a:gd name="T26" fmla="*/ 12 w 54"/>
                <a:gd name="T27" fmla="*/ 72 h 72"/>
                <a:gd name="T28" fmla="*/ 0 w 54"/>
                <a:gd name="T29" fmla="*/ 62 h 72"/>
                <a:gd name="T30" fmla="*/ 10 w 54"/>
                <a:gd name="T31" fmla="*/ 50 h 72"/>
                <a:gd name="T32" fmla="*/ 16 w 54"/>
                <a:gd name="T33" fmla="*/ 40 h 72"/>
                <a:gd name="T34" fmla="*/ 10 w 54"/>
                <a:gd name="T35" fmla="*/ 30 h 72"/>
                <a:gd name="T36" fmla="*/ 22 w 54"/>
                <a:gd name="T37" fmla="*/ 20 h 72"/>
                <a:gd name="T38" fmla="*/ 18 w 54"/>
                <a:gd name="T39" fmla="*/ 12 h 72"/>
                <a:gd name="T40" fmla="*/ 24 w 54"/>
                <a:gd name="T41" fmla="*/ 6 h 72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0" t="0" r="r" b="b"/>
              <a:pathLst>
                <a:path w="54" h="72">
                  <a:moveTo>
                    <a:pt x="24" y="6"/>
                  </a:moveTo>
                  <a:lnTo>
                    <a:pt x="36" y="8"/>
                  </a:lnTo>
                  <a:lnTo>
                    <a:pt x="44" y="0"/>
                  </a:lnTo>
                  <a:lnTo>
                    <a:pt x="52" y="6"/>
                  </a:lnTo>
                  <a:lnTo>
                    <a:pt x="54" y="18"/>
                  </a:lnTo>
                  <a:lnTo>
                    <a:pt x="54" y="30"/>
                  </a:lnTo>
                  <a:lnTo>
                    <a:pt x="54" y="40"/>
                  </a:lnTo>
                  <a:lnTo>
                    <a:pt x="52" y="44"/>
                  </a:lnTo>
                  <a:lnTo>
                    <a:pt x="50" y="48"/>
                  </a:lnTo>
                  <a:lnTo>
                    <a:pt x="48" y="48"/>
                  </a:lnTo>
                  <a:lnTo>
                    <a:pt x="36" y="52"/>
                  </a:lnTo>
                  <a:lnTo>
                    <a:pt x="32" y="58"/>
                  </a:lnTo>
                  <a:lnTo>
                    <a:pt x="22" y="68"/>
                  </a:lnTo>
                  <a:lnTo>
                    <a:pt x="12" y="72"/>
                  </a:lnTo>
                  <a:lnTo>
                    <a:pt x="0" y="62"/>
                  </a:lnTo>
                  <a:lnTo>
                    <a:pt x="10" y="50"/>
                  </a:lnTo>
                  <a:lnTo>
                    <a:pt x="16" y="40"/>
                  </a:lnTo>
                  <a:lnTo>
                    <a:pt x="10" y="30"/>
                  </a:lnTo>
                  <a:lnTo>
                    <a:pt x="22" y="20"/>
                  </a:lnTo>
                  <a:lnTo>
                    <a:pt x="18" y="12"/>
                  </a:lnTo>
                  <a:lnTo>
                    <a:pt x="24" y="6"/>
                  </a:lnTo>
                  <a:close/>
                </a:path>
              </a:pathLst>
            </a:custGeom>
            <a:solidFill>
              <a:srgbClr val="FF66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77" name="Freeform 103"/>
            <p:cNvSpPr>
              <a:spLocks/>
            </p:cNvSpPr>
            <p:nvPr/>
          </p:nvSpPr>
          <p:spPr bwMode="auto">
            <a:xfrm>
              <a:off x="2349" y="827"/>
              <a:ext cx="186" cy="208"/>
            </a:xfrm>
            <a:custGeom>
              <a:avLst/>
              <a:gdLst>
                <a:gd name="T0" fmla="*/ 170 w 186"/>
                <a:gd name="T1" fmla="*/ 102 h 208"/>
                <a:gd name="T2" fmla="*/ 168 w 186"/>
                <a:gd name="T3" fmla="*/ 116 h 208"/>
                <a:gd name="T4" fmla="*/ 166 w 186"/>
                <a:gd name="T5" fmla="*/ 124 h 208"/>
                <a:gd name="T6" fmla="*/ 156 w 186"/>
                <a:gd name="T7" fmla="*/ 122 h 208"/>
                <a:gd name="T8" fmla="*/ 150 w 186"/>
                <a:gd name="T9" fmla="*/ 122 h 208"/>
                <a:gd name="T10" fmla="*/ 152 w 186"/>
                <a:gd name="T11" fmla="*/ 132 h 208"/>
                <a:gd name="T12" fmla="*/ 140 w 186"/>
                <a:gd name="T13" fmla="*/ 136 h 208"/>
                <a:gd name="T14" fmla="*/ 134 w 186"/>
                <a:gd name="T15" fmla="*/ 124 h 208"/>
                <a:gd name="T16" fmla="*/ 124 w 186"/>
                <a:gd name="T17" fmla="*/ 132 h 208"/>
                <a:gd name="T18" fmla="*/ 114 w 186"/>
                <a:gd name="T19" fmla="*/ 130 h 208"/>
                <a:gd name="T20" fmla="*/ 100 w 186"/>
                <a:gd name="T21" fmla="*/ 144 h 208"/>
                <a:gd name="T22" fmla="*/ 78 w 186"/>
                <a:gd name="T23" fmla="*/ 156 h 208"/>
                <a:gd name="T24" fmla="*/ 64 w 186"/>
                <a:gd name="T25" fmla="*/ 156 h 208"/>
                <a:gd name="T26" fmla="*/ 52 w 186"/>
                <a:gd name="T27" fmla="*/ 166 h 208"/>
                <a:gd name="T28" fmla="*/ 48 w 186"/>
                <a:gd name="T29" fmla="*/ 170 h 208"/>
                <a:gd name="T30" fmla="*/ 22 w 186"/>
                <a:gd name="T31" fmla="*/ 186 h 208"/>
                <a:gd name="T32" fmla="*/ 12 w 186"/>
                <a:gd name="T33" fmla="*/ 204 h 208"/>
                <a:gd name="T34" fmla="*/ 0 w 186"/>
                <a:gd name="T35" fmla="*/ 202 h 208"/>
                <a:gd name="T36" fmla="*/ 2 w 186"/>
                <a:gd name="T37" fmla="*/ 192 h 208"/>
                <a:gd name="T38" fmla="*/ 12 w 186"/>
                <a:gd name="T39" fmla="*/ 176 h 208"/>
                <a:gd name="T40" fmla="*/ 32 w 186"/>
                <a:gd name="T41" fmla="*/ 166 h 208"/>
                <a:gd name="T42" fmla="*/ 38 w 186"/>
                <a:gd name="T43" fmla="*/ 152 h 208"/>
                <a:gd name="T44" fmla="*/ 42 w 186"/>
                <a:gd name="T45" fmla="*/ 146 h 208"/>
                <a:gd name="T46" fmla="*/ 50 w 186"/>
                <a:gd name="T47" fmla="*/ 142 h 208"/>
                <a:gd name="T48" fmla="*/ 66 w 186"/>
                <a:gd name="T49" fmla="*/ 140 h 208"/>
                <a:gd name="T50" fmla="*/ 92 w 186"/>
                <a:gd name="T51" fmla="*/ 126 h 208"/>
                <a:gd name="T52" fmla="*/ 124 w 186"/>
                <a:gd name="T53" fmla="*/ 114 h 208"/>
                <a:gd name="T54" fmla="*/ 130 w 186"/>
                <a:gd name="T55" fmla="*/ 92 h 208"/>
                <a:gd name="T56" fmla="*/ 124 w 186"/>
                <a:gd name="T57" fmla="*/ 90 h 208"/>
                <a:gd name="T58" fmla="*/ 104 w 186"/>
                <a:gd name="T59" fmla="*/ 106 h 208"/>
                <a:gd name="T60" fmla="*/ 90 w 186"/>
                <a:gd name="T61" fmla="*/ 104 h 208"/>
                <a:gd name="T62" fmla="*/ 84 w 186"/>
                <a:gd name="T63" fmla="*/ 98 h 208"/>
                <a:gd name="T64" fmla="*/ 82 w 186"/>
                <a:gd name="T65" fmla="*/ 80 h 208"/>
                <a:gd name="T66" fmla="*/ 102 w 186"/>
                <a:gd name="T67" fmla="*/ 68 h 208"/>
                <a:gd name="T68" fmla="*/ 106 w 186"/>
                <a:gd name="T69" fmla="*/ 44 h 208"/>
                <a:gd name="T70" fmla="*/ 120 w 186"/>
                <a:gd name="T71" fmla="*/ 60 h 208"/>
                <a:gd name="T72" fmla="*/ 128 w 186"/>
                <a:gd name="T73" fmla="*/ 46 h 208"/>
                <a:gd name="T74" fmla="*/ 142 w 186"/>
                <a:gd name="T75" fmla="*/ 20 h 208"/>
                <a:gd name="T76" fmla="*/ 158 w 186"/>
                <a:gd name="T77" fmla="*/ 0 h 208"/>
                <a:gd name="T78" fmla="*/ 154 w 186"/>
                <a:gd name="T79" fmla="*/ 20 h 208"/>
                <a:gd name="T80" fmla="*/ 144 w 186"/>
                <a:gd name="T81" fmla="*/ 44 h 208"/>
                <a:gd name="T82" fmla="*/ 154 w 186"/>
                <a:gd name="T83" fmla="*/ 60 h 208"/>
                <a:gd name="T84" fmla="*/ 156 w 186"/>
                <a:gd name="T85" fmla="*/ 74 h 208"/>
                <a:gd name="T86" fmla="*/ 164 w 186"/>
                <a:gd name="T87" fmla="*/ 78 h 208"/>
                <a:gd name="T88" fmla="*/ 174 w 186"/>
                <a:gd name="T89" fmla="*/ 52 h 208"/>
                <a:gd name="T90" fmla="*/ 170 w 186"/>
                <a:gd name="T91" fmla="*/ 46 h 208"/>
                <a:gd name="T92" fmla="*/ 176 w 186"/>
                <a:gd name="T93" fmla="*/ 46 h 208"/>
                <a:gd name="T94" fmla="*/ 182 w 186"/>
                <a:gd name="T95" fmla="*/ 52 h 208"/>
                <a:gd name="T96" fmla="*/ 186 w 186"/>
                <a:gd name="T97" fmla="*/ 70 h 208"/>
                <a:gd name="T98" fmla="*/ 180 w 186"/>
                <a:gd name="T99" fmla="*/ 90 h 208"/>
                <a:gd name="T100" fmla="*/ 178 w 186"/>
                <a:gd name="T101" fmla="*/ 102 h 208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0" t="0" r="r" b="b"/>
              <a:pathLst>
                <a:path w="186" h="208">
                  <a:moveTo>
                    <a:pt x="178" y="102"/>
                  </a:moveTo>
                  <a:lnTo>
                    <a:pt x="170" y="102"/>
                  </a:lnTo>
                  <a:lnTo>
                    <a:pt x="168" y="110"/>
                  </a:lnTo>
                  <a:lnTo>
                    <a:pt x="168" y="116"/>
                  </a:lnTo>
                  <a:lnTo>
                    <a:pt x="168" y="120"/>
                  </a:lnTo>
                  <a:lnTo>
                    <a:pt x="166" y="124"/>
                  </a:lnTo>
                  <a:lnTo>
                    <a:pt x="160" y="124"/>
                  </a:lnTo>
                  <a:lnTo>
                    <a:pt x="156" y="122"/>
                  </a:lnTo>
                  <a:lnTo>
                    <a:pt x="154" y="118"/>
                  </a:lnTo>
                  <a:lnTo>
                    <a:pt x="150" y="122"/>
                  </a:lnTo>
                  <a:lnTo>
                    <a:pt x="152" y="128"/>
                  </a:lnTo>
                  <a:lnTo>
                    <a:pt x="152" y="132"/>
                  </a:lnTo>
                  <a:lnTo>
                    <a:pt x="148" y="134"/>
                  </a:lnTo>
                  <a:lnTo>
                    <a:pt x="140" y="136"/>
                  </a:lnTo>
                  <a:lnTo>
                    <a:pt x="136" y="136"/>
                  </a:lnTo>
                  <a:lnTo>
                    <a:pt x="134" y="124"/>
                  </a:lnTo>
                  <a:lnTo>
                    <a:pt x="128" y="124"/>
                  </a:lnTo>
                  <a:lnTo>
                    <a:pt x="124" y="132"/>
                  </a:lnTo>
                  <a:lnTo>
                    <a:pt x="116" y="142"/>
                  </a:lnTo>
                  <a:lnTo>
                    <a:pt x="114" y="130"/>
                  </a:lnTo>
                  <a:lnTo>
                    <a:pt x="108" y="136"/>
                  </a:lnTo>
                  <a:lnTo>
                    <a:pt x="100" y="144"/>
                  </a:lnTo>
                  <a:lnTo>
                    <a:pt x="90" y="150"/>
                  </a:lnTo>
                  <a:lnTo>
                    <a:pt x="78" y="156"/>
                  </a:lnTo>
                  <a:lnTo>
                    <a:pt x="70" y="152"/>
                  </a:lnTo>
                  <a:lnTo>
                    <a:pt x="64" y="156"/>
                  </a:lnTo>
                  <a:lnTo>
                    <a:pt x="52" y="164"/>
                  </a:lnTo>
                  <a:lnTo>
                    <a:pt x="52" y="166"/>
                  </a:lnTo>
                  <a:lnTo>
                    <a:pt x="50" y="168"/>
                  </a:lnTo>
                  <a:lnTo>
                    <a:pt x="48" y="170"/>
                  </a:lnTo>
                  <a:lnTo>
                    <a:pt x="30" y="178"/>
                  </a:lnTo>
                  <a:lnTo>
                    <a:pt x="22" y="186"/>
                  </a:lnTo>
                  <a:lnTo>
                    <a:pt x="20" y="196"/>
                  </a:lnTo>
                  <a:lnTo>
                    <a:pt x="12" y="204"/>
                  </a:lnTo>
                  <a:lnTo>
                    <a:pt x="2" y="208"/>
                  </a:lnTo>
                  <a:lnTo>
                    <a:pt x="0" y="202"/>
                  </a:lnTo>
                  <a:lnTo>
                    <a:pt x="0" y="196"/>
                  </a:lnTo>
                  <a:lnTo>
                    <a:pt x="2" y="192"/>
                  </a:lnTo>
                  <a:lnTo>
                    <a:pt x="8" y="182"/>
                  </a:lnTo>
                  <a:lnTo>
                    <a:pt x="12" y="176"/>
                  </a:lnTo>
                  <a:lnTo>
                    <a:pt x="24" y="172"/>
                  </a:lnTo>
                  <a:lnTo>
                    <a:pt x="32" y="166"/>
                  </a:lnTo>
                  <a:lnTo>
                    <a:pt x="38" y="158"/>
                  </a:lnTo>
                  <a:lnTo>
                    <a:pt x="38" y="152"/>
                  </a:lnTo>
                  <a:lnTo>
                    <a:pt x="40" y="148"/>
                  </a:lnTo>
                  <a:lnTo>
                    <a:pt x="42" y="146"/>
                  </a:lnTo>
                  <a:lnTo>
                    <a:pt x="46" y="144"/>
                  </a:lnTo>
                  <a:lnTo>
                    <a:pt x="50" y="142"/>
                  </a:lnTo>
                  <a:lnTo>
                    <a:pt x="58" y="142"/>
                  </a:lnTo>
                  <a:lnTo>
                    <a:pt x="66" y="140"/>
                  </a:lnTo>
                  <a:lnTo>
                    <a:pt x="76" y="136"/>
                  </a:lnTo>
                  <a:lnTo>
                    <a:pt x="92" y="126"/>
                  </a:lnTo>
                  <a:lnTo>
                    <a:pt x="112" y="120"/>
                  </a:lnTo>
                  <a:lnTo>
                    <a:pt x="124" y="114"/>
                  </a:lnTo>
                  <a:lnTo>
                    <a:pt x="124" y="100"/>
                  </a:lnTo>
                  <a:lnTo>
                    <a:pt x="130" y="92"/>
                  </a:lnTo>
                  <a:lnTo>
                    <a:pt x="132" y="84"/>
                  </a:lnTo>
                  <a:lnTo>
                    <a:pt x="124" y="90"/>
                  </a:lnTo>
                  <a:lnTo>
                    <a:pt x="112" y="100"/>
                  </a:lnTo>
                  <a:lnTo>
                    <a:pt x="104" y="106"/>
                  </a:lnTo>
                  <a:lnTo>
                    <a:pt x="96" y="114"/>
                  </a:lnTo>
                  <a:lnTo>
                    <a:pt x="90" y="104"/>
                  </a:lnTo>
                  <a:lnTo>
                    <a:pt x="96" y="98"/>
                  </a:lnTo>
                  <a:lnTo>
                    <a:pt x="84" y="98"/>
                  </a:lnTo>
                  <a:lnTo>
                    <a:pt x="82" y="90"/>
                  </a:lnTo>
                  <a:lnTo>
                    <a:pt x="82" y="80"/>
                  </a:lnTo>
                  <a:lnTo>
                    <a:pt x="94" y="76"/>
                  </a:lnTo>
                  <a:lnTo>
                    <a:pt x="102" y="68"/>
                  </a:lnTo>
                  <a:lnTo>
                    <a:pt x="110" y="64"/>
                  </a:lnTo>
                  <a:lnTo>
                    <a:pt x="106" y="44"/>
                  </a:lnTo>
                  <a:lnTo>
                    <a:pt x="114" y="44"/>
                  </a:lnTo>
                  <a:lnTo>
                    <a:pt x="120" y="60"/>
                  </a:lnTo>
                  <a:lnTo>
                    <a:pt x="130" y="64"/>
                  </a:lnTo>
                  <a:lnTo>
                    <a:pt x="128" y="46"/>
                  </a:lnTo>
                  <a:lnTo>
                    <a:pt x="130" y="28"/>
                  </a:lnTo>
                  <a:lnTo>
                    <a:pt x="142" y="20"/>
                  </a:lnTo>
                  <a:lnTo>
                    <a:pt x="146" y="8"/>
                  </a:lnTo>
                  <a:lnTo>
                    <a:pt x="158" y="0"/>
                  </a:lnTo>
                  <a:lnTo>
                    <a:pt x="158" y="8"/>
                  </a:lnTo>
                  <a:lnTo>
                    <a:pt x="154" y="20"/>
                  </a:lnTo>
                  <a:lnTo>
                    <a:pt x="148" y="36"/>
                  </a:lnTo>
                  <a:lnTo>
                    <a:pt x="144" y="44"/>
                  </a:lnTo>
                  <a:lnTo>
                    <a:pt x="156" y="50"/>
                  </a:lnTo>
                  <a:lnTo>
                    <a:pt x="154" y="60"/>
                  </a:lnTo>
                  <a:lnTo>
                    <a:pt x="150" y="68"/>
                  </a:lnTo>
                  <a:lnTo>
                    <a:pt x="156" y="74"/>
                  </a:lnTo>
                  <a:lnTo>
                    <a:pt x="156" y="82"/>
                  </a:lnTo>
                  <a:lnTo>
                    <a:pt x="164" y="78"/>
                  </a:lnTo>
                  <a:lnTo>
                    <a:pt x="166" y="60"/>
                  </a:lnTo>
                  <a:lnTo>
                    <a:pt x="174" y="52"/>
                  </a:lnTo>
                  <a:lnTo>
                    <a:pt x="172" y="48"/>
                  </a:lnTo>
                  <a:lnTo>
                    <a:pt x="170" y="46"/>
                  </a:lnTo>
                  <a:lnTo>
                    <a:pt x="172" y="44"/>
                  </a:lnTo>
                  <a:lnTo>
                    <a:pt x="176" y="46"/>
                  </a:lnTo>
                  <a:lnTo>
                    <a:pt x="178" y="48"/>
                  </a:lnTo>
                  <a:lnTo>
                    <a:pt x="182" y="52"/>
                  </a:lnTo>
                  <a:lnTo>
                    <a:pt x="182" y="60"/>
                  </a:lnTo>
                  <a:lnTo>
                    <a:pt x="186" y="70"/>
                  </a:lnTo>
                  <a:lnTo>
                    <a:pt x="184" y="80"/>
                  </a:lnTo>
                  <a:lnTo>
                    <a:pt x="180" y="90"/>
                  </a:lnTo>
                  <a:lnTo>
                    <a:pt x="182" y="96"/>
                  </a:lnTo>
                  <a:lnTo>
                    <a:pt x="178" y="102"/>
                  </a:lnTo>
                  <a:close/>
                </a:path>
              </a:pathLst>
            </a:custGeom>
            <a:solidFill>
              <a:srgbClr val="FF66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78" name="Freeform 104"/>
            <p:cNvSpPr>
              <a:spLocks/>
            </p:cNvSpPr>
            <p:nvPr/>
          </p:nvSpPr>
          <p:spPr bwMode="auto">
            <a:xfrm>
              <a:off x="2619" y="681"/>
              <a:ext cx="54" cy="58"/>
            </a:xfrm>
            <a:custGeom>
              <a:avLst/>
              <a:gdLst>
                <a:gd name="T0" fmla="*/ 8 w 54"/>
                <a:gd name="T1" fmla="*/ 46 h 58"/>
                <a:gd name="T2" fmla="*/ 0 w 54"/>
                <a:gd name="T3" fmla="*/ 28 h 58"/>
                <a:gd name="T4" fmla="*/ 4 w 54"/>
                <a:gd name="T5" fmla="*/ 20 h 58"/>
                <a:gd name="T6" fmla="*/ 12 w 54"/>
                <a:gd name="T7" fmla="*/ 24 h 58"/>
                <a:gd name="T8" fmla="*/ 14 w 54"/>
                <a:gd name="T9" fmla="*/ 24 h 58"/>
                <a:gd name="T10" fmla="*/ 16 w 54"/>
                <a:gd name="T11" fmla="*/ 20 h 58"/>
                <a:gd name="T12" fmla="*/ 18 w 54"/>
                <a:gd name="T13" fmla="*/ 16 h 58"/>
                <a:gd name="T14" fmla="*/ 12 w 54"/>
                <a:gd name="T15" fmla="*/ 0 h 58"/>
                <a:gd name="T16" fmla="*/ 22 w 54"/>
                <a:gd name="T17" fmla="*/ 10 h 58"/>
                <a:gd name="T18" fmla="*/ 26 w 54"/>
                <a:gd name="T19" fmla="*/ 28 h 58"/>
                <a:gd name="T20" fmla="*/ 32 w 54"/>
                <a:gd name="T21" fmla="*/ 18 h 58"/>
                <a:gd name="T22" fmla="*/ 38 w 54"/>
                <a:gd name="T23" fmla="*/ 32 h 58"/>
                <a:gd name="T24" fmla="*/ 48 w 54"/>
                <a:gd name="T25" fmla="*/ 32 h 58"/>
                <a:gd name="T26" fmla="*/ 54 w 54"/>
                <a:gd name="T27" fmla="*/ 42 h 58"/>
                <a:gd name="T28" fmla="*/ 48 w 54"/>
                <a:gd name="T29" fmla="*/ 48 h 58"/>
                <a:gd name="T30" fmla="*/ 38 w 54"/>
                <a:gd name="T31" fmla="*/ 52 h 58"/>
                <a:gd name="T32" fmla="*/ 28 w 54"/>
                <a:gd name="T33" fmla="*/ 56 h 58"/>
                <a:gd name="T34" fmla="*/ 18 w 54"/>
                <a:gd name="T35" fmla="*/ 58 h 58"/>
                <a:gd name="T36" fmla="*/ 8 w 54"/>
                <a:gd name="T37" fmla="*/ 58 h 58"/>
                <a:gd name="T38" fmla="*/ 8 w 54"/>
                <a:gd name="T39" fmla="*/ 46 h 58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0" t="0" r="r" b="b"/>
              <a:pathLst>
                <a:path w="54" h="58">
                  <a:moveTo>
                    <a:pt x="8" y="46"/>
                  </a:moveTo>
                  <a:lnTo>
                    <a:pt x="0" y="28"/>
                  </a:lnTo>
                  <a:lnTo>
                    <a:pt x="4" y="20"/>
                  </a:lnTo>
                  <a:lnTo>
                    <a:pt x="12" y="24"/>
                  </a:lnTo>
                  <a:lnTo>
                    <a:pt x="14" y="24"/>
                  </a:lnTo>
                  <a:lnTo>
                    <a:pt x="16" y="20"/>
                  </a:lnTo>
                  <a:lnTo>
                    <a:pt x="18" y="16"/>
                  </a:lnTo>
                  <a:lnTo>
                    <a:pt x="12" y="0"/>
                  </a:lnTo>
                  <a:lnTo>
                    <a:pt x="22" y="10"/>
                  </a:lnTo>
                  <a:lnTo>
                    <a:pt x="26" y="28"/>
                  </a:lnTo>
                  <a:lnTo>
                    <a:pt x="32" y="18"/>
                  </a:lnTo>
                  <a:lnTo>
                    <a:pt x="38" y="32"/>
                  </a:lnTo>
                  <a:lnTo>
                    <a:pt x="48" y="32"/>
                  </a:lnTo>
                  <a:lnTo>
                    <a:pt x="54" y="42"/>
                  </a:lnTo>
                  <a:lnTo>
                    <a:pt x="48" y="48"/>
                  </a:lnTo>
                  <a:lnTo>
                    <a:pt x="38" y="52"/>
                  </a:lnTo>
                  <a:lnTo>
                    <a:pt x="28" y="56"/>
                  </a:lnTo>
                  <a:lnTo>
                    <a:pt x="18" y="58"/>
                  </a:lnTo>
                  <a:lnTo>
                    <a:pt x="8" y="58"/>
                  </a:lnTo>
                  <a:lnTo>
                    <a:pt x="8" y="46"/>
                  </a:lnTo>
                  <a:close/>
                </a:path>
              </a:pathLst>
            </a:custGeom>
            <a:solidFill>
              <a:srgbClr val="FF66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79" name="Freeform 105"/>
            <p:cNvSpPr>
              <a:spLocks/>
            </p:cNvSpPr>
            <p:nvPr/>
          </p:nvSpPr>
          <p:spPr bwMode="auto">
            <a:xfrm>
              <a:off x="2693" y="675"/>
              <a:ext cx="22" cy="26"/>
            </a:xfrm>
            <a:custGeom>
              <a:avLst/>
              <a:gdLst>
                <a:gd name="T0" fmla="*/ 14 w 22"/>
                <a:gd name="T1" fmla="*/ 24 h 26"/>
                <a:gd name="T2" fmla="*/ 4 w 22"/>
                <a:gd name="T3" fmla="*/ 26 h 26"/>
                <a:gd name="T4" fmla="*/ 0 w 22"/>
                <a:gd name="T5" fmla="*/ 14 h 26"/>
                <a:gd name="T6" fmla="*/ 2 w 22"/>
                <a:gd name="T7" fmla="*/ 6 h 26"/>
                <a:gd name="T8" fmla="*/ 10 w 22"/>
                <a:gd name="T9" fmla="*/ 0 h 26"/>
                <a:gd name="T10" fmla="*/ 12 w 22"/>
                <a:gd name="T11" fmla="*/ 0 h 26"/>
                <a:gd name="T12" fmla="*/ 16 w 22"/>
                <a:gd name="T13" fmla="*/ 0 h 26"/>
                <a:gd name="T14" fmla="*/ 18 w 22"/>
                <a:gd name="T15" fmla="*/ 0 h 26"/>
                <a:gd name="T16" fmla="*/ 20 w 22"/>
                <a:gd name="T17" fmla="*/ 6 h 26"/>
                <a:gd name="T18" fmla="*/ 22 w 22"/>
                <a:gd name="T19" fmla="*/ 14 h 26"/>
                <a:gd name="T20" fmla="*/ 20 w 22"/>
                <a:gd name="T21" fmla="*/ 18 h 26"/>
                <a:gd name="T22" fmla="*/ 14 w 22"/>
                <a:gd name="T23" fmla="*/ 24 h 2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0" t="0" r="r" b="b"/>
              <a:pathLst>
                <a:path w="22" h="26">
                  <a:moveTo>
                    <a:pt x="14" y="24"/>
                  </a:moveTo>
                  <a:lnTo>
                    <a:pt x="4" y="26"/>
                  </a:lnTo>
                  <a:lnTo>
                    <a:pt x="0" y="14"/>
                  </a:lnTo>
                  <a:lnTo>
                    <a:pt x="2" y="6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6" y="0"/>
                  </a:lnTo>
                  <a:lnTo>
                    <a:pt x="18" y="0"/>
                  </a:lnTo>
                  <a:lnTo>
                    <a:pt x="20" y="6"/>
                  </a:lnTo>
                  <a:lnTo>
                    <a:pt x="22" y="14"/>
                  </a:lnTo>
                  <a:lnTo>
                    <a:pt x="20" y="18"/>
                  </a:lnTo>
                  <a:lnTo>
                    <a:pt x="14" y="24"/>
                  </a:lnTo>
                  <a:close/>
                </a:path>
              </a:pathLst>
            </a:custGeom>
            <a:solidFill>
              <a:srgbClr val="FF66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80" name="Freeform 106"/>
            <p:cNvSpPr>
              <a:spLocks/>
            </p:cNvSpPr>
            <p:nvPr/>
          </p:nvSpPr>
          <p:spPr bwMode="auto">
            <a:xfrm>
              <a:off x="2655" y="681"/>
              <a:ext cx="24" cy="28"/>
            </a:xfrm>
            <a:custGeom>
              <a:avLst/>
              <a:gdLst>
                <a:gd name="T0" fmla="*/ 2 w 24"/>
                <a:gd name="T1" fmla="*/ 0 h 28"/>
                <a:gd name="T2" fmla="*/ 12 w 24"/>
                <a:gd name="T3" fmla="*/ 6 h 28"/>
                <a:gd name="T4" fmla="*/ 20 w 24"/>
                <a:gd name="T5" fmla="*/ 8 h 28"/>
                <a:gd name="T6" fmla="*/ 24 w 24"/>
                <a:gd name="T7" fmla="*/ 14 h 28"/>
                <a:gd name="T8" fmla="*/ 24 w 24"/>
                <a:gd name="T9" fmla="*/ 24 h 28"/>
                <a:gd name="T10" fmla="*/ 16 w 24"/>
                <a:gd name="T11" fmla="*/ 28 h 28"/>
                <a:gd name="T12" fmla="*/ 8 w 24"/>
                <a:gd name="T13" fmla="*/ 20 h 28"/>
                <a:gd name="T14" fmla="*/ 6 w 24"/>
                <a:gd name="T15" fmla="*/ 12 h 28"/>
                <a:gd name="T16" fmla="*/ 0 w 24"/>
                <a:gd name="T17" fmla="*/ 6 h 28"/>
                <a:gd name="T18" fmla="*/ 2 w 24"/>
                <a:gd name="T19" fmla="*/ 0 h 28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0" t="0" r="r" b="b"/>
              <a:pathLst>
                <a:path w="24" h="28">
                  <a:moveTo>
                    <a:pt x="2" y="0"/>
                  </a:moveTo>
                  <a:lnTo>
                    <a:pt x="12" y="6"/>
                  </a:lnTo>
                  <a:lnTo>
                    <a:pt x="20" y="8"/>
                  </a:lnTo>
                  <a:lnTo>
                    <a:pt x="24" y="14"/>
                  </a:lnTo>
                  <a:lnTo>
                    <a:pt x="24" y="24"/>
                  </a:lnTo>
                  <a:lnTo>
                    <a:pt x="16" y="28"/>
                  </a:lnTo>
                  <a:lnTo>
                    <a:pt x="8" y="20"/>
                  </a:lnTo>
                  <a:lnTo>
                    <a:pt x="6" y="12"/>
                  </a:lnTo>
                  <a:lnTo>
                    <a:pt x="0" y="6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FF66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30181" name="Freeform 107"/>
            <p:cNvSpPr>
              <a:spLocks/>
            </p:cNvSpPr>
            <p:nvPr/>
          </p:nvSpPr>
          <p:spPr bwMode="auto">
            <a:xfrm>
              <a:off x="2759" y="573"/>
              <a:ext cx="62" cy="60"/>
            </a:xfrm>
            <a:custGeom>
              <a:avLst/>
              <a:gdLst>
                <a:gd name="T0" fmla="*/ 34 w 62"/>
                <a:gd name="T1" fmla="*/ 20 h 60"/>
                <a:gd name="T2" fmla="*/ 34 w 62"/>
                <a:gd name="T3" fmla="*/ 24 h 60"/>
                <a:gd name="T4" fmla="*/ 34 w 62"/>
                <a:gd name="T5" fmla="*/ 28 h 60"/>
                <a:gd name="T6" fmla="*/ 26 w 62"/>
                <a:gd name="T7" fmla="*/ 32 h 60"/>
                <a:gd name="T8" fmla="*/ 22 w 62"/>
                <a:gd name="T9" fmla="*/ 24 h 60"/>
                <a:gd name="T10" fmla="*/ 14 w 62"/>
                <a:gd name="T11" fmla="*/ 28 h 60"/>
                <a:gd name="T12" fmla="*/ 4 w 62"/>
                <a:gd name="T13" fmla="*/ 34 h 60"/>
                <a:gd name="T14" fmla="*/ 0 w 62"/>
                <a:gd name="T15" fmla="*/ 42 h 60"/>
                <a:gd name="T16" fmla="*/ 10 w 62"/>
                <a:gd name="T17" fmla="*/ 46 h 60"/>
                <a:gd name="T18" fmla="*/ 12 w 62"/>
                <a:gd name="T19" fmla="*/ 52 h 60"/>
                <a:gd name="T20" fmla="*/ 6 w 62"/>
                <a:gd name="T21" fmla="*/ 60 h 60"/>
                <a:gd name="T22" fmla="*/ 16 w 62"/>
                <a:gd name="T23" fmla="*/ 58 h 60"/>
                <a:gd name="T24" fmla="*/ 30 w 62"/>
                <a:gd name="T25" fmla="*/ 50 h 60"/>
                <a:gd name="T26" fmla="*/ 42 w 62"/>
                <a:gd name="T27" fmla="*/ 48 h 60"/>
                <a:gd name="T28" fmla="*/ 50 w 62"/>
                <a:gd name="T29" fmla="*/ 38 h 60"/>
                <a:gd name="T30" fmla="*/ 54 w 62"/>
                <a:gd name="T31" fmla="*/ 30 h 60"/>
                <a:gd name="T32" fmla="*/ 60 w 62"/>
                <a:gd name="T33" fmla="*/ 18 h 60"/>
                <a:gd name="T34" fmla="*/ 62 w 62"/>
                <a:gd name="T35" fmla="*/ 10 h 60"/>
                <a:gd name="T36" fmla="*/ 62 w 62"/>
                <a:gd name="T37" fmla="*/ 2 h 60"/>
                <a:gd name="T38" fmla="*/ 58 w 62"/>
                <a:gd name="T39" fmla="*/ 0 h 60"/>
                <a:gd name="T40" fmla="*/ 46 w 62"/>
                <a:gd name="T41" fmla="*/ 2 h 60"/>
                <a:gd name="T42" fmla="*/ 42 w 62"/>
                <a:gd name="T43" fmla="*/ 12 h 60"/>
                <a:gd name="T44" fmla="*/ 42 w 62"/>
                <a:gd name="T45" fmla="*/ 20 h 60"/>
                <a:gd name="T46" fmla="*/ 34 w 62"/>
                <a:gd name="T47" fmla="*/ 20 h 60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</a:gdLst>
              <a:ahLst/>
              <a:cxnLst>
                <a:cxn ang="T48">
                  <a:pos x="T0" y="T1"/>
                </a:cxn>
                <a:cxn ang="T49">
                  <a:pos x="T2" y="T3"/>
                </a:cxn>
                <a:cxn ang="T50">
                  <a:pos x="T4" y="T5"/>
                </a:cxn>
                <a:cxn ang="T51">
                  <a:pos x="T6" y="T7"/>
                </a:cxn>
                <a:cxn ang="T52">
                  <a:pos x="T8" y="T9"/>
                </a:cxn>
                <a:cxn ang="T53">
                  <a:pos x="T10" y="T11"/>
                </a:cxn>
                <a:cxn ang="T54">
                  <a:pos x="T12" y="T13"/>
                </a:cxn>
                <a:cxn ang="T55">
                  <a:pos x="T14" y="T15"/>
                </a:cxn>
                <a:cxn ang="T56">
                  <a:pos x="T16" y="T17"/>
                </a:cxn>
                <a:cxn ang="T57">
                  <a:pos x="T18" y="T19"/>
                </a:cxn>
                <a:cxn ang="T58">
                  <a:pos x="T20" y="T21"/>
                </a:cxn>
                <a:cxn ang="T59">
                  <a:pos x="T22" y="T23"/>
                </a:cxn>
                <a:cxn ang="T60">
                  <a:pos x="T24" y="T25"/>
                </a:cxn>
                <a:cxn ang="T61">
                  <a:pos x="T26" y="T27"/>
                </a:cxn>
                <a:cxn ang="T62">
                  <a:pos x="T28" y="T29"/>
                </a:cxn>
                <a:cxn ang="T63">
                  <a:pos x="T30" y="T31"/>
                </a:cxn>
                <a:cxn ang="T64">
                  <a:pos x="T32" y="T33"/>
                </a:cxn>
                <a:cxn ang="T65">
                  <a:pos x="T34" y="T35"/>
                </a:cxn>
                <a:cxn ang="T66">
                  <a:pos x="T36" y="T37"/>
                </a:cxn>
                <a:cxn ang="T67">
                  <a:pos x="T38" y="T39"/>
                </a:cxn>
                <a:cxn ang="T68">
                  <a:pos x="T40" y="T41"/>
                </a:cxn>
                <a:cxn ang="T69">
                  <a:pos x="T42" y="T43"/>
                </a:cxn>
                <a:cxn ang="T70">
                  <a:pos x="T44" y="T45"/>
                </a:cxn>
                <a:cxn ang="T71">
                  <a:pos x="T46" y="T47"/>
                </a:cxn>
              </a:cxnLst>
              <a:rect l="0" t="0" r="r" b="b"/>
              <a:pathLst>
                <a:path w="62" h="60">
                  <a:moveTo>
                    <a:pt x="34" y="20"/>
                  </a:moveTo>
                  <a:lnTo>
                    <a:pt x="34" y="24"/>
                  </a:lnTo>
                  <a:lnTo>
                    <a:pt x="34" y="28"/>
                  </a:lnTo>
                  <a:lnTo>
                    <a:pt x="26" y="32"/>
                  </a:lnTo>
                  <a:lnTo>
                    <a:pt x="22" y="24"/>
                  </a:lnTo>
                  <a:lnTo>
                    <a:pt x="14" y="28"/>
                  </a:lnTo>
                  <a:lnTo>
                    <a:pt x="4" y="34"/>
                  </a:lnTo>
                  <a:lnTo>
                    <a:pt x="0" y="42"/>
                  </a:lnTo>
                  <a:lnTo>
                    <a:pt x="10" y="46"/>
                  </a:lnTo>
                  <a:lnTo>
                    <a:pt x="12" y="52"/>
                  </a:lnTo>
                  <a:lnTo>
                    <a:pt x="6" y="60"/>
                  </a:lnTo>
                  <a:lnTo>
                    <a:pt x="16" y="58"/>
                  </a:lnTo>
                  <a:lnTo>
                    <a:pt x="30" y="50"/>
                  </a:lnTo>
                  <a:lnTo>
                    <a:pt x="42" y="48"/>
                  </a:lnTo>
                  <a:lnTo>
                    <a:pt x="50" y="38"/>
                  </a:lnTo>
                  <a:lnTo>
                    <a:pt x="54" y="30"/>
                  </a:lnTo>
                  <a:lnTo>
                    <a:pt x="60" y="18"/>
                  </a:lnTo>
                  <a:lnTo>
                    <a:pt x="62" y="10"/>
                  </a:lnTo>
                  <a:lnTo>
                    <a:pt x="62" y="2"/>
                  </a:lnTo>
                  <a:lnTo>
                    <a:pt x="58" y="0"/>
                  </a:lnTo>
                  <a:lnTo>
                    <a:pt x="46" y="2"/>
                  </a:lnTo>
                  <a:lnTo>
                    <a:pt x="42" y="12"/>
                  </a:lnTo>
                  <a:lnTo>
                    <a:pt x="42" y="20"/>
                  </a:lnTo>
                  <a:lnTo>
                    <a:pt x="34" y="20"/>
                  </a:lnTo>
                  <a:close/>
                </a:path>
              </a:pathLst>
            </a:custGeom>
            <a:solidFill>
              <a:srgbClr val="FF6600"/>
            </a:solidFill>
            <a:ln w="6350">
              <a:solidFill>
                <a:srgbClr val="000000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130122" name="Freeform 108"/>
          <p:cNvSpPr>
            <a:spLocks/>
          </p:cNvSpPr>
          <p:nvPr/>
        </p:nvSpPr>
        <p:spPr bwMode="auto">
          <a:xfrm>
            <a:off x="4781550" y="2339975"/>
            <a:ext cx="33338" cy="34925"/>
          </a:xfrm>
          <a:custGeom>
            <a:avLst/>
            <a:gdLst>
              <a:gd name="T0" fmla="*/ 2147483647 w 26"/>
              <a:gd name="T1" fmla="*/ 0 h 28"/>
              <a:gd name="T2" fmla="*/ 2147483647 w 26"/>
              <a:gd name="T3" fmla="*/ 2147483647 h 28"/>
              <a:gd name="T4" fmla="*/ 2147483647 w 26"/>
              <a:gd name="T5" fmla="*/ 2147483647 h 28"/>
              <a:gd name="T6" fmla="*/ 2147483647 w 26"/>
              <a:gd name="T7" fmla="*/ 2147483647 h 28"/>
              <a:gd name="T8" fmla="*/ 2147483647 w 26"/>
              <a:gd name="T9" fmla="*/ 2147483647 h 28"/>
              <a:gd name="T10" fmla="*/ 2147483647 w 26"/>
              <a:gd name="T11" fmla="*/ 2147483647 h 28"/>
              <a:gd name="T12" fmla="*/ 2147483647 w 26"/>
              <a:gd name="T13" fmla="*/ 2147483647 h 28"/>
              <a:gd name="T14" fmla="*/ 0 w 26"/>
              <a:gd name="T15" fmla="*/ 2147483647 h 28"/>
              <a:gd name="T16" fmla="*/ 0 w 26"/>
              <a:gd name="T17" fmla="*/ 2147483647 h 28"/>
              <a:gd name="T18" fmla="*/ 2147483647 w 26"/>
              <a:gd name="T19" fmla="*/ 2147483647 h 28"/>
              <a:gd name="T20" fmla="*/ 2147483647 w 26"/>
              <a:gd name="T21" fmla="*/ 0 h 2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0" t="0" r="r" b="b"/>
            <a:pathLst>
              <a:path w="26" h="28">
                <a:moveTo>
                  <a:pt x="8" y="0"/>
                </a:moveTo>
                <a:lnTo>
                  <a:pt x="18" y="2"/>
                </a:lnTo>
                <a:lnTo>
                  <a:pt x="24" y="10"/>
                </a:lnTo>
                <a:lnTo>
                  <a:pt x="26" y="22"/>
                </a:lnTo>
                <a:lnTo>
                  <a:pt x="20" y="26"/>
                </a:lnTo>
                <a:lnTo>
                  <a:pt x="8" y="22"/>
                </a:lnTo>
                <a:lnTo>
                  <a:pt x="6" y="28"/>
                </a:lnTo>
                <a:lnTo>
                  <a:pt x="0" y="26"/>
                </a:lnTo>
                <a:lnTo>
                  <a:pt x="0" y="14"/>
                </a:lnTo>
                <a:lnTo>
                  <a:pt x="8" y="8"/>
                </a:lnTo>
                <a:lnTo>
                  <a:pt x="8" y="0"/>
                </a:lnTo>
                <a:close/>
              </a:path>
            </a:pathLst>
          </a:custGeom>
          <a:solidFill>
            <a:srgbClr val="FFFFBF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23" name="Freeform 109"/>
          <p:cNvSpPr>
            <a:spLocks/>
          </p:cNvSpPr>
          <p:nvPr/>
        </p:nvSpPr>
        <p:spPr bwMode="auto">
          <a:xfrm>
            <a:off x="5053013" y="2859088"/>
            <a:ext cx="31750" cy="42862"/>
          </a:xfrm>
          <a:custGeom>
            <a:avLst/>
            <a:gdLst>
              <a:gd name="T0" fmla="*/ 2147483647 w 24"/>
              <a:gd name="T1" fmla="*/ 0 h 32"/>
              <a:gd name="T2" fmla="*/ 2147483647 w 24"/>
              <a:gd name="T3" fmla="*/ 2147483647 h 32"/>
              <a:gd name="T4" fmla="*/ 2147483647 w 24"/>
              <a:gd name="T5" fmla="*/ 2147483647 h 32"/>
              <a:gd name="T6" fmla="*/ 2147483647 w 24"/>
              <a:gd name="T7" fmla="*/ 2147483647 h 32"/>
              <a:gd name="T8" fmla="*/ 0 w 24"/>
              <a:gd name="T9" fmla="*/ 2147483647 h 32"/>
              <a:gd name="T10" fmla="*/ 2147483647 w 24"/>
              <a:gd name="T11" fmla="*/ 2147483647 h 32"/>
              <a:gd name="T12" fmla="*/ 2147483647 w 24"/>
              <a:gd name="T13" fmla="*/ 2147483647 h 32"/>
              <a:gd name="T14" fmla="*/ 2147483647 w 24"/>
              <a:gd name="T15" fmla="*/ 0 h 32"/>
              <a:gd name="T16" fmla="*/ 2147483647 w 24"/>
              <a:gd name="T17" fmla="*/ 0 h 3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0" t="0" r="r" b="b"/>
            <a:pathLst>
              <a:path w="24" h="32">
                <a:moveTo>
                  <a:pt x="24" y="0"/>
                </a:moveTo>
                <a:lnTo>
                  <a:pt x="24" y="12"/>
                </a:lnTo>
                <a:lnTo>
                  <a:pt x="20" y="20"/>
                </a:lnTo>
                <a:lnTo>
                  <a:pt x="10" y="32"/>
                </a:lnTo>
                <a:lnTo>
                  <a:pt x="0" y="22"/>
                </a:lnTo>
                <a:lnTo>
                  <a:pt x="8" y="16"/>
                </a:lnTo>
                <a:lnTo>
                  <a:pt x="12" y="8"/>
                </a:lnTo>
                <a:lnTo>
                  <a:pt x="14" y="0"/>
                </a:lnTo>
                <a:lnTo>
                  <a:pt x="24" y="0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24" name="Freeform 110"/>
          <p:cNvSpPr>
            <a:spLocks/>
          </p:cNvSpPr>
          <p:nvPr/>
        </p:nvSpPr>
        <p:spPr bwMode="auto">
          <a:xfrm>
            <a:off x="5927725" y="2635250"/>
            <a:ext cx="82550" cy="174625"/>
          </a:xfrm>
          <a:custGeom>
            <a:avLst/>
            <a:gdLst>
              <a:gd name="T0" fmla="*/ 2147483647 w 64"/>
              <a:gd name="T1" fmla="*/ 2147483647 h 136"/>
              <a:gd name="T2" fmla="*/ 2147483647 w 64"/>
              <a:gd name="T3" fmla="*/ 2147483647 h 136"/>
              <a:gd name="T4" fmla="*/ 2147483647 w 64"/>
              <a:gd name="T5" fmla="*/ 2147483647 h 136"/>
              <a:gd name="T6" fmla="*/ 2147483647 w 64"/>
              <a:gd name="T7" fmla="*/ 2147483647 h 136"/>
              <a:gd name="T8" fmla="*/ 2147483647 w 64"/>
              <a:gd name="T9" fmla="*/ 2147483647 h 136"/>
              <a:gd name="T10" fmla="*/ 2147483647 w 64"/>
              <a:gd name="T11" fmla="*/ 2147483647 h 136"/>
              <a:gd name="T12" fmla="*/ 2147483647 w 64"/>
              <a:gd name="T13" fmla="*/ 2147483647 h 136"/>
              <a:gd name="T14" fmla="*/ 2147483647 w 64"/>
              <a:gd name="T15" fmla="*/ 2147483647 h 136"/>
              <a:gd name="T16" fmla="*/ 2147483647 w 64"/>
              <a:gd name="T17" fmla="*/ 2147483647 h 136"/>
              <a:gd name="T18" fmla="*/ 2147483647 w 64"/>
              <a:gd name="T19" fmla="*/ 2147483647 h 136"/>
              <a:gd name="T20" fmla="*/ 2147483647 w 64"/>
              <a:gd name="T21" fmla="*/ 2147483647 h 136"/>
              <a:gd name="T22" fmla="*/ 2147483647 w 64"/>
              <a:gd name="T23" fmla="*/ 2147483647 h 136"/>
              <a:gd name="T24" fmla="*/ 2147483647 w 64"/>
              <a:gd name="T25" fmla="*/ 2147483647 h 136"/>
              <a:gd name="T26" fmla="*/ 2147483647 w 64"/>
              <a:gd name="T27" fmla="*/ 2147483647 h 136"/>
              <a:gd name="T28" fmla="*/ 2147483647 w 64"/>
              <a:gd name="T29" fmla="*/ 2147483647 h 136"/>
              <a:gd name="T30" fmla="*/ 2147483647 w 64"/>
              <a:gd name="T31" fmla="*/ 2147483647 h 136"/>
              <a:gd name="T32" fmla="*/ 2147483647 w 64"/>
              <a:gd name="T33" fmla="*/ 2147483647 h 136"/>
              <a:gd name="T34" fmla="*/ 2147483647 w 64"/>
              <a:gd name="T35" fmla="*/ 2147483647 h 136"/>
              <a:gd name="T36" fmla="*/ 2147483647 w 64"/>
              <a:gd name="T37" fmla="*/ 2147483647 h 136"/>
              <a:gd name="T38" fmla="*/ 2147483647 w 64"/>
              <a:gd name="T39" fmla="*/ 2147483647 h 136"/>
              <a:gd name="T40" fmla="*/ 2147483647 w 64"/>
              <a:gd name="T41" fmla="*/ 2147483647 h 136"/>
              <a:gd name="T42" fmla="*/ 2147483647 w 64"/>
              <a:gd name="T43" fmla="*/ 2147483647 h 136"/>
              <a:gd name="T44" fmla="*/ 0 w 64"/>
              <a:gd name="T45" fmla="*/ 2147483647 h 136"/>
              <a:gd name="T46" fmla="*/ 0 w 64"/>
              <a:gd name="T47" fmla="*/ 2147483647 h 136"/>
              <a:gd name="T48" fmla="*/ 2147483647 w 64"/>
              <a:gd name="T49" fmla="*/ 2147483647 h 136"/>
              <a:gd name="T50" fmla="*/ 2147483647 w 64"/>
              <a:gd name="T51" fmla="*/ 2147483647 h 136"/>
              <a:gd name="T52" fmla="*/ 2147483647 w 64"/>
              <a:gd name="T53" fmla="*/ 2147483647 h 136"/>
              <a:gd name="T54" fmla="*/ 2147483647 w 64"/>
              <a:gd name="T55" fmla="*/ 2147483647 h 136"/>
              <a:gd name="T56" fmla="*/ 2147483647 w 64"/>
              <a:gd name="T57" fmla="*/ 2147483647 h 136"/>
              <a:gd name="T58" fmla="*/ 2147483647 w 64"/>
              <a:gd name="T59" fmla="*/ 0 h 136"/>
              <a:gd name="T60" fmla="*/ 2147483647 w 64"/>
              <a:gd name="T61" fmla="*/ 2147483647 h 1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0" t="0" r="r" b="b"/>
            <a:pathLst>
              <a:path w="64" h="136">
                <a:moveTo>
                  <a:pt x="64" y="8"/>
                </a:moveTo>
                <a:lnTo>
                  <a:pt x="56" y="22"/>
                </a:lnTo>
                <a:lnTo>
                  <a:pt x="44" y="30"/>
                </a:lnTo>
                <a:lnTo>
                  <a:pt x="44" y="54"/>
                </a:lnTo>
                <a:lnTo>
                  <a:pt x="46" y="64"/>
                </a:lnTo>
                <a:lnTo>
                  <a:pt x="54" y="68"/>
                </a:lnTo>
                <a:lnTo>
                  <a:pt x="52" y="76"/>
                </a:lnTo>
                <a:lnTo>
                  <a:pt x="44" y="82"/>
                </a:lnTo>
                <a:lnTo>
                  <a:pt x="42" y="94"/>
                </a:lnTo>
                <a:lnTo>
                  <a:pt x="32" y="100"/>
                </a:lnTo>
                <a:lnTo>
                  <a:pt x="26" y="114"/>
                </a:lnTo>
                <a:lnTo>
                  <a:pt x="24" y="126"/>
                </a:lnTo>
                <a:lnTo>
                  <a:pt x="24" y="130"/>
                </a:lnTo>
                <a:lnTo>
                  <a:pt x="22" y="134"/>
                </a:lnTo>
                <a:lnTo>
                  <a:pt x="18" y="136"/>
                </a:lnTo>
                <a:lnTo>
                  <a:pt x="16" y="136"/>
                </a:lnTo>
                <a:lnTo>
                  <a:pt x="14" y="134"/>
                </a:lnTo>
                <a:lnTo>
                  <a:pt x="14" y="126"/>
                </a:lnTo>
                <a:lnTo>
                  <a:pt x="12" y="118"/>
                </a:lnTo>
                <a:lnTo>
                  <a:pt x="4" y="102"/>
                </a:lnTo>
                <a:lnTo>
                  <a:pt x="4" y="90"/>
                </a:lnTo>
                <a:lnTo>
                  <a:pt x="6" y="80"/>
                </a:lnTo>
                <a:lnTo>
                  <a:pt x="0" y="68"/>
                </a:lnTo>
                <a:lnTo>
                  <a:pt x="0" y="52"/>
                </a:lnTo>
                <a:lnTo>
                  <a:pt x="12" y="38"/>
                </a:lnTo>
                <a:lnTo>
                  <a:pt x="20" y="16"/>
                </a:lnTo>
                <a:lnTo>
                  <a:pt x="36" y="2"/>
                </a:lnTo>
                <a:lnTo>
                  <a:pt x="42" y="10"/>
                </a:lnTo>
                <a:lnTo>
                  <a:pt x="52" y="2"/>
                </a:lnTo>
                <a:lnTo>
                  <a:pt x="62" y="0"/>
                </a:lnTo>
                <a:lnTo>
                  <a:pt x="64" y="8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25" name="Freeform 111"/>
          <p:cNvSpPr>
            <a:spLocks/>
          </p:cNvSpPr>
          <p:nvPr/>
        </p:nvSpPr>
        <p:spPr bwMode="auto">
          <a:xfrm>
            <a:off x="5788025" y="2751138"/>
            <a:ext cx="55563" cy="193675"/>
          </a:xfrm>
          <a:custGeom>
            <a:avLst/>
            <a:gdLst>
              <a:gd name="T0" fmla="*/ 2147483647 w 44"/>
              <a:gd name="T1" fmla="*/ 2147483647 h 150"/>
              <a:gd name="T2" fmla="*/ 2147483647 w 44"/>
              <a:gd name="T3" fmla="*/ 2147483647 h 150"/>
              <a:gd name="T4" fmla="*/ 2147483647 w 44"/>
              <a:gd name="T5" fmla="*/ 2147483647 h 150"/>
              <a:gd name="T6" fmla="*/ 2147483647 w 44"/>
              <a:gd name="T7" fmla="*/ 2147483647 h 150"/>
              <a:gd name="T8" fmla="*/ 2147483647 w 44"/>
              <a:gd name="T9" fmla="*/ 2147483647 h 150"/>
              <a:gd name="T10" fmla="*/ 2147483647 w 44"/>
              <a:gd name="T11" fmla="*/ 2147483647 h 150"/>
              <a:gd name="T12" fmla="*/ 2147483647 w 44"/>
              <a:gd name="T13" fmla="*/ 2147483647 h 150"/>
              <a:gd name="T14" fmla="*/ 2147483647 w 44"/>
              <a:gd name="T15" fmla="*/ 2147483647 h 150"/>
              <a:gd name="T16" fmla="*/ 0 w 44"/>
              <a:gd name="T17" fmla="*/ 2147483647 h 150"/>
              <a:gd name="T18" fmla="*/ 0 w 44"/>
              <a:gd name="T19" fmla="*/ 2147483647 h 150"/>
              <a:gd name="T20" fmla="*/ 2147483647 w 44"/>
              <a:gd name="T21" fmla="*/ 2147483647 h 150"/>
              <a:gd name="T22" fmla="*/ 2147483647 w 44"/>
              <a:gd name="T23" fmla="*/ 2147483647 h 150"/>
              <a:gd name="T24" fmla="*/ 2147483647 w 44"/>
              <a:gd name="T25" fmla="*/ 2147483647 h 150"/>
              <a:gd name="T26" fmla="*/ 2147483647 w 44"/>
              <a:gd name="T27" fmla="*/ 2147483647 h 150"/>
              <a:gd name="T28" fmla="*/ 2147483647 w 44"/>
              <a:gd name="T29" fmla="*/ 0 h 150"/>
              <a:gd name="T30" fmla="*/ 2147483647 w 44"/>
              <a:gd name="T31" fmla="*/ 2147483647 h 15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0" t="0" r="r" b="b"/>
            <a:pathLst>
              <a:path w="44" h="150">
                <a:moveTo>
                  <a:pt x="44" y="4"/>
                </a:moveTo>
                <a:lnTo>
                  <a:pt x="40" y="24"/>
                </a:lnTo>
                <a:lnTo>
                  <a:pt x="36" y="40"/>
                </a:lnTo>
                <a:lnTo>
                  <a:pt x="28" y="64"/>
                </a:lnTo>
                <a:lnTo>
                  <a:pt x="22" y="86"/>
                </a:lnTo>
                <a:lnTo>
                  <a:pt x="16" y="120"/>
                </a:lnTo>
                <a:lnTo>
                  <a:pt x="12" y="138"/>
                </a:lnTo>
                <a:lnTo>
                  <a:pt x="4" y="150"/>
                </a:lnTo>
                <a:lnTo>
                  <a:pt x="0" y="128"/>
                </a:lnTo>
                <a:lnTo>
                  <a:pt x="0" y="104"/>
                </a:lnTo>
                <a:lnTo>
                  <a:pt x="12" y="76"/>
                </a:lnTo>
                <a:lnTo>
                  <a:pt x="20" y="54"/>
                </a:lnTo>
                <a:lnTo>
                  <a:pt x="32" y="34"/>
                </a:lnTo>
                <a:lnTo>
                  <a:pt x="32" y="12"/>
                </a:lnTo>
                <a:lnTo>
                  <a:pt x="36" y="0"/>
                </a:lnTo>
                <a:lnTo>
                  <a:pt x="44" y="4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26" name="Freeform 112"/>
          <p:cNvSpPr>
            <a:spLocks/>
          </p:cNvSpPr>
          <p:nvPr/>
        </p:nvSpPr>
        <p:spPr bwMode="auto">
          <a:xfrm>
            <a:off x="5994400" y="2222500"/>
            <a:ext cx="68263" cy="52388"/>
          </a:xfrm>
          <a:custGeom>
            <a:avLst/>
            <a:gdLst>
              <a:gd name="T0" fmla="*/ 2147483647 w 52"/>
              <a:gd name="T1" fmla="*/ 2147483647 h 40"/>
              <a:gd name="T2" fmla="*/ 2147483647 w 52"/>
              <a:gd name="T3" fmla="*/ 2147483647 h 40"/>
              <a:gd name="T4" fmla="*/ 2147483647 w 52"/>
              <a:gd name="T5" fmla="*/ 2147483647 h 40"/>
              <a:gd name="T6" fmla="*/ 2147483647 w 52"/>
              <a:gd name="T7" fmla="*/ 2147483647 h 40"/>
              <a:gd name="T8" fmla="*/ 2147483647 w 52"/>
              <a:gd name="T9" fmla="*/ 2147483647 h 40"/>
              <a:gd name="T10" fmla="*/ 2147483647 w 52"/>
              <a:gd name="T11" fmla="*/ 2147483647 h 40"/>
              <a:gd name="T12" fmla="*/ 2147483647 w 52"/>
              <a:gd name="T13" fmla="*/ 2147483647 h 40"/>
              <a:gd name="T14" fmla="*/ 2147483647 w 52"/>
              <a:gd name="T15" fmla="*/ 2147483647 h 40"/>
              <a:gd name="T16" fmla="*/ 2147483647 w 52"/>
              <a:gd name="T17" fmla="*/ 2147483647 h 40"/>
              <a:gd name="T18" fmla="*/ 2147483647 w 52"/>
              <a:gd name="T19" fmla="*/ 2147483647 h 40"/>
              <a:gd name="T20" fmla="*/ 2147483647 w 52"/>
              <a:gd name="T21" fmla="*/ 2147483647 h 40"/>
              <a:gd name="T22" fmla="*/ 2147483647 w 52"/>
              <a:gd name="T23" fmla="*/ 2147483647 h 40"/>
              <a:gd name="T24" fmla="*/ 0 w 52"/>
              <a:gd name="T25" fmla="*/ 2147483647 h 40"/>
              <a:gd name="T26" fmla="*/ 2147483647 w 52"/>
              <a:gd name="T27" fmla="*/ 2147483647 h 40"/>
              <a:gd name="T28" fmla="*/ 2147483647 w 52"/>
              <a:gd name="T29" fmla="*/ 2147483647 h 40"/>
              <a:gd name="T30" fmla="*/ 2147483647 w 52"/>
              <a:gd name="T31" fmla="*/ 2147483647 h 40"/>
              <a:gd name="T32" fmla="*/ 2147483647 w 52"/>
              <a:gd name="T33" fmla="*/ 0 h 40"/>
              <a:gd name="T34" fmla="*/ 2147483647 w 52"/>
              <a:gd name="T35" fmla="*/ 2147483647 h 40"/>
              <a:gd name="T36" fmla="*/ 2147483647 w 52"/>
              <a:gd name="T37" fmla="*/ 2147483647 h 40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0" t="0" r="r" b="b"/>
            <a:pathLst>
              <a:path w="52" h="40">
                <a:moveTo>
                  <a:pt x="32" y="12"/>
                </a:moveTo>
                <a:lnTo>
                  <a:pt x="32" y="22"/>
                </a:lnTo>
                <a:lnTo>
                  <a:pt x="44" y="18"/>
                </a:lnTo>
                <a:lnTo>
                  <a:pt x="52" y="18"/>
                </a:lnTo>
                <a:lnTo>
                  <a:pt x="52" y="32"/>
                </a:lnTo>
                <a:lnTo>
                  <a:pt x="40" y="32"/>
                </a:lnTo>
                <a:lnTo>
                  <a:pt x="36" y="40"/>
                </a:lnTo>
                <a:lnTo>
                  <a:pt x="28" y="34"/>
                </a:lnTo>
                <a:lnTo>
                  <a:pt x="20" y="34"/>
                </a:lnTo>
                <a:lnTo>
                  <a:pt x="12" y="32"/>
                </a:lnTo>
                <a:lnTo>
                  <a:pt x="10" y="24"/>
                </a:lnTo>
                <a:lnTo>
                  <a:pt x="4" y="24"/>
                </a:lnTo>
                <a:lnTo>
                  <a:pt x="0" y="14"/>
                </a:lnTo>
                <a:lnTo>
                  <a:pt x="8" y="8"/>
                </a:lnTo>
                <a:lnTo>
                  <a:pt x="16" y="14"/>
                </a:lnTo>
                <a:lnTo>
                  <a:pt x="24" y="12"/>
                </a:lnTo>
                <a:lnTo>
                  <a:pt x="22" y="0"/>
                </a:lnTo>
                <a:lnTo>
                  <a:pt x="28" y="2"/>
                </a:lnTo>
                <a:lnTo>
                  <a:pt x="32" y="12"/>
                </a:lnTo>
                <a:close/>
              </a:path>
            </a:pathLst>
          </a:custGeom>
          <a:solidFill>
            <a:srgbClr val="C0C0C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27" name="Freeform 113"/>
          <p:cNvSpPr>
            <a:spLocks/>
          </p:cNvSpPr>
          <p:nvPr/>
        </p:nvSpPr>
        <p:spPr bwMode="auto">
          <a:xfrm>
            <a:off x="4794250" y="4494213"/>
            <a:ext cx="1514475" cy="1525587"/>
          </a:xfrm>
          <a:custGeom>
            <a:avLst/>
            <a:gdLst>
              <a:gd name="T0" fmla="*/ 2147483647 w 1169"/>
              <a:gd name="T1" fmla="*/ 2147483647 h 1178"/>
              <a:gd name="T2" fmla="*/ 2147483647 w 1169"/>
              <a:gd name="T3" fmla="*/ 2147483647 h 1178"/>
              <a:gd name="T4" fmla="*/ 2147483647 w 1169"/>
              <a:gd name="T5" fmla="*/ 2147483647 h 1178"/>
              <a:gd name="T6" fmla="*/ 2147483647 w 1169"/>
              <a:gd name="T7" fmla="*/ 2147483647 h 1178"/>
              <a:gd name="T8" fmla="*/ 2147483647 w 1169"/>
              <a:gd name="T9" fmla="*/ 2147483647 h 1178"/>
              <a:gd name="T10" fmla="*/ 2147483647 w 1169"/>
              <a:gd name="T11" fmla="*/ 2147483647 h 1178"/>
              <a:gd name="T12" fmla="*/ 2147483647 w 1169"/>
              <a:gd name="T13" fmla="*/ 2147483647 h 1178"/>
              <a:gd name="T14" fmla="*/ 2147483647 w 1169"/>
              <a:gd name="T15" fmla="*/ 2147483647 h 1178"/>
              <a:gd name="T16" fmla="*/ 2147483647 w 1169"/>
              <a:gd name="T17" fmla="*/ 2147483647 h 1178"/>
              <a:gd name="T18" fmla="*/ 2147483647 w 1169"/>
              <a:gd name="T19" fmla="*/ 2147483647 h 1178"/>
              <a:gd name="T20" fmla="*/ 2147483647 w 1169"/>
              <a:gd name="T21" fmla="*/ 2147483647 h 1178"/>
              <a:gd name="T22" fmla="*/ 2147483647 w 1169"/>
              <a:gd name="T23" fmla="*/ 2147483647 h 1178"/>
              <a:gd name="T24" fmla="*/ 2147483647 w 1169"/>
              <a:gd name="T25" fmla="*/ 2147483647 h 1178"/>
              <a:gd name="T26" fmla="*/ 2147483647 w 1169"/>
              <a:gd name="T27" fmla="*/ 2147483647 h 1178"/>
              <a:gd name="T28" fmla="*/ 2147483647 w 1169"/>
              <a:gd name="T29" fmla="*/ 2147483647 h 1178"/>
              <a:gd name="T30" fmla="*/ 2147483647 w 1169"/>
              <a:gd name="T31" fmla="*/ 2147483647 h 1178"/>
              <a:gd name="T32" fmla="*/ 2147483647 w 1169"/>
              <a:gd name="T33" fmla="*/ 2147483647 h 1178"/>
              <a:gd name="T34" fmla="*/ 2147483647 w 1169"/>
              <a:gd name="T35" fmla="*/ 2147483647 h 1178"/>
              <a:gd name="T36" fmla="*/ 2147483647 w 1169"/>
              <a:gd name="T37" fmla="*/ 2147483647 h 1178"/>
              <a:gd name="T38" fmla="*/ 2147483647 w 1169"/>
              <a:gd name="T39" fmla="*/ 2147483647 h 1178"/>
              <a:gd name="T40" fmla="*/ 2147483647 w 1169"/>
              <a:gd name="T41" fmla="*/ 2147483647 h 1178"/>
              <a:gd name="T42" fmla="*/ 2147483647 w 1169"/>
              <a:gd name="T43" fmla="*/ 2147483647 h 1178"/>
              <a:gd name="T44" fmla="*/ 2147483647 w 1169"/>
              <a:gd name="T45" fmla="*/ 2147483647 h 1178"/>
              <a:gd name="T46" fmla="*/ 2147483647 w 1169"/>
              <a:gd name="T47" fmla="*/ 2147483647 h 1178"/>
              <a:gd name="T48" fmla="*/ 2147483647 w 1169"/>
              <a:gd name="T49" fmla="*/ 2147483647 h 1178"/>
              <a:gd name="T50" fmla="*/ 2147483647 w 1169"/>
              <a:gd name="T51" fmla="*/ 2147483647 h 1178"/>
              <a:gd name="T52" fmla="*/ 2147483647 w 1169"/>
              <a:gd name="T53" fmla="*/ 2147483647 h 1178"/>
              <a:gd name="T54" fmla="*/ 2147483647 w 1169"/>
              <a:gd name="T55" fmla="*/ 2147483647 h 1178"/>
              <a:gd name="T56" fmla="*/ 2147483647 w 1169"/>
              <a:gd name="T57" fmla="*/ 2147483647 h 1178"/>
              <a:gd name="T58" fmla="*/ 2147483647 w 1169"/>
              <a:gd name="T59" fmla="*/ 2147483647 h 1178"/>
              <a:gd name="T60" fmla="*/ 2147483647 w 1169"/>
              <a:gd name="T61" fmla="*/ 2147483647 h 1178"/>
              <a:gd name="T62" fmla="*/ 2147483647 w 1169"/>
              <a:gd name="T63" fmla="*/ 2147483647 h 1178"/>
              <a:gd name="T64" fmla="*/ 2147483647 w 1169"/>
              <a:gd name="T65" fmla="*/ 2147483647 h 1178"/>
              <a:gd name="T66" fmla="*/ 2147483647 w 1169"/>
              <a:gd name="T67" fmla="*/ 2147483647 h 1178"/>
              <a:gd name="T68" fmla="*/ 2147483647 w 1169"/>
              <a:gd name="T69" fmla="*/ 2147483647 h 1178"/>
              <a:gd name="T70" fmla="*/ 2147483647 w 1169"/>
              <a:gd name="T71" fmla="*/ 2147483647 h 1178"/>
              <a:gd name="T72" fmla="*/ 2147483647 w 1169"/>
              <a:gd name="T73" fmla="*/ 2147483647 h 1178"/>
              <a:gd name="T74" fmla="*/ 2147483647 w 1169"/>
              <a:gd name="T75" fmla="*/ 2147483647 h 1178"/>
              <a:gd name="T76" fmla="*/ 2147483647 w 1169"/>
              <a:gd name="T77" fmla="*/ 2147483647 h 1178"/>
              <a:gd name="T78" fmla="*/ 2147483647 w 1169"/>
              <a:gd name="T79" fmla="*/ 2147483647 h 1178"/>
              <a:gd name="T80" fmla="*/ 2147483647 w 1169"/>
              <a:gd name="T81" fmla="*/ 2147483647 h 1178"/>
              <a:gd name="T82" fmla="*/ 2147483647 w 1169"/>
              <a:gd name="T83" fmla="*/ 2147483647 h 1178"/>
              <a:gd name="T84" fmla="*/ 2147483647 w 1169"/>
              <a:gd name="T85" fmla="*/ 2147483647 h 1178"/>
              <a:gd name="T86" fmla="*/ 2147483647 w 1169"/>
              <a:gd name="T87" fmla="*/ 2147483647 h 1178"/>
              <a:gd name="T88" fmla="*/ 2147483647 w 1169"/>
              <a:gd name="T89" fmla="*/ 2147483647 h 1178"/>
              <a:gd name="T90" fmla="*/ 2147483647 w 1169"/>
              <a:gd name="T91" fmla="*/ 2147483647 h 1178"/>
              <a:gd name="T92" fmla="*/ 2147483647 w 1169"/>
              <a:gd name="T93" fmla="*/ 2147483647 h 1178"/>
              <a:gd name="T94" fmla="*/ 2147483647 w 1169"/>
              <a:gd name="T95" fmla="*/ 2147483647 h 1178"/>
              <a:gd name="T96" fmla="*/ 2147483647 w 1169"/>
              <a:gd name="T97" fmla="*/ 2147483647 h 1178"/>
              <a:gd name="T98" fmla="*/ 2147483647 w 1169"/>
              <a:gd name="T99" fmla="*/ 2147483647 h 1178"/>
              <a:gd name="T100" fmla="*/ 2147483647 w 1169"/>
              <a:gd name="T101" fmla="*/ 2147483647 h 1178"/>
              <a:gd name="T102" fmla="*/ 2147483647 w 1169"/>
              <a:gd name="T103" fmla="*/ 2147483647 h 1178"/>
              <a:gd name="T104" fmla="*/ 2147483647 w 1169"/>
              <a:gd name="T105" fmla="*/ 2147483647 h 1178"/>
              <a:gd name="T106" fmla="*/ 2147483647 w 1169"/>
              <a:gd name="T107" fmla="*/ 2147483647 h 1178"/>
              <a:gd name="T108" fmla="*/ 2147483647 w 1169"/>
              <a:gd name="T109" fmla="*/ 2147483647 h 1178"/>
              <a:gd name="T110" fmla="*/ 2147483647 w 1169"/>
              <a:gd name="T111" fmla="*/ 2147483647 h 1178"/>
              <a:gd name="T112" fmla="*/ 2147483647 w 1169"/>
              <a:gd name="T113" fmla="*/ 2147483647 h 1178"/>
              <a:gd name="T114" fmla="*/ 2147483647 w 1169"/>
              <a:gd name="T115" fmla="*/ 2147483647 h 1178"/>
              <a:gd name="T116" fmla="*/ 2147483647 w 1169"/>
              <a:gd name="T117" fmla="*/ 2147483647 h 117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169" h="1178">
                <a:moveTo>
                  <a:pt x="637" y="158"/>
                </a:moveTo>
                <a:lnTo>
                  <a:pt x="635" y="166"/>
                </a:lnTo>
                <a:lnTo>
                  <a:pt x="623" y="182"/>
                </a:lnTo>
                <a:lnTo>
                  <a:pt x="613" y="176"/>
                </a:lnTo>
                <a:lnTo>
                  <a:pt x="611" y="162"/>
                </a:lnTo>
                <a:lnTo>
                  <a:pt x="593" y="170"/>
                </a:lnTo>
                <a:lnTo>
                  <a:pt x="595" y="184"/>
                </a:lnTo>
                <a:lnTo>
                  <a:pt x="573" y="192"/>
                </a:lnTo>
                <a:lnTo>
                  <a:pt x="563" y="206"/>
                </a:lnTo>
                <a:lnTo>
                  <a:pt x="547" y="212"/>
                </a:lnTo>
                <a:lnTo>
                  <a:pt x="535" y="206"/>
                </a:lnTo>
                <a:lnTo>
                  <a:pt x="517" y="210"/>
                </a:lnTo>
                <a:lnTo>
                  <a:pt x="519" y="226"/>
                </a:lnTo>
                <a:lnTo>
                  <a:pt x="509" y="236"/>
                </a:lnTo>
                <a:lnTo>
                  <a:pt x="525" y="254"/>
                </a:lnTo>
                <a:lnTo>
                  <a:pt x="527" y="266"/>
                </a:lnTo>
                <a:lnTo>
                  <a:pt x="543" y="276"/>
                </a:lnTo>
                <a:lnTo>
                  <a:pt x="535" y="296"/>
                </a:lnTo>
                <a:lnTo>
                  <a:pt x="521" y="298"/>
                </a:lnTo>
                <a:lnTo>
                  <a:pt x="517" y="310"/>
                </a:lnTo>
                <a:lnTo>
                  <a:pt x="529" y="330"/>
                </a:lnTo>
                <a:lnTo>
                  <a:pt x="519" y="338"/>
                </a:lnTo>
                <a:lnTo>
                  <a:pt x="529" y="362"/>
                </a:lnTo>
                <a:lnTo>
                  <a:pt x="541" y="382"/>
                </a:lnTo>
                <a:lnTo>
                  <a:pt x="553" y="394"/>
                </a:lnTo>
                <a:lnTo>
                  <a:pt x="565" y="404"/>
                </a:lnTo>
                <a:lnTo>
                  <a:pt x="577" y="406"/>
                </a:lnTo>
                <a:lnTo>
                  <a:pt x="593" y="418"/>
                </a:lnTo>
                <a:lnTo>
                  <a:pt x="611" y="436"/>
                </a:lnTo>
                <a:lnTo>
                  <a:pt x="627" y="444"/>
                </a:lnTo>
                <a:lnTo>
                  <a:pt x="647" y="448"/>
                </a:lnTo>
                <a:lnTo>
                  <a:pt x="655" y="458"/>
                </a:lnTo>
                <a:lnTo>
                  <a:pt x="665" y="484"/>
                </a:lnTo>
                <a:lnTo>
                  <a:pt x="679" y="518"/>
                </a:lnTo>
                <a:lnTo>
                  <a:pt x="691" y="554"/>
                </a:lnTo>
                <a:lnTo>
                  <a:pt x="715" y="592"/>
                </a:lnTo>
                <a:lnTo>
                  <a:pt x="743" y="612"/>
                </a:lnTo>
                <a:lnTo>
                  <a:pt x="759" y="630"/>
                </a:lnTo>
                <a:lnTo>
                  <a:pt x="773" y="628"/>
                </a:lnTo>
                <a:lnTo>
                  <a:pt x="777" y="640"/>
                </a:lnTo>
                <a:lnTo>
                  <a:pt x="799" y="648"/>
                </a:lnTo>
                <a:lnTo>
                  <a:pt x="815" y="660"/>
                </a:lnTo>
                <a:lnTo>
                  <a:pt x="851" y="658"/>
                </a:lnTo>
                <a:lnTo>
                  <a:pt x="883" y="654"/>
                </a:lnTo>
                <a:lnTo>
                  <a:pt x="903" y="648"/>
                </a:lnTo>
                <a:lnTo>
                  <a:pt x="913" y="654"/>
                </a:lnTo>
                <a:lnTo>
                  <a:pt x="917" y="670"/>
                </a:lnTo>
                <a:lnTo>
                  <a:pt x="903" y="682"/>
                </a:lnTo>
                <a:lnTo>
                  <a:pt x="891" y="690"/>
                </a:lnTo>
                <a:lnTo>
                  <a:pt x="893" y="702"/>
                </a:lnTo>
                <a:lnTo>
                  <a:pt x="907" y="718"/>
                </a:lnTo>
                <a:lnTo>
                  <a:pt x="949" y="734"/>
                </a:lnTo>
                <a:lnTo>
                  <a:pt x="975" y="746"/>
                </a:lnTo>
                <a:lnTo>
                  <a:pt x="1009" y="752"/>
                </a:lnTo>
                <a:lnTo>
                  <a:pt x="1031" y="764"/>
                </a:lnTo>
                <a:lnTo>
                  <a:pt x="1049" y="778"/>
                </a:lnTo>
                <a:lnTo>
                  <a:pt x="1077" y="788"/>
                </a:lnTo>
                <a:lnTo>
                  <a:pt x="1097" y="796"/>
                </a:lnTo>
                <a:lnTo>
                  <a:pt x="1111" y="800"/>
                </a:lnTo>
                <a:lnTo>
                  <a:pt x="1115" y="812"/>
                </a:lnTo>
                <a:lnTo>
                  <a:pt x="1133" y="822"/>
                </a:lnTo>
                <a:lnTo>
                  <a:pt x="1147" y="832"/>
                </a:lnTo>
                <a:lnTo>
                  <a:pt x="1163" y="848"/>
                </a:lnTo>
                <a:lnTo>
                  <a:pt x="1169" y="864"/>
                </a:lnTo>
                <a:lnTo>
                  <a:pt x="1167" y="872"/>
                </a:lnTo>
                <a:lnTo>
                  <a:pt x="1159" y="880"/>
                </a:lnTo>
                <a:lnTo>
                  <a:pt x="1159" y="894"/>
                </a:lnTo>
                <a:lnTo>
                  <a:pt x="1159" y="904"/>
                </a:lnTo>
                <a:lnTo>
                  <a:pt x="1145" y="902"/>
                </a:lnTo>
                <a:lnTo>
                  <a:pt x="1133" y="900"/>
                </a:lnTo>
                <a:lnTo>
                  <a:pt x="1119" y="888"/>
                </a:lnTo>
                <a:lnTo>
                  <a:pt x="1119" y="868"/>
                </a:lnTo>
                <a:lnTo>
                  <a:pt x="1105" y="852"/>
                </a:lnTo>
                <a:lnTo>
                  <a:pt x="1093" y="848"/>
                </a:lnTo>
                <a:lnTo>
                  <a:pt x="1065" y="848"/>
                </a:lnTo>
                <a:lnTo>
                  <a:pt x="1049" y="844"/>
                </a:lnTo>
                <a:lnTo>
                  <a:pt x="1037" y="838"/>
                </a:lnTo>
                <a:lnTo>
                  <a:pt x="1037" y="828"/>
                </a:lnTo>
                <a:lnTo>
                  <a:pt x="1017" y="824"/>
                </a:lnTo>
                <a:lnTo>
                  <a:pt x="1005" y="834"/>
                </a:lnTo>
                <a:lnTo>
                  <a:pt x="995" y="856"/>
                </a:lnTo>
                <a:lnTo>
                  <a:pt x="989" y="872"/>
                </a:lnTo>
                <a:lnTo>
                  <a:pt x="977" y="884"/>
                </a:lnTo>
                <a:lnTo>
                  <a:pt x="977" y="896"/>
                </a:lnTo>
                <a:lnTo>
                  <a:pt x="981" y="904"/>
                </a:lnTo>
                <a:lnTo>
                  <a:pt x="973" y="914"/>
                </a:lnTo>
                <a:lnTo>
                  <a:pt x="971" y="924"/>
                </a:lnTo>
                <a:lnTo>
                  <a:pt x="973" y="942"/>
                </a:lnTo>
                <a:lnTo>
                  <a:pt x="987" y="948"/>
                </a:lnTo>
                <a:lnTo>
                  <a:pt x="1003" y="948"/>
                </a:lnTo>
                <a:lnTo>
                  <a:pt x="1017" y="960"/>
                </a:lnTo>
                <a:lnTo>
                  <a:pt x="1029" y="964"/>
                </a:lnTo>
                <a:lnTo>
                  <a:pt x="1039" y="972"/>
                </a:lnTo>
                <a:lnTo>
                  <a:pt x="1041" y="992"/>
                </a:lnTo>
                <a:lnTo>
                  <a:pt x="1043" y="1008"/>
                </a:lnTo>
                <a:lnTo>
                  <a:pt x="1049" y="1020"/>
                </a:lnTo>
                <a:lnTo>
                  <a:pt x="1043" y="1036"/>
                </a:lnTo>
                <a:lnTo>
                  <a:pt x="1021" y="1034"/>
                </a:lnTo>
                <a:lnTo>
                  <a:pt x="1003" y="1046"/>
                </a:lnTo>
                <a:lnTo>
                  <a:pt x="989" y="1060"/>
                </a:lnTo>
                <a:lnTo>
                  <a:pt x="989" y="1074"/>
                </a:lnTo>
                <a:lnTo>
                  <a:pt x="993" y="1088"/>
                </a:lnTo>
                <a:lnTo>
                  <a:pt x="995" y="1108"/>
                </a:lnTo>
                <a:lnTo>
                  <a:pt x="977" y="1118"/>
                </a:lnTo>
                <a:lnTo>
                  <a:pt x="963" y="1138"/>
                </a:lnTo>
                <a:lnTo>
                  <a:pt x="953" y="1148"/>
                </a:lnTo>
                <a:lnTo>
                  <a:pt x="955" y="1162"/>
                </a:lnTo>
                <a:lnTo>
                  <a:pt x="945" y="1176"/>
                </a:lnTo>
                <a:lnTo>
                  <a:pt x="927" y="1178"/>
                </a:lnTo>
                <a:lnTo>
                  <a:pt x="911" y="1178"/>
                </a:lnTo>
                <a:lnTo>
                  <a:pt x="901" y="1164"/>
                </a:lnTo>
                <a:lnTo>
                  <a:pt x="903" y="1146"/>
                </a:lnTo>
                <a:lnTo>
                  <a:pt x="903" y="1136"/>
                </a:lnTo>
                <a:lnTo>
                  <a:pt x="917" y="1126"/>
                </a:lnTo>
                <a:lnTo>
                  <a:pt x="921" y="1110"/>
                </a:lnTo>
                <a:lnTo>
                  <a:pt x="927" y="1094"/>
                </a:lnTo>
                <a:lnTo>
                  <a:pt x="917" y="1086"/>
                </a:lnTo>
                <a:lnTo>
                  <a:pt x="919" y="1074"/>
                </a:lnTo>
                <a:lnTo>
                  <a:pt x="939" y="1070"/>
                </a:lnTo>
                <a:lnTo>
                  <a:pt x="951" y="1062"/>
                </a:lnTo>
                <a:lnTo>
                  <a:pt x="951" y="1042"/>
                </a:lnTo>
                <a:lnTo>
                  <a:pt x="933" y="1018"/>
                </a:lnTo>
                <a:lnTo>
                  <a:pt x="933" y="996"/>
                </a:lnTo>
                <a:lnTo>
                  <a:pt x="921" y="972"/>
                </a:lnTo>
                <a:lnTo>
                  <a:pt x="907" y="960"/>
                </a:lnTo>
                <a:lnTo>
                  <a:pt x="899" y="932"/>
                </a:lnTo>
                <a:lnTo>
                  <a:pt x="895" y="916"/>
                </a:lnTo>
                <a:lnTo>
                  <a:pt x="885" y="900"/>
                </a:lnTo>
                <a:lnTo>
                  <a:pt x="869" y="896"/>
                </a:lnTo>
                <a:lnTo>
                  <a:pt x="859" y="908"/>
                </a:lnTo>
                <a:lnTo>
                  <a:pt x="849" y="906"/>
                </a:lnTo>
                <a:lnTo>
                  <a:pt x="835" y="892"/>
                </a:lnTo>
                <a:lnTo>
                  <a:pt x="815" y="886"/>
                </a:lnTo>
                <a:lnTo>
                  <a:pt x="805" y="870"/>
                </a:lnTo>
                <a:lnTo>
                  <a:pt x="807" y="850"/>
                </a:lnTo>
                <a:lnTo>
                  <a:pt x="797" y="834"/>
                </a:lnTo>
                <a:lnTo>
                  <a:pt x="787" y="826"/>
                </a:lnTo>
                <a:lnTo>
                  <a:pt x="769" y="832"/>
                </a:lnTo>
                <a:lnTo>
                  <a:pt x="757" y="834"/>
                </a:lnTo>
                <a:lnTo>
                  <a:pt x="745" y="836"/>
                </a:lnTo>
                <a:lnTo>
                  <a:pt x="751" y="824"/>
                </a:lnTo>
                <a:lnTo>
                  <a:pt x="753" y="818"/>
                </a:lnTo>
                <a:lnTo>
                  <a:pt x="745" y="810"/>
                </a:lnTo>
                <a:lnTo>
                  <a:pt x="735" y="802"/>
                </a:lnTo>
                <a:lnTo>
                  <a:pt x="727" y="806"/>
                </a:lnTo>
                <a:lnTo>
                  <a:pt x="725" y="814"/>
                </a:lnTo>
                <a:lnTo>
                  <a:pt x="717" y="814"/>
                </a:lnTo>
                <a:lnTo>
                  <a:pt x="709" y="814"/>
                </a:lnTo>
                <a:lnTo>
                  <a:pt x="705" y="814"/>
                </a:lnTo>
                <a:lnTo>
                  <a:pt x="699" y="808"/>
                </a:lnTo>
                <a:lnTo>
                  <a:pt x="707" y="796"/>
                </a:lnTo>
                <a:lnTo>
                  <a:pt x="697" y="776"/>
                </a:lnTo>
                <a:lnTo>
                  <a:pt x="687" y="764"/>
                </a:lnTo>
                <a:lnTo>
                  <a:pt x="677" y="756"/>
                </a:lnTo>
                <a:lnTo>
                  <a:pt x="667" y="756"/>
                </a:lnTo>
                <a:lnTo>
                  <a:pt x="661" y="762"/>
                </a:lnTo>
                <a:lnTo>
                  <a:pt x="649" y="756"/>
                </a:lnTo>
                <a:lnTo>
                  <a:pt x="635" y="752"/>
                </a:lnTo>
                <a:lnTo>
                  <a:pt x="623" y="756"/>
                </a:lnTo>
                <a:lnTo>
                  <a:pt x="619" y="764"/>
                </a:lnTo>
                <a:lnTo>
                  <a:pt x="607" y="754"/>
                </a:lnTo>
                <a:lnTo>
                  <a:pt x="599" y="738"/>
                </a:lnTo>
                <a:lnTo>
                  <a:pt x="589" y="738"/>
                </a:lnTo>
                <a:lnTo>
                  <a:pt x="571" y="732"/>
                </a:lnTo>
                <a:lnTo>
                  <a:pt x="555" y="712"/>
                </a:lnTo>
                <a:lnTo>
                  <a:pt x="541" y="704"/>
                </a:lnTo>
                <a:lnTo>
                  <a:pt x="529" y="698"/>
                </a:lnTo>
                <a:lnTo>
                  <a:pt x="519" y="674"/>
                </a:lnTo>
                <a:lnTo>
                  <a:pt x="503" y="664"/>
                </a:lnTo>
                <a:lnTo>
                  <a:pt x="485" y="658"/>
                </a:lnTo>
                <a:lnTo>
                  <a:pt x="479" y="646"/>
                </a:lnTo>
                <a:lnTo>
                  <a:pt x="467" y="626"/>
                </a:lnTo>
                <a:lnTo>
                  <a:pt x="451" y="618"/>
                </a:lnTo>
                <a:lnTo>
                  <a:pt x="439" y="614"/>
                </a:lnTo>
                <a:lnTo>
                  <a:pt x="421" y="620"/>
                </a:lnTo>
                <a:lnTo>
                  <a:pt x="417" y="612"/>
                </a:lnTo>
                <a:lnTo>
                  <a:pt x="425" y="606"/>
                </a:lnTo>
                <a:lnTo>
                  <a:pt x="427" y="596"/>
                </a:lnTo>
                <a:lnTo>
                  <a:pt x="411" y="582"/>
                </a:lnTo>
                <a:lnTo>
                  <a:pt x="401" y="572"/>
                </a:lnTo>
                <a:lnTo>
                  <a:pt x="383" y="562"/>
                </a:lnTo>
                <a:lnTo>
                  <a:pt x="385" y="550"/>
                </a:lnTo>
                <a:lnTo>
                  <a:pt x="375" y="544"/>
                </a:lnTo>
                <a:lnTo>
                  <a:pt x="361" y="540"/>
                </a:lnTo>
                <a:lnTo>
                  <a:pt x="361" y="512"/>
                </a:lnTo>
                <a:lnTo>
                  <a:pt x="353" y="488"/>
                </a:lnTo>
                <a:lnTo>
                  <a:pt x="337" y="470"/>
                </a:lnTo>
                <a:lnTo>
                  <a:pt x="335" y="450"/>
                </a:lnTo>
                <a:lnTo>
                  <a:pt x="335" y="428"/>
                </a:lnTo>
                <a:lnTo>
                  <a:pt x="325" y="410"/>
                </a:lnTo>
                <a:lnTo>
                  <a:pt x="307" y="398"/>
                </a:lnTo>
                <a:lnTo>
                  <a:pt x="285" y="398"/>
                </a:lnTo>
                <a:lnTo>
                  <a:pt x="261" y="378"/>
                </a:lnTo>
                <a:lnTo>
                  <a:pt x="242" y="366"/>
                </a:lnTo>
                <a:lnTo>
                  <a:pt x="230" y="364"/>
                </a:lnTo>
                <a:lnTo>
                  <a:pt x="220" y="354"/>
                </a:lnTo>
                <a:lnTo>
                  <a:pt x="196" y="352"/>
                </a:lnTo>
                <a:lnTo>
                  <a:pt x="182" y="358"/>
                </a:lnTo>
                <a:lnTo>
                  <a:pt x="168" y="366"/>
                </a:lnTo>
                <a:lnTo>
                  <a:pt x="160" y="382"/>
                </a:lnTo>
                <a:lnTo>
                  <a:pt x="148" y="390"/>
                </a:lnTo>
                <a:lnTo>
                  <a:pt x="144" y="398"/>
                </a:lnTo>
                <a:lnTo>
                  <a:pt x="136" y="414"/>
                </a:lnTo>
                <a:lnTo>
                  <a:pt x="116" y="426"/>
                </a:lnTo>
                <a:lnTo>
                  <a:pt x="100" y="428"/>
                </a:lnTo>
                <a:lnTo>
                  <a:pt x="90" y="434"/>
                </a:lnTo>
                <a:lnTo>
                  <a:pt x="80" y="432"/>
                </a:lnTo>
                <a:lnTo>
                  <a:pt x="74" y="416"/>
                </a:lnTo>
                <a:lnTo>
                  <a:pt x="86" y="400"/>
                </a:lnTo>
                <a:lnTo>
                  <a:pt x="94" y="394"/>
                </a:lnTo>
                <a:lnTo>
                  <a:pt x="88" y="382"/>
                </a:lnTo>
                <a:lnTo>
                  <a:pt x="64" y="382"/>
                </a:lnTo>
                <a:lnTo>
                  <a:pt x="44" y="374"/>
                </a:lnTo>
                <a:lnTo>
                  <a:pt x="24" y="366"/>
                </a:lnTo>
                <a:lnTo>
                  <a:pt x="18" y="350"/>
                </a:lnTo>
                <a:lnTo>
                  <a:pt x="22" y="340"/>
                </a:lnTo>
                <a:lnTo>
                  <a:pt x="16" y="326"/>
                </a:lnTo>
                <a:lnTo>
                  <a:pt x="28" y="314"/>
                </a:lnTo>
                <a:lnTo>
                  <a:pt x="38" y="304"/>
                </a:lnTo>
                <a:lnTo>
                  <a:pt x="32" y="290"/>
                </a:lnTo>
                <a:lnTo>
                  <a:pt x="14" y="286"/>
                </a:lnTo>
                <a:lnTo>
                  <a:pt x="10" y="278"/>
                </a:lnTo>
                <a:lnTo>
                  <a:pt x="10" y="270"/>
                </a:lnTo>
                <a:lnTo>
                  <a:pt x="0" y="256"/>
                </a:lnTo>
                <a:lnTo>
                  <a:pt x="12" y="250"/>
                </a:lnTo>
                <a:lnTo>
                  <a:pt x="24" y="252"/>
                </a:lnTo>
                <a:lnTo>
                  <a:pt x="32" y="242"/>
                </a:lnTo>
                <a:lnTo>
                  <a:pt x="44" y="240"/>
                </a:lnTo>
                <a:lnTo>
                  <a:pt x="44" y="228"/>
                </a:lnTo>
                <a:lnTo>
                  <a:pt x="52" y="220"/>
                </a:lnTo>
                <a:lnTo>
                  <a:pt x="36" y="206"/>
                </a:lnTo>
                <a:lnTo>
                  <a:pt x="32" y="188"/>
                </a:lnTo>
                <a:lnTo>
                  <a:pt x="22" y="180"/>
                </a:lnTo>
                <a:lnTo>
                  <a:pt x="16" y="170"/>
                </a:lnTo>
                <a:lnTo>
                  <a:pt x="24" y="158"/>
                </a:lnTo>
                <a:lnTo>
                  <a:pt x="38" y="160"/>
                </a:lnTo>
                <a:lnTo>
                  <a:pt x="40" y="152"/>
                </a:lnTo>
                <a:lnTo>
                  <a:pt x="48" y="158"/>
                </a:lnTo>
                <a:lnTo>
                  <a:pt x="76" y="152"/>
                </a:lnTo>
                <a:lnTo>
                  <a:pt x="96" y="146"/>
                </a:lnTo>
                <a:lnTo>
                  <a:pt x="114" y="154"/>
                </a:lnTo>
                <a:lnTo>
                  <a:pt x="130" y="144"/>
                </a:lnTo>
                <a:lnTo>
                  <a:pt x="142" y="122"/>
                </a:lnTo>
                <a:lnTo>
                  <a:pt x="140" y="112"/>
                </a:lnTo>
                <a:lnTo>
                  <a:pt x="138" y="108"/>
                </a:lnTo>
                <a:lnTo>
                  <a:pt x="148" y="106"/>
                </a:lnTo>
                <a:lnTo>
                  <a:pt x="160" y="88"/>
                </a:lnTo>
                <a:lnTo>
                  <a:pt x="172" y="86"/>
                </a:lnTo>
                <a:lnTo>
                  <a:pt x="172" y="116"/>
                </a:lnTo>
                <a:lnTo>
                  <a:pt x="190" y="132"/>
                </a:lnTo>
                <a:lnTo>
                  <a:pt x="206" y="134"/>
                </a:lnTo>
                <a:lnTo>
                  <a:pt x="202" y="146"/>
                </a:lnTo>
                <a:lnTo>
                  <a:pt x="210" y="154"/>
                </a:lnTo>
                <a:lnTo>
                  <a:pt x="214" y="168"/>
                </a:lnTo>
                <a:lnTo>
                  <a:pt x="226" y="166"/>
                </a:lnTo>
                <a:lnTo>
                  <a:pt x="220" y="152"/>
                </a:lnTo>
                <a:lnTo>
                  <a:pt x="220" y="138"/>
                </a:lnTo>
                <a:lnTo>
                  <a:pt x="244" y="116"/>
                </a:lnTo>
                <a:lnTo>
                  <a:pt x="244" y="84"/>
                </a:lnTo>
                <a:lnTo>
                  <a:pt x="261" y="84"/>
                </a:lnTo>
                <a:lnTo>
                  <a:pt x="263" y="100"/>
                </a:lnTo>
                <a:lnTo>
                  <a:pt x="279" y="108"/>
                </a:lnTo>
                <a:lnTo>
                  <a:pt x="303" y="96"/>
                </a:lnTo>
                <a:lnTo>
                  <a:pt x="317" y="116"/>
                </a:lnTo>
                <a:lnTo>
                  <a:pt x="327" y="112"/>
                </a:lnTo>
                <a:lnTo>
                  <a:pt x="323" y="104"/>
                </a:lnTo>
                <a:lnTo>
                  <a:pt x="325" y="94"/>
                </a:lnTo>
                <a:lnTo>
                  <a:pt x="313" y="80"/>
                </a:lnTo>
                <a:lnTo>
                  <a:pt x="327" y="66"/>
                </a:lnTo>
                <a:lnTo>
                  <a:pt x="337" y="76"/>
                </a:lnTo>
                <a:lnTo>
                  <a:pt x="353" y="76"/>
                </a:lnTo>
                <a:lnTo>
                  <a:pt x="353" y="66"/>
                </a:lnTo>
                <a:lnTo>
                  <a:pt x="347" y="60"/>
                </a:lnTo>
                <a:lnTo>
                  <a:pt x="347" y="52"/>
                </a:lnTo>
                <a:lnTo>
                  <a:pt x="353" y="36"/>
                </a:lnTo>
                <a:lnTo>
                  <a:pt x="369" y="32"/>
                </a:lnTo>
                <a:lnTo>
                  <a:pt x="383" y="46"/>
                </a:lnTo>
                <a:lnTo>
                  <a:pt x="407" y="44"/>
                </a:lnTo>
                <a:lnTo>
                  <a:pt x="407" y="26"/>
                </a:lnTo>
                <a:lnTo>
                  <a:pt x="419" y="18"/>
                </a:lnTo>
                <a:lnTo>
                  <a:pt x="471" y="14"/>
                </a:lnTo>
                <a:lnTo>
                  <a:pt x="505" y="0"/>
                </a:lnTo>
                <a:lnTo>
                  <a:pt x="509" y="8"/>
                </a:lnTo>
                <a:lnTo>
                  <a:pt x="497" y="12"/>
                </a:lnTo>
                <a:lnTo>
                  <a:pt x="499" y="24"/>
                </a:lnTo>
                <a:lnTo>
                  <a:pt x="515" y="28"/>
                </a:lnTo>
                <a:lnTo>
                  <a:pt x="515" y="40"/>
                </a:lnTo>
                <a:lnTo>
                  <a:pt x="533" y="56"/>
                </a:lnTo>
                <a:lnTo>
                  <a:pt x="555" y="62"/>
                </a:lnTo>
                <a:lnTo>
                  <a:pt x="577" y="64"/>
                </a:lnTo>
                <a:lnTo>
                  <a:pt x="645" y="70"/>
                </a:lnTo>
                <a:lnTo>
                  <a:pt x="619" y="92"/>
                </a:lnTo>
                <a:lnTo>
                  <a:pt x="617" y="108"/>
                </a:lnTo>
                <a:lnTo>
                  <a:pt x="639" y="116"/>
                </a:lnTo>
                <a:lnTo>
                  <a:pt x="625" y="132"/>
                </a:lnTo>
                <a:lnTo>
                  <a:pt x="627" y="142"/>
                </a:lnTo>
                <a:lnTo>
                  <a:pt x="643" y="144"/>
                </a:lnTo>
                <a:lnTo>
                  <a:pt x="637" y="158"/>
                </a:lnTo>
                <a:close/>
              </a:path>
            </a:pathLst>
          </a:custGeom>
          <a:solidFill>
            <a:srgbClr val="FF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sp>
        <p:nvSpPr>
          <p:cNvPr id="130128" name="Freeform 114"/>
          <p:cNvSpPr>
            <a:spLocks/>
          </p:cNvSpPr>
          <p:nvPr/>
        </p:nvSpPr>
        <p:spPr bwMode="auto">
          <a:xfrm>
            <a:off x="5770563" y="6369050"/>
            <a:ext cx="71437" cy="84138"/>
          </a:xfrm>
          <a:custGeom>
            <a:avLst/>
            <a:gdLst>
              <a:gd name="T0" fmla="*/ 2147483647 w 30"/>
              <a:gd name="T1" fmla="*/ 0 h 22"/>
              <a:gd name="T2" fmla="*/ 2147483647 w 30"/>
              <a:gd name="T3" fmla="*/ 2147483647 h 22"/>
              <a:gd name="T4" fmla="*/ 2147483647 w 30"/>
              <a:gd name="T5" fmla="*/ 2147483647 h 22"/>
              <a:gd name="T6" fmla="*/ 2147483647 w 30"/>
              <a:gd name="T7" fmla="*/ 2147483647 h 22"/>
              <a:gd name="T8" fmla="*/ 2147483647 w 30"/>
              <a:gd name="T9" fmla="*/ 2147483647 h 22"/>
              <a:gd name="T10" fmla="*/ 2147483647 w 30"/>
              <a:gd name="T11" fmla="*/ 2147483647 h 22"/>
              <a:gd name="T12" fmla="*/ 2147483647 w 30"/>
              <a:gd name="T13" fmla="*/ 2147483647 h 22"/>
              <a:gd name="T14" fmla="*/ 0 w 30"/>
              <a:gd name="T15" fmla="*/ 2147483647 h 22"/>
              <a:gd name="T16" fmla="*/ 0 w 30"/>
              <a:gd name="T17" fmla="*/ 2147483647 h 22"/>
              <a:gd name="T18" fmla="*/ 2147483647 w 30"/>
              <a:gd name="T19" fmla="*/ 0 h 22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0" t="0" r="r" b="b"/>
            <a:pathLst>
              <a:path w="30" h="22">
                <a:moveTo>
                  <a:pt x="8" y="0"/>
                </a:moveTo>
                <a:lnTo>
                  <a:pt x="18" y="2"/>
                </a:lnTo>
                <a:lnTo>
                  <a:pt x="26" y="6"/>
                </a:lnTo>
                <a:lnTo>
                  <a:pt x="30" y="14"/>
                </a:lnTo>
                <a:lnTo>
                  <a:pt x="24" y="22"/>
                </a:lnTo>
                <a:lnTo>
                  <a:pt x="16" y="22"/>
                </a:lnTo>
                <a:lnTo>
                  <a:pt x="2" y="18"/>
                </a:lnTo>
                <a:lnTo>
                  <a:pt x="0" y="10"/>
                </a:lnTo>
                <a:lnTo>
                  <a:pt x="0" y="2"/>
                </a:lnTo>
                <a:lnTo>
                  <a:pt x="8" y="0"/>
                </a:lnTo>
                <a:close/>
              </a:path>
            </a:pathLst>
          </a:custGeom>
          <a:solidFill>
            <a:srgbClr val="800000"/>
          </a:solidFill>
          <a:ln w="6350">
            <a:solidFill>
              <a:srgbClr val="000000"/>
            </a:solidFill>
            <a:prstDash val="solid"/>
            <a:round/>
            <a:headEnd/>
            <a:tailEnd/>
          </a:ln>
        </p:spPr>
        <p:txBody>
          <a:bodyPr/>
          <a:lstStyle/>
          <a:p>
            <a:endParaRPr lang="en-US"/>
          </a:p>
        </p:txBody>
      </p:sp>
      <p:pic>
        <p:nvPicPr>
          <p:cNvPr id="130129" name="Picture 115" descr="logoiotf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115300" y="6218238"/>
            <a:ext cx="1028700" cy="5826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17652" name="Rectangle 116"/>
          <p:cNvSpPr>
            <a:spLocks noChangeArrowheads="1"/>
          </p:cNvSpPr>
          <p:nvPr/>
        </p:nvSpPr>
        <p:spPr bwMode="auto">
          <a:xfrm>
            <a:off x="0" y="6597650"/>
            <a:ext cx="9144000" cy="260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eaLnBrk="0" hangingPunct="0">
              <a:defRPr/>
            </a:pPr>
            <a:r>
              <a:rPr lang="en-GB" sz="1000">
                <a:solidFill>
                  <a:schemeClr val="tx1"/>
                </a:solidFill>
                <a:latin typeface="Arial" charset="0"/>
                <a:cs typeface="Arial" charset="0"/>
              </a:rPr>
              <a:t>© International Obesity TaskForce 2005</a:t>
            </a:r>
            <a:r>
              <a:rPr lang="en-US" sz="1100">
                <a:solidFill>
                  <a:schemeClr val="tx1"/>
                </a:solidFill>
                <a:latin typeface="Times" charset="0"/>
                <a:cs typeface="+mn-cs"/>
              </a:rPr>
              <a:t> </a:t>
            </a:r>
            <a:endParaRPr lang="en-US" sz="2400">
              <a:solidFill>
                <a:schemeClr val="tx1"/>
              </a:solidFill>
              <a:latin typeface="Times" charset="0"/>
              <a:cs typeface="+mn-cs"/>
            </a:endParaRPr>
          </a:p>
        </p:txBody>
      </p:sp>
      <p:graphicFrame>
        <p:nvGraphicFramePr>
          <p:cNvPr id="1217653" name="Group 117"/>
          <p:cNvGraphicFramePr>
            <a:graphicFrameLocks noGrp="1"/>
          </p:cNvGraphicFramePr>
          <p:nvPr/>
        </p:nvGraphicFramePr>
        <p:xfrm>
          <a:off x="7812088" y="476250"/>
          <a:ext cx="1152525" cy="4054474"/>
        </p:xfrm>
        <a:graphic>
          <a:graphicData uri="http://schemas.openxmlformats.org/drawingml/2006/table">
            <a:tbl>
              <a:tblPr/>
              <a:tblGrid>
                <a:gridCol w="269875"/>
                <a:gridCol w="882650"/>
              </a:tblGrid>
              <a:tr h="304848">
                <a:tc gridSpan="2"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% Obesity</a:t>
                      </a:r>
                      <a:endParaRPr kumimoji="0" lang="en-GB" sz="14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&lt; 5 % 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CC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5-9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99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10-14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66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15-19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00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20-24.9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640180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8000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  <a:cs typeface="Times New Roman" charset="0"/>
                        </a:rPr>
                        <a:t>≥ 25%</a:t>
                      </a: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GB" sz="1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51824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28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charset="0"/>
                        <a:ea typeface="ＭＳ Ｐゴシック" charset="0"/>
                      </a:endParaRP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90">
                      <a:fgClr>
                        <a:srgbClr val="99CCFF"/>
                      </a:fgClr>
                      <a:bgClr>
                        <a:schemeClr val="accent2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0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charset="0"/>
                          <a:ea typeface="ＭＳ Ｐゴシック" charset="0"/>
                        </a:rPr>
                        <a:t>Self Reported data</a:t>
                      </a:r>
                    </a:p>
                  </a:txBody>
                  <a:tcPr marT="45727" marB="4572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1217681" name="Text Box 145"/>
          <p:cNvSpPr txBox="1">
            <a:spLocks noChangeArrowheads="1"/>
          </p:cNvSpPr>
          <p:nvPr/>
        </p:nvSpPr>
        <p:spPr bwMode="auto">
          <a:xfrm>
            <a:off x="3276600" y="52578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p</a:t>
            </a:r>
          </a:p>
        </p:txBody>
      </p:sp>
      <p:sp>
        <p:nvSpPr>
          <p:cNvPr id="1217682" name="Text Box 146"/>
          <p:cNvSpPr txBox="1">
            <a:spLocks noChangeArrowheads="1"/>
          </p:cNvSpPr>
          <p:nvPr/>
        </p:nvSpPr>
        <p:spPr bwMode="auto">
          <a:xfrm>
            <a:off x="4191000" y="4419600"/>
            <a:ext cx="4572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f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83" name="Text Box 147"/>
          <p:cNvSpPr txBox="1">
            <a:spLocks noChangeArrowheads="1"/>
          </p:cNvSpPr>
          <p:nvPr/>
        </p:nvSpPr>
        <p:spPr bwMode="auto">
          <a:xfrm>
            <a:off x="2590800" y="5410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po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84" name="Text Box 148"/>
          <p:cNvSpPr txBox="1">
            <a:spLocks noChangeArrowheads="1"/>
          </p:cNvSpPr>
          <p:nvPr/>
        </p:nvSpPr>
        <p:spPr bwMode="auto">
          <a:xfrm>
            <a:off x="5867400" y="34290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pol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85" name="Text Box 149"/>
          <p:cNvSpPr txBox="1">
            <a:spLocks noChangeArrowheads="1"/>
          </p:cNvSpPr>
          <p:nvPr/>
        </p:nvSpPr>
        <p:spPr bwMode="auto">
          <a:xfrm>
            <a:off x="5105400" y="4648200"/>
            <a:ext cx="4572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it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86" name="Text Box 150"/>
          <p:cNvSpPr txBox="1">
            <a:spLocks noChangeArrowheads="1"/>
          </p:cNvSpPr>
          <p:nvPr/>
        </p:nvSpPr>
        <p:spPr bwMode="auto">
          <a:xfrm>
            <a:off x="3810000" y="32766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uk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87" name="Text Box 151"/>
          <p:cNvSpPr txBox="1">
            <a:spLocks noChangeArrowheads="1"/>
          </p:cNvSpPr>
          <p:nvPr/>
        </p:nvSpPr>
        <p:spPr bwMode="auto">
          <a:xfrm>
            <a:off x="4953000" y="36576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ge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88" name="Text Box 152"/>
          <p:cNvSpPr txBox="1">
            <a:spLocks noChangeArrowheads="1"/>
          </p:cNvSpPr>
          <p:nvPr/>
        </p:nvSpPr>
        <p:spPr bwMode="auto">
          <a:xfrm>
            <a:off x="5410200" y="22098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we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89" name="Text Box 153"/>
          <p:cNvSpPr txBox="1">
            <a:spLocks noChangeArrowheads="1"/>
          </p:cNvSpPr>
          <p:nvPr/>
        </p:nvSpPr>
        <p:spPr bwMode="auto">
          <a:xfrm>
            <a:off x="4876800" y="1981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nor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90" name="Text Box 154"/>
          <p:cNvSpPr txBox="1">
            <a:spLocks noChangeArrowheads="1"/>
          </p:cNvSpPr>
          <p:nvPr/>
        </p:nvSpPr>
        <p:spPr bwMode="auto">
          <a:xfrm>
            <a:off x="4800600" y="43434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sw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91" name="Text Box 155"/>
          <p:cNvSpPr txBox="1">
            <a:spLocks noChangeArrowheads="1"/>
          </p:cNvSpPr>
          <p:nvPr/>
        </p:nvSpPr>
        <p:spPr bwMode="auto">
          <a:xfrm>
            <a:off x="5486400" y="4267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aus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92" name="Text Box 156"/>
          <p:cNvSpPr txBox="1">
            <a:spLocks noChangeArrowheads="1"/>
          </p:cNvSpPr>
          <p:nvPr/>
        </p:nvSpPr>
        <p:spPr bwMode="auto">
          <a:xfrm>
            <a:off x="4419600" y="37338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bel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93" name="Text Box 157"/>
          <p:cNvSpPr txBox="1">
            <a:spLocks noChangeArrowheads="1"/>
          </p:cNvSpPr>
          <p:nvPr/>
        </p:nvSpPr>
        <p:spPr bwMode="auto">
          <a:xfrm>
            <a:off x="4495800" y="34290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net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94" name="Text Box 158"/>
          <p:cNvSpPr txBox="1">
            <a:spLocks noChangeArrowheads="1"/>
          </p:cNvSpPr>
          <p:nvPr/>
        </p:nvSpPr>
        <p:spPr bwMode="auto">
          <a:xfrm>
            <a:off x="6172200" y="1600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fin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95" name="Text Box 159"/>
          <p:cNvSpPr txBox="1">
            <a:spLocks noChangeArrowheads="1"/>
          </p:cNvSpPr>
          <p:nvPr/>
        </p:nvSpPr>
        <p:spPr bwMode="auto">
          <a:xfrm>
            <a:off x="3200400" y="31242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ire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  <p:sp>
        <p:nvSpPr>
          <p:cNvPr id="1217696" name="Text Box 160"/>
          <p:cNvSpPr txBox="1">
            <a:spLocks noChangeArrowheads="1"/>
          </p:cNvSpPr>
          <p:nvPr/>
        </p:nvSpPr>
        <p:spPr bwMode="auto">
          <a:xfrm>
            <a:off x="4953000" y="2819400"/>
            <a:ext cx="533400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500" b="1">
                <a:solidFill>
                  <a:schemeClr val="tx1"/>
                </a:solidFill>
                <a:cs typeface="+mn-cs"/>
              </a:rPr>
              <a:t>den</a:t>
            </a:r>
            <a:endParaRPr lang="en-US" sz="2400">
              <a:solidFill>
                <a:schemeClr val="tx1"/>
              </a:solidFill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0861679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19586" name="Object 2"/>
          <p:cNvGraphicFramePr>
            <a:graphicFrameLocks noGrp="1" noChangeAspect="1"/>
          </p:cNvGraphicFramePr>
          <p:nvPr>
            <p:ph sz="half" idx="1"/>
          </p:nvPr>
        </p:nvGraphicFramePr>
        <p:xfrm>
          <a:off x="1752600" y="1981200"/>
          <a:ext cx="3005138" cy="3048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38" name="Photo Editor Photo" r:id="rId4" imgW="2676899" imgH="2715004" progId="MSPhotoEd.3">
                  <p:embed/>
                </p:oleObj>
              </mc:Choice>
              <mc:Fallback>
                <p:oleObj name="Photo Editor Photo" r:id="rId4" imgW="2676899" imgH="2715004" progId="MSPhotoEd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752600" y="1981200"/>
                        <a:ext cx="3005138" cy="30480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 xmlns="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xmlns="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 xmlns="">
                            <a:effectLst>
                              <a:outerShdw blurRad="63500" dist="38099" dir="2700000" algn="ctr" rotWithShape="0">
                                <a:schemeClr val="bg2">
                                  <a:alpha val="74997"/>
                                </a:schemeClr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19587" name="Picture 3"/>
          <p:cNvPicPr>
            <a:picLocks noGrp="1" noChangeAspect="1" noChangeArrowheads="1"/>
          </p:cNvPicPr>
          <p:nvPr>
            <p:ph sz="quarter" idx="2"/>
          </p:nvPr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5334000" y="1981200"/>
            <a:ext cx="2300288" cy="3048000"/>
          </a:xfrm>
          <a:extLs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rgbClr val="808080">
                      <a:alpha val="74998"/>
                    </a:srgbClr>
                  </a:outerShdw>
                </a:effectLst>
              </a14:hiddenEffects>
            </a:ext>
          </a:extLst>
        </p:spPr>
      </p:pic>
      <p:sp>
        <p:nvSpPr>
          <p:cNvPr id="1219588" name="Text Box 4"/>
          <p:cNvSpPr txBox="1">
            <a:spLocks noChangeArrowheads="1"/>
          </p:cNvSpPr>
          <p:nvPr/>
        </p:nvSpPr>
        <p:spPr bwMode="auto">
          <a:xfrm>
            <a:off x="0" y="0"/>
            <a:ext cx="9144000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eaLnBrk="0" hangingPunct="0">
              <a:spcBef>
                <a:spcPct val="50000"/>
              </a:spcBef>
              <a:defRPr/>
            </a:pPr>
            <a:r>
              <a:rPr lang="en-US" sz="4800" b="1" dirty="0">
                <a:solidFill>
                  <a:srgbClr val="0000FF"/>
                </a:solidFill>
                <a:cs typeface="+mn-cs"/>
              </a:rPr>
              <a:t>Obesity is a global pandemic</a:t>
            </a:r>
          </a:p>
        </p:txBody>
      </p:sp>
    </p:spTree>
    <p:extLst>
      <p:ext uri="{BB962C8B-B14F-4D97-AF65-F5344CB8AC3E}">
        <p14:creationId xmlns:p14="http://schemas.microsoft.com/office/powerpoint/2010/main" val="3740327667"/>
      </p:ext>
    </p:extLst>
  </p:cSld>
  <p:clrMapOvr>
    <a:masterClrMapping/>
  </p:clrMapOvr>
  <p:transition>
    <p:zoom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4" presetClass="entr" presetSubtype="3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1958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out)">
                                      <p:cBhvr>
                                        <p:cTn id="7" dur="500"/>
                                        <p:tgtEl>
                                          <p:spTgt spid="121958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 nodeType="afterGroup">
                            <p:stCondLst>
                              <p:cond delay="500"/>
                            </p:stCondLst>
                            <p:childTnLst>
                              <p:par>
                                <p:cTn id="9" presetID="4" presetClass="entr" presetSubtype="32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1958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out)">
                                      <p:cBhvr>
                                        <p:cTn id="11" dur="500"/>
                                        <p:tgtEl>
                                          <p:spTgt spid="121958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2" fill="hold" nodeType="afterGroup">
                            <p:stCondLst>
                              <p:cond delay="1000"/>
                            </p:stCondLst>
                            <p:childTnLst>
                              <p:par>
                                <p:cTn id="13" presetID="4" presetClass="entr" presetSubtype="32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1958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out)">
                                      <p:cBhvr>
                                        <p:cTn id="15" dur="500"/>
                                        <p:tgtEl>
                                          <p:spTgt spid="121958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19588" grpId="0" autoUpdateAnimBg="0"/>
    </p:bld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-25400" y="2133600"/>
            <a:ext cx="9144000" cy="30469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9600" b="1" dirty="0" smtClean="0">
                <a:solidFill>
                  <a:srgbClr val="000090"/>
                </a:solidFill>
                <a:latin typeface="Times New Roman"/>
                <a:cs typeface="Times New Roman"/>
              </a:rPr>
              <a:t>The Excitement of Aging Science</a:t>
            </a:r>
            <a:endParaRPr lang="en-US" sz="9600" b="1" dirty="0">
              <a:solidFill>
                <a:srgbClr val="000090"/>
              </a:solidFill>
              <a:latin typeface="Times New Roman"/>
              <a:cs typeface="Times New Roman"/>
            </a:endParaRPr>
          </a:p>
        </p:txBody>
      </p:sp>
    </p:spTree>
    <p:extLst>
      <p:ext uri="{BB962C8B-B14F-4D97-AF65-F5344CB8AC3E}">
        <p14:creationId xmlns:p14="http://schemas.microsoft.com/office/powerpoint/2010/main" val="38438407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</p:bld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002" name="Group 1002"/>
          <p:cNvGrpSpPr/>
          <p:nvPr/>
        </p:nvGrpSpPr>
        <p:grpSpPr>
          <a:xfrm>
            <a:off x="1" y="76235"/>
            <a:ext cx="2911569" cy="3728339"/>
            <a:chOff x="0" y="0"/>
            <a:chExt cx="5078440" cy="6350000"/>
          </a:xfrm>
        </p:grpSpPr>
        <p:pic>
          <p:nvPicPr>
            <p:cNvPr id="999" name="image118.jpg" descr="TheScientist2"/>
            <p:cNvPicPr/>
            <p:nvPr/>
          </p:nvPicPr>
          <p:blipFill>
            <a:blip r:embed="rId2">
              <a:extLst/>
            </a:blip>
            <a:srcRect l="1478"/>
            <a:stretch>
              <a:fillRect/>
            </a:stretch>
          </p:blipFill>
          <p:spPr>
            <a:xfrm>
              <a:off x="0" y="0"/>
              <a:ext cx="5078440" cy="6350000"/>
            </a:xfrm>
            <a:prstGeom prst="rect">
              <a:avLst/>
            </a:prstGeom>
            <a:ln w="12700" cap="flat">
              <a:noFill/>
              <a:miter lim="400000"/>
            </a:ln>
            <a:effectLst/>
          </p:spPr>
        </p:pic>
        <p:sp>
          <p:nvSpPr>
            <p:cNvPr id="1000" name="Shape 1000"/>
            <p:cNvSpPr/>
            <p:nvPr/>
          </p:nvSpPr>
          <p:spPr>
            <a:xfrm>
              <a:off x="2213387" y="2505833"/>
              <a:ext cx="1255255" cy="995969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:ma14="http://schemas.microsoft.com/office/mac/drawingml/2011/main" xmlns="" val="1"/>
              </a:ext>
            </a:extLst>
          </p:spPr>
          <p:txBody>
            <a:bodyPr wrap="square" lIns="45719" tIns="45719" rIns="45719" bIns="45719" numCol="1" anchor="t">
              <a:spAutoFit/>
            </a:bodyPr>
            <a:lstStyle>
              <a:lvl1pPr defTabSz="914400">
                <a:spcBef>
                  <a:spcPts val="700"/>
                </a:spcBef>
                <a:defRPr sz="1200" b="1">
                  <a:solidFill>
                    <a:srgbClr val="FFFFFF"/>
                  </a:solidFill>
                  <a:latin typeface="Times New Roman"/>
                  <a:ea typeface="Times New Roman"/>
                  <a:cs typeface="Times New Roman"/>
                  <a:sym typeface="Times New Roman"/>
                </a:defRPr>
              </a:lvl1pPr>
            </a:lstStyle>
            <a:p>
              <a:pPr lvl="0" algn="l">
                <a:defRPr sz="1800" b="0">
                  <a:solidFill>
                    <a:srgbClr val="000000"/>
                  </a:solidFill>
                </a:defRPr>
              </a:pPr>
              <a:r>
                <a:rPr sz="800" dirty="0"/>
                <a:t>Daniel Perry    Richard A. Miller Robert N. Butler</a:t>
              </a:r>
            </a:p>
          </p:txBody>
        </p:sp>
      </p:grpSp>
      <p:grpSp>
        <p:nvGrpSpPr>
          <p:cNvPr id="6" name="Group 1011" descr="BMJ.jpg"/>
          <p:cNvGrpSpPr/>
          <p:nvPr/>
        </p:nvGrpSpPr>
        <p:grpSpPr>
          <a:xfrm>
            <a:off x="5402953" y="130876"/>
            <a:ext cx="3655740" cy="871204"/>
            <a:chOff x="-215900" y="-139700"/>
            <a:chExt cx="9575800" cy="2768600"/>
          </a:xfrm>
        </p:grpSpPr>
        <p:pic>
          <p:nvPicPr>
            <p:cNvPr id="7" name="image120.jpg" descr="BMJ.jpg"/>
            <p:cNvPicPr/>
            <p:nvPr/>
          </p:nvPicPr>
          <p:blipFill>
            <a:blip r:embed="rId3">
              <a:extLst/>
            </a:blip>
            <a:stretch>
              <a:fillRect/>
            </a:stretch>
          </p:blipFill>
          <p:spPr>
            <a:xfrm>
              <a:off x="0" y="0"/>
              <a:ext cx="9144000" cy="2209800"/>
            </a:xfrm>
            <a:prstGeom prst="rect">
              <a:avLst/>
            </a:prstGeom>
            <a:ln>
              <a:noFill/>
            </a:ln>
            <a:effectLst/>
          </p:spPr>
        </p:pic>
        <p:pic>
          <p:nvPicPr>
            <p:cNvPr id="8" name="Picture 7"/>
            <p:cNvPicPr/>
            <p:nvPr/>
          </p:nvPicPr>
          <p:blipFill>
            <a:blip r:embed="rId4">
              <a:extLst/>
            </a:blip>
            <a:stretch>
              <a:fillRect/>
            </a:stretch>
          </p:blipFill>
          <p:spPr>
            <a:xfrm>
              <a:off x="-215900" y="-139700"/>
              <a:ext cx="9575800" cy="2768600"/>
            </a:xfrm>
            <a:prstGeom prst="rect">
              <a:avLst/>
            </a:prstGeom>
            <a:effectLst/>
          </p:spPr>
        </p:pic>
      </p:grpSp>
      <p:pic>
        <p:nvPicPr>
          <p:cNvPr id="9" name="pasted-image.tif"/>
          <p:cNvPicPr/>
          <p:nvPr/>
        </p:nvPicPr>
        <p:blipFill>
          <a:blip r:embed="rId5">
            <a:extLst/>
          </a:blip>
          <a:stretch>
            <a:fillRect/>
          </a:stretch>
        </p:blipFill>
        <p:spPr>
          <a:xfrm>
            <a:off x="6584712" y="1002080"/>
            <a:ext cx="1339453" cy="1160859"/>
          </a:xfrm>
          <a:prstGeom prst="rect">
            <a:avLst/>
          </a:prstGeom>
          <a:ln w="12700">
            <a:miter lim="400000"/>
          </a:ln>
        </p:spPr>
      </p:pic>
      <p:grpSp>
        <p:nvGrpSpPr>
          <p:cNvPr id="10" name="Group 1008" descr="BMJ2.jpg"/>
          <p:cNvGrpSpPr/>
          <p:nvPr/>
        </p:nvGrpSpPr>
        <p:grpSpPr>
          <a:xfrm>
            <a:off x="2911570" y="24119"/>
            <a:ext cx="2491383" cy="3389933"/>
            <a:chOff x="-215900" y="-139700"/>
            <a:chExt cx="3543300" cy="4821237"/>
          </a:xfrm>
        </p:grpSpPr>
        <p:pic>
          <p:nvPicPr>
            <p:cNvPr id="11" name="image121.jpg" descr="BMJ2.jpg"/>
            <p:cNvPicPr/>
            <p:nvPr/>
          </p:nvPicPr>
          <p:blipFill>
            <a:blip r:embed="rId6">
              <a:extLst/>
            </a:blip>
            <a:stretch>
              <a:fillRect/>
            </a:stretch>
          </p:blipFill>
          <p:spPr>
            <a:xfrm>
              <a:off x="0" y="0"/>
              <a:ext cx="3111500" cy="4262438"/>
            </a:xfrm>
            <a:prstGeom prst="rect">
              <a:avLst/>
            </a:prstGeom>
            <a:ln>
              <a:noFill/>
            </a:ln>
            <a:effectLst/>
          </p:spPr>
        </p:pic>
        <p:pic>
          <p:nvPicPr>
            <p:cNvPr id="12" name="Picture 11"/>
            <p:cNvPicPr/>
            <p:nvPr/>
          </p:nvPicPr>
          <p:blipFill>
            <a:blip r:embed="rId7">
              <a:extLst/>
            </a:blip>
            <a:stretch>
              <a:fillRect/>
            </a:stretch>
          </p:blipFill>
          <p:spPr>
            <a:xfrm>
              <a:off x="-215900" y="-139700"/>
              <a:ext cx="3543300" cy="4821238"/>
            </a:xfrm>
            <a:prstGeom prst="rect">
              <a:avLst/>
            </a:prstGeom>
            <a:effectLst/>
          </p:spPr>
        </p:pic>
      </p:grpSp>
      <p:sp>
        <p:nvSpPr>
          <p:cNvPr id="13" name="Shape 1012"/>
          <p:cNvSpPr/>
          <p:nvPr/>
        </p:nvSpPr>
        <p:spPr>
          <a:xfrm>
            <a:off x="6757230" y="2304795"/>
            <a:ext cx="1049763" cy="333742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wrap="none" lIns="35717" tIns="35717" rIns="35717" bIns="35717" anchor="ctr">
            <a:spAutoFit/>
          </a:bodyPr>
          <a:lstStyle>
            <a:lvl1pPr>
              <a:spcBef>
                <a:spcPts val="4200"/>
              </a:spcBef>
              <a:buClr>
                <a:srgbClr val="29948E"/>
              </a:buClr>
              <a:defRPr sz="2400" i="1">
                <a:solidFill>
                  <a:srgbClr val="313D48"/>
                </a:solidFill>
                <a:latin typeface="Source Sans Pro Light"/>
                <a:ea typeface="Source Sans Pro Light"/>
                <a:cs typeface="Source Sans Pro Light"/>
                <a:sym typeface="Source Sans Pro Light"/>
              </a:defRPr>
            </a:lvl1pPr>
          </a:lstStyle>
          <a:p>
            <a:pPr lvl="0">
              <a:defRPr sz="1800" i="0">
                <a:solidFill>
                  <a:srgbClr val="000000"/>
                </a:solidFill>
              </a:defRPr>
            </a:pPr>
            <a:r>
              <a:rPr sz="1700" dirty="0"/>
              <a:t>July, 2008</a:t>
            </a:r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52932" y="3414053"/>
            <a:ext cx="2502767" cy="3296328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06857" y="4232472"/>
            <a:ext cx="2931753" cy="154153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77027242"/>
      </p:ext>
    </p:extLst>
  </p:cSld>
  <p:clrMapOvr>
    <a:masterClrMapping/>
  </p:clrMapOvr>
  <p:transition spd="slow">
    <p:dissolv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0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100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2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3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5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6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8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9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1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2" fill="hold">
                      <p:stCondLst>
                        <p:cond delay="indefinite"/>
                      </p:stCondLst>
                      <p:childTnLst>
                        <p:par>
                          <p:cTn id="23" fill="hold">
                            <p:stCondLst>
                              <p:cond delay="0"/>
                            </p:stCondLst>
                            <p:childTnLst>
                              <p:par>
                                <p:cTn id="24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6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31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" grpId="0" animBg="1"/>
    </p:bld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6561" name="Group 9"/>
          <p:cNvGrpSpPr>
            <a:grpSpLocks/>
          </p:cNvGrpSpPr>
          <p:nvPr/>
        </p:nvGrpSpPr>
        <p:grpSpPr bwMode="auto">
          <a:xfrm>
            <a:off x="5818188" y="1274763"/>
            <a:ext cx="3294062" cy="114300"/>
            <a:chOff x="304800" y="1447800"/>
            <a:chExt cx="8534400" cy="152400"/>
          </a:xfrm>
        </p:grpSpPr>
        <p:sp>
          <p:nvSpPr>
            <p:cNvPr id="66577" name="Rectangle 8"/>
            <p:cNvSpPr>
              <a:spLocks noChangeArrowheads="1"/>
            </p:cNvSpPr>
            <p:nvPr/>
          </p:nvSpPr>
          <p:spPr bwMode="auto">
            <a:xfrm>
              <a:off x="304800" y="1447800"/>
              <a:ext cx="4267200" cy="152400"/>
            </a:xfrm>
            <a:prstGeom prst="rect">
              <a:avLst/>
            </a:prstGeom>
            <a:gradFill rotWithShape="1">
              <a:gsLst>
                <a:gs pos="0">
                  <a:srgbClr val="CC00CC"/>
                </a:gs>
                <a:gs pos="100000">
                  <a:srgbClr val="FF3300"/>
                </a:gs>
              </a:gsLst>
              <a:lin ang="0" scaled="1"/>
            </a:gra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/>
            <a:p>
              <a:endParaRPr lang="en-US">
                <a:solidFill>
                  <a:srgbClr val="000000"/>
                </a:solidFill>
                <a:latin typeface="Calibri" charset="0"/>
              </a:endParaRPr>
            </a:p>
          </p:txBody>
        </p:sp>
        <p:sp>
          <p:nvSpPr>
            <p:cNvPr id="66578" name="Rectangle 9"/>
            <p:cNvSpPr>
              <a:spLocks noChangeArrowheads="1"/>
            </p:cNvSpPr>
            <p:nvPr/>
          </p:nvSpPr>
          <p:spPr bwMode="auto">
            <a:xfrm>
              <a:off x="4572000" y="1447800"/>
              <a:ext cx="4267200" cy="152400"/>
            </a:xfrm>
            <a:prstGeom prst="rect">
              <a:avLst/>
            </a:prstGeom>
            <a:gradFill rotWithShape="1">
              <a:gsLst>
                <a:gs pos="0">
                  <a:srgbClr val="FF3300"/>
                </a:gs>
                <a:gs pos="100000">
                  <a:srgbClr val="FFFF00"/>
                </a:gs>
              </a:gsLst>
              <a:lin ang="0" scaled="1"/>
            </a:gra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/>
            <a:p>
              <a:endParaRPr lang="en-US">
                <a:solidFill>
                  <a:srgbClr val="000000"/>
                </a:solidFill>
                <a:latin typeface="Calibri" charset="0"/>
              </a:endParaRPr>
            </a:p>
          </p:txBody>
        </p:sp>
      </p:grpSp>
      <p:grpSp>
        <p:nvGrpSpPr>
          <p:cNvPr id="49" name="Group 48"/>
          <p:cNvGrpSpPr>
            <a:grpSpLocks/>
          </p:cNvGrpSpPr>
          <p:nvPr/>
        </p:nvGrpSpPr>
        <p:grpSpPr bwMode="auto">
          <a:xfrm>
            <a:off x="3157538" y="2232025"/>
            <a:ext cx="3276600" cy="3276600"/>
            <a:chOff x="8001000" y="1219200"/>
            <a:chExt cx="3276932" cy="3276932"/>
          </a:xfrm>
          <a:solidFill>
            <a:srgbClr val="3366FF"/>
          </a:solidFill>
        </p:grpSpPr>
        <p:sp>
          <p:nvSpPr>
            <p:cNvPr id="50" name="Oval 49"/>
            <p:cNvSpPr>
              <a:spLocks noChangeAspect="1"/>
            </p:cNvSpPr>
            <p:nvPr/>
          </p:nvSpPr>
          <p:spPr>
            <a:xfrm>
              <a:off x="8001000" y="1219200"/>
              <a:ext cx="3276932" cy="3276932"/>
            </a:xfrm>
            <a:prstGeom prst="ellipse">
              <a:avLst/>
            </a:prstGeom>
            <a:grpFill/>
            <a:ln>
              <a:solidFill>
                <a:srgbClr val="FF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00">
                <a:solidFill>
                  <a:srgbClr val="002060"/>
                </a:solidFill>
              </a:endParaRPr>
            </a:p>
          </p:txBody>
        </p:sp>
        <p:sp>
          <p:nvSpPr>
            <p:cNvPr id="51" name="TextBox 50"/>
            <p:cNvSpPr txBox="1"/>
            <p:nvPr/>
          </p:nvSpPr>
          <p:spPr>
            <a:xfrm>
              <a:off x="8899631" y="2332151"/>
              <a:ext cx="1441566" cy="1138888"/>
            </a:xfrm>
            <a:prstGeom prst="rect">
              <a:avLst/>
            </a:prstGeom>
            <a:grpFill/>
            <a:ln w="12700">
              <a:noFill/>
            </a:ln>
          </p:spPr>
          <p:txBody>
            <a:bodyPr wrap="none">
              <a:spAutoFit/>
            </a:bodyPr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2800" b="1" dirty="0">
                  <a:solidFill>
                    <a:schemeClr val="accent2">
                      <a:lumMod val="50000"/>
                    </a:schemeClr>
                  </a:solidFill>
                  <a:latin typeface="Comic Sans MS" pitchFamily="66" charset="0"/>
                </a:rPr>
                <a:t>AGING</a:t>
              </a:r>
            </a:p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2000" b="1" dirty="0">
                  <a:solidFill>
                    <a:schemeClr val="accent2">
                      <a:lumMod val="50000"/>
                    </a:schemeClr>
                  </a:solidFill>
                  <a:latin typeface="Comic Sans MS" pitchFamily="66" charset="0"/>
                </a:rPr>
                <a:t>Frailty</a:t>
              </a:r>
            </a:p>
            <a:p>
              <a:pPr algn="ctr" fontAlgn="auto">
                <a:spcBef>
                  <a:spcPts val="0"/>
                </a:spcBef>
                <a:spcAft>
                  <a:spcPts val="1200"/>
                </a:spcAft>
                <a:defRPr/>
              </a:pPr>
              <a:r>
                <a:rPr lang="en-US" sz="2000" b="1" dirty="0">
                  <a:solidFill>
                    <a:schemeClr val="accent2">
                      <a:lumMod val="50000"/>
                    </a:schemeClr>
                  </a:solidFill>
                  <a:latin typeface="Comic Sans MS" pitchFamily="66" charset="0"/>
                </a:rPr>
                <a:t>Resilience</a:t>
              </a:r>
            </a:p>
          </p:txBody>
        </p:sp>
      </p:grpSp>
      <p:sp>
        <p:nvSpPr>
          <p:cNvPr id="53" name="Oval 52"/>
          <p:cNvSpPr>
            <a:spLocks noChangeAspect="1"/>
          </p:cNvSpPr>
          <p:nvPr/>
        </p:nvSpPr>
        <p:spPr>
          <a:xfrm>
            <a:off x="2509838" y="1547813"/>
            <a:ext cx="4572000" cy="4572000"/>
          </a:xfrm>
          <a:prstGeom prst="ellipse">
            <a:avLst/>
          </a:prstGeom>
          <a:noFill/>
          <a:ln w="2857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400">
              <a:solidFill>
                <a:srgbClr val="002060"/>
              </a:solidFill>
            </a:endParaRPr>
          </a:p>
        </p:txBody>
      </p:sp>
      <p:sp>
        <p:nvSpPr>
          <p:cNvPr id="66564" name="TextBox 53"/>
          <p:cNvSpPr txBox="1">
            <a:spLocks noChangeArrowheads="1"/>
          </p:cNvSpPr>
          <p:nvPr/>
        </p:nvSpPr>
        <p:spPr bwMode="auto">
          <a:xfrm>
            <a:off x="3897313" y="1393830"/>
            <a:ext cx="1792428" cy="307777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 wrap="none"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Frailty/Sarcopenia</a:t>
            </a:r>
          </a:p>
        </p:txBody>
      </p:sp>
      <p:sp>
        <p:nvSpPr>
          <p:cNvPr id="66565" name="TextBox 54"/>
          <p:cNvSpPr txBox="1">
            <a:spLocks noChangeArrowheads="1"/>
          </p:cNvSpPr>
          <p:nvPr/>
        </p:nvSpPr>
        <p:spPr bwMode="auto">
          <a:xfrm>
            <a:off x="5576888" y="5403855"/>
            <a:ext cx="2434744" cy="307777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 wrap="none"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COPD/ Pulmonary Fibrosis</a:t>
            </a:r>
          </a:p>
        </p:txBody>
      </p:sp>
      <p:sp>
        <p:nvSpPr>
          <p:cNvPr id="66566" name="TextBox 55"/>
          <p:cNvSpPr txBox="1">
            <a:spLocks noChangeArrowheads="1"/>
          </p:cNvSpPr>
          <p:nvPr/>
        </p:nvSpPr>
        <p:spPr bwMode="auto">
          <a:xfrm>
            <a:off x="6694490" y="3497268"/>
            <a:ext cx="771753" cy="307777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 wrap="none"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Stroke</a:t>
            </a:r>
          </a:p>
        </p:txBody>
      </p:sp>
      <p:sp>
        <p:nvSpPr>
          <p:cNvPr id="66567" name="TextBox 56"/>
          <p:cNvSpPr txBox="1">
            <a:spLocks noChangeArrowheads="1"/>
          </p:cNvSpPr>
          <p:nvPr/>
        </p:nvSpPr>
        <p:spPr bwMode="auto">
          <a:xfrm>
            <a:off x="6677026" y="4440243"/>
            <a:ext cx="546456" cy="307777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 wrap="none"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CVD</a:t>
            </a:r>
          </a:p>
        </p:txBody>
      </p:sp>
      <p:sp>
        <p:nvSpPr>
          <p:cNvPr id="66568" name="TextBox 57"/>
          <p:cNvSpPr txBox="1">
            <a:spLocks noChangeArrowheads="1"/>
          </p:cNvSpPr>
          <p:nvPr/>
        </p:nvSpPr>
        <p:spPr bwMode="auto">
          <a:xfrm>
            <a:off x="5688016" y="1897067"/>
            <a:ext cx="943575" cy="307777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 wrap="none"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Diabetes</a:t>
            </a:r>
          </a:p>
        </p:txBody>
      </p:sp>
      <p:sp>
        <p:nvSpPr>
          <p:cNvPr id="66569" name="TextBox 58"/>
          <p:cNvSpPr txBox="1">
            <a:spLocks noChangeArrowheads="1"/>
          </p:cNvSpPr>
          <p:nvPr/>
        </p:nvSpPr>
        <p:spPr bwMode="auto">
          <a:xfrm>
            <a:off x="6572248" y="2741618"/>
            <a:ext cx="768334" cy="307777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 wrap="none"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Cancer</a:t>
            </a:r>
          </a:p>
        </p:txBody>
      </p:sp>
      <p:sp>
        <p:nvSpPr>
          <p:cNvPr id="66570" name="TextBox 59"/>
          <p:cNvSpPr txBox="1">
            <a:spLocks noChangeArrowheads="1"/>
          </p:cNvSpPr>
          <p:nvPr/>
        </p:nvSpPr>
        <p:spPr bwMode="auto">
          <a:xfrm>
            <a:off x="3703643" y="5965830"/>
            <a:ext cx="2147643" cy="307777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 wrap="none"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Arthritis/Osteoporosis</a:t>
            </a:r>
          </a:p>
        </p:txBody>
      </p:sp>
      <p:sp>
        <p:nvSpPr>
          <p:cNvPr id="66571" name="TextBox 60"/>
          <p:cNvSpPr txBox="1">
            <a:spLocks noChangeArrowheads="1"/>
          </p:cNvSpPr>
          <p:nvPr/>
        </p:nvSpPr>
        <p:spPr bwMode="auto">
          <a:xfrm>
            <a:off x="2979744" y="5403855"/>
            <a:ext cx="965929" cy="307777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 wrap="none"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Blindness</a:t>
            </a:r>
          </a:p>
        </p:txBody>
      </p:sp>
      <p:sp>
        <p:nvSpPr>
          <p:cNvPr id="66572" name="TextBox 61"/>
          <p:cNvSpPr txBox="1">
            <a:spLocks noChangeArrowheads="1"/>
          </p:cNvSpPr>
          <p:nvPr/>
        </p:nvSpPr>
        <p:spPr bwMode="auto">
          <a:xfrm>
            <a:off x="2101851" y="4440243"/>
            <a:ext cx="1117150" cy="307777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 wrap="none"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HIV/AIDS</a:t>
            </a:r>
          </a:p>
        </p:txBody>
      </p:sp>
      <p:sp>
        <p:nvSpPr>
          <p:cNvPr id="66573" name="TextBox 62"/>
          <p:cNvSpPr txBox="1">
            <a:spLocks noChangeArrowheads="1"/>
          </p:cNvSpPr>
          <p:nvPr/>
        </p:nvSpPr>
        <p:spPr bwMode="auto">
          <a:xfrm>
            <a:off x="3032126" y="1897067"/>
            <a:ext cx="534972" cy="307777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 wrap="none"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CKD</a:t>
            </a:r>
          </a:p>
        </p:txBody>
      </p:sp>
      <p:sp>
        <p:nvSpPr>
          <p:cNvPr id="66574" name="TextBox 63"/>
          <p:cNvSpPr txBox="1">
            <a:spLocks noChangeArrowheads="1"/>
          </p:cNvSpPr>
          <p:nvPr/>
        </p:nvSpPr>
        <p:spPr bwMode="auto">
          <a:xfrm>
            <a:off x="1954213" y="3497268"/>
            <a:ext cx="1108822" cy="307777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 wrap="none"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Menopause</a:t>
            </a:r>
          </a:p>
        </p:txBody>
      </p:sp>
      <p:sp>
        <p:nvSpPr>
          <p:cNvPr id="66575" name="TextBox 64"/>
          <p:cNvSpPr txBox="1">
            <a:spLocks noChangeArrowheads="1"/>
          </p:cNvSpPr>
          <p:nvPr/>
        </p:nvSpPr>
        <p:spPr bwMode="auto">
          <a:xfrm>
            <a:off x="1519238" y="2608263"/>
            <a:ext cx="1908175" cy="317500"/>
          </a:xfrm>
          <a:prstGeom prst="rect">
            <a:avLst/>
          </a:prstGeom>
          <a:solidFill>
            <a:srgbClr val="CCFFCC"/>
          </a:solidFill>
          <a:ln w="12700">
            <a:solidFill>
              <a:schemeClr val="tx1"/>
            </a:solidFill>
            <a:miter lim="800000"/>
            <a:headEnd/>
            <a:tailEnd/>
          </a:ln>
        </p:spPr>
        <p:txBody>
          <a:bodyPr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eaLnBrk="1" hangingPunct="1"/>
            <a:r>
              <a:rPr lang="en-US" sz="1400" b="1">
                <a:solidFill>
                  <a:srgbClr val="002060"/>
                </a:solidFill>
                <a:latin typeface="Comic Sans MS" charset="0"/>
              </a:rPr>
              <a:t>Neurodegenerative</a:t>
            </a:r>
          </a:p>
        </p:txBody>
      </p:sp>
      <p:sp>
        <p:nvSpPr>
          <p:cNvPr id="66" name="TextBox 65"/>
          <p:cNvSpPr txBox="1">
            <a:spLocks noChangeArrowheads="1"/>
          </p:cNvSpPr>
          <p:nvPr/>
        </p:nvSpPr>
        <p:spPr bwMode="auto">
          <a:xfrm>
            <a:off x="827088" y="236544"/>
            <a:ext cx="7548562" cy="83099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2pPr>
            <a:lvl3pPr marL="11430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3pPr>
            <a:lvl4pPr marL="16002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4pPr>
            <a:lvl5pPr marL="2057400" indent="-228600" eaLnBrk="0" hangingPunct="0"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3200">
                <a:solidFill>
                  <a:srgbClr val="FFFFCC"/>
                </a:solidFill>
                <a:latin typeface="Times New Roman" charset="0"/>
                <a:ea typeface="ＭＳ Ｐゴシック" charset="0"/>
              </a:defRPr>
            </a:lvl9pPr>
          </a:lstStyle>
          <a:p>
            <a:pPr algn="ctr" eaLnBrk="1" hangingPunct="1"/>
            <a:r>
              <a:rPr lang="en-US" sz="2400" b="1">
                <a:solidFill>
                  <a:srgbClr val="800000"/>
                </a:solidFill>
                <a:latin typeface="Comic Sans MS" charset="0"/>
              </a:rPr>
              <a:t>AGING BIOLOGY IS AT THE CORE OF CHRONIC DISEASES</a:t>
            </a:r>
          </a:p>
        </p:txBody>
      </p:sp>
      <p:sp>
        <p:nvSpPr>
          <p:cNvPr id="2" name="TextBox 1"/>
          <p:cNvSpPr txBox="1"/>
          <p:nvPr/>
        </p:nvSpPr>
        <p:spPr>
          <a:xfrm>
            <a:off x="1" y="6304479"/>
            <a:ext cx="2979738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b="1" dirty="0" smtClean="0"/>
              <a:t>Source: Dr. Felipe Sierra</a:t>
            </a:r>
            <a:endParaRPr lang="en-US" b="1" dirty="0"/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31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1000" fill="hold"/>
                                        <p:tgtEl>
                                          <p:spTgt spid="49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49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0" dur="1000"/>
                                        <p:tgtEl>
                                          <p:spTgt spid="4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1" fill="hold" nodeType="afterGroup">
                            <p:stCondLst>
                              <p:cond delay="1000"/>
                            </p:stCondLst>
                            <p:childTnLst>
                              <p:par>
                                <p:cTn id="12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500"/>
                                        <p:tgtEl>
                                          <p:spTgt spid="6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6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584206"/>
            <a:ext cx="9144000" cy="568239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9268987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1681" name="Group 16"/>
          <p:cNvGrpSpPr>
            <a:grpSpLocks/>
          </p:cNvGrpSpPr>
          <p:nvPr/>
        </p:nvGrpSpPr>
        <p:grpSpPr bwMode="auto">
          <a:xfrm>
            <a:off x="-47625" y="1249363"/>
            <a:ext cx="9144000" cy="4699000"/>
            <a:chOff x="0" y="1295400"/>
            <a:chExt cx="9144000" cy="4698133"/>
          </a:xfrm>
        </p:grpSpPr>
        <p:pic>
          <p:nvPicPr>
            <p:cNvPr id="71685" name="Picture 2" descr="imgres-1.jpg"/>
            <p:cNvPicPr>
              <a:picLocks noChangeAspect="1"/>
            </p:cNvPicPr>
            <p:nvPr/>
          </p:nvPicPr>
          <p:blipFill>
            <a:blip r:embed="rId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843257" y="2103321"/>
              <a:ext cx="1393189" cy="92710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71686" name="Picture 3" descr="imgres.jpg"/>
            <p:cNvPicPr>
              <a:picLocks noChangeAspect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79855" y="3400988"/>
              <a:ext cx="1004979" cy="56467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71687" name="Picture 4" descr="imgres.jpg"/>
            <p:cNvPicPr>
              <a:picLocks noChangeAspect="1"/>
            </p:cNvPicPr>
            <p:nvPr/>
          </p:nvPicPr>
          <p:blipFill>
            <a:blip r:embed="rId4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836359" y="2145336"/>
              <a:ext cx="1347086" cy="88508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71688" name="Picture 5" descr="imgres-1.jpg"/>
            <p:cNvPicPr>
              <a:picLocks noChangeAspect="1"/>
            </p:cNvPicPr>
            <p:nvPr/>
          </p:nvPicPr>
          <p:blipFill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153376" y="1295400"/>
              <a:ext cx="2493375" cy="45971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71689" name="Picture 6" descr="imgres-2.jpg"/>
            <p:cNvPicPr>
              <a:picLocks noChangeAspect="1"/>
            </p:cNvPicPr>
            <p:nvPr/>
          </p:nvPicPr>
          <p:blipFill>
            <a:blip r:embed="rId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410176" y="3422901"/>
              <a:ext cx="1959447" cy="54275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71690" name="Picture 8" descr="imgres.jpg"/>
            <p:cNvPicPr>
              <a:picLocks noChangeAspect="1"/>
            </p:cNvPicPr>
            <p:nvPr/>
          </p:nvPicPr>
          <p:blipFill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891674" y="5191077"/>
              <a:ext cx="755011" cy="75501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71691" name="Picture 11" descr="imgres-1.jpg"/>
            <p:cNvPicPr>
              <a:picLocks noChangeAspect="1"/>
            </p:cNvPicPr>
            <p:nvPr/>
          </p:nvPicPr>
          <p:blipFill>
            <a:blip r:embed="rId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681181" y="5258435"/>
              <a:ext cx="731831" cy="73509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71692" name="Picture 12" descr="imgres-2.jpg"/>
            <p:cNvPicPr>
              <a:picLocks noChangeAspect="1"/>
            </p:cNvPicPr>
            <p:nvPr/>
          </p:nvPicPr>
          <p:blipFill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081080" y="5074070"/>
              <a:ext cx="854344" cy="90115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71693" name="Picture 13" descr="imgres-3.jpg"/>
            <p:cNvPicPr>
              <a:picLocks noChangeAspect="1"/>
            </p:cNvPicPr>
            <p:nvPr/>
          </p:nvPicPr>
          <p:blipFill>
            <a:blip r:embed="rId1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7044658" y="5192601"/>
              <a:ext cx="731831" cy="75501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71694" name="Picture 14" descr="imgres-4.jpg"/>
            <p:cNvPicPr>
              <a:picLocks noChangeAspect="1"/>
            </p:cNvPicPr>
            <p:nvPr/>
          </p:nvPicPr>
          <p:blipFill>
            <a:blip r:embed="rId1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98920" y="5210908"/>
              <a:ext cx="1013304" cy="71728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71695" name="Picture 15" descr="images-1.jpg"/>
            <p:cNvPicPr>
              <a:picLocks noChangeAspect="1"/>
            </p:cNvPicPr>
            <p:nvPr/>
          </p:nvPicPr>
          <p:blipFill>
            <a:blip r:embed="rId1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783376" y="5191077"/>
              <a:ext cx="796400" cy="7964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71696" name="TextBox 17"/>
            <p:cNvSpPr txBox="1">
              <a:spLocks noChangeArrowheads="1"/>
            </p:cNvSpPr>
            <p:nvPr/>
          </p:nvSpPr>
          <p:spPr bwMode="auto">
            <a:xfrm>
              <a:off x="0" y="4544812"/>
              <a:ext cx="9144000" cy="307777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defRPr sz="3200">
                  <a:solidFill>
                    <a:srgbClr val="FFFFCC"/>
                  </a:solidFill>
                  <a:latin typeface="Times New Roman" charset="0"/>
                  <a:ea typeface="ＭＳ Ｐゴシック" charset="0"/>
                  <a:cs typeface="ＭＳ Ｐゴシック" charset="0"/>
                </a:defRPr>
              </a:lvl1pPr>
              <a:lvl2pPr marL="742950" indent="-285750" eaLnBrk="0" hangingPunct="0">
                <a:defRPr sz="3200">
                  <a:solidFill>
                    <a:srgbClr val="FFFFCC"/>
                  </a:solidFill>
                  <a:latin typeface="Times New Roman" charset="0"/>
                  <a:ea typeface="ＭＳ Ｐゴシック" charset="0"/>
                </a:defRPr>
              </a:lvl2pPr>
              <a:lvl3pPr marL="1143000" indent="-228600" eaLnBrk="0" hangingPunct="0">
                <a:defRPr sz="3200">
                  <a:solidFill>
                    <a:srgbClr val="FFFFCC"/>
                  </a:solidFill>
                  <a:latin typeface="Times New Roman" charset="0"/>
                  <a:ea typeface="ＭＳ Ｐゴシック" charset="0"/>
                </a:defRPr>
              </a:lvl3pPr>
              <a:lvl4pPr marL="1600200" indent="-228600" eaLnBrk="0" hangingPunct="0">
                <a:defRPr sz="3200">
                  <a:solidFill>
                    <a:srgbClr val="FFFFCC"/>
                  </a:solidFill>
                  <a:latin typeface="Times New Roman" charset="0"/>
                  <a:ea typeface="ＭＳ Ｐゴシック" charset="0"/>
                </a:defRPr>
              </a:lvl4pPr>
              <a:lvl5pPr marL="2057400" indent="-228600" eaLnBrk="0" hangingPunct="0">
                <a:defRPr sz="3200">
                  <a:solidFill>
                    <a:srgbClr val="FFFFCC"/>
                  </a:solidFill>
                  <a:latin typeface="Times New Roman" charset="0"/>
                  <a:ea typeface="ＭＳ Ｐゴシック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3200">
                  <a:solidFill>
                    <a:srgbClr val="FFFFCC"/>
                  </a:solidFill>
                  <a:latin typeface="Times New Roman" charset="0"/>
                  <a:ea typeface="ＭＳ Ｐゴシック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3200">
                  <a:solidFill>
                    <a:srgbClr val="FFFFCC"/>
                  </a:solidFill>
                  <a:latin typeface="Times New Roman" charset="0"/>
                  <a:ea typeface="ＭＳ Ｐゴシック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3200">
                  <a:solidFill>
                    <a:srgbClr val="FFFFCC"/>
                  </a:solidFill>
                  <a:latin typeface="Times New Roman" charset="0"/>
                  <a:ea typeface="ＭＳ Ｐゴシック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3200">
                  <a:solidFill>
                    <a:srgbClr val="FFFFCC"/>
                  </a:solidFill>
                  <a:latin typeface="Times New Roman" charset="0"/>
                  <a:ea typeface="ＭＳ Ｐゴシック" charset="0"/>
                </a:defRPr>
              </a:lvl9pPr>
            </a:lstStyle>
            <a:p>
              <a:pPr algn="ctr" eaLnBrk="1" hangingPunct="1"/>
              <a:r>
                <a:rPr lang="en-US" sz="1400" b="1"/>
                <a:t>Affiliated Research Institutions and Universities</a:t>
              </a:r>
            </a:p>
          </p:txBody>
        </p:sp>
      </p:grpSp>
      <p:pic>
        <p:nvPicPr>
          <p:cNvPr id="71682" name="Picture 18" descr="AFAR_RightStacked_Grey_New.jpg"/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0600" y="914406"/>
            <a:ext cx="3533775" cy="10398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1683" name="Picture 19" descr="uic.gif"/>
          <p:cNvPicPr>
            <a:picLocks noChangeAspect="1"/>
          </p:cNvPicPr>
          <p:nvPr/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27375" y="5257806"/>
            <a:ext cx="939800" cy="690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2" name="TextBox 21"/>
          <p:cNvSpPr txBox="1"/>
          <p:nvPr/>
        </p:nvSpPr>
        <p:spPr>
          <a:xfrm>
            <a:off x="-15872" y="0"/>
            <a:ext cx="9159875" cy="461963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</p:spPr>
        <p:txBody>
          <a:bodyPr>
            <a:spAutoFit/>
          </a:bodyPr>
          <a:lstStyle/>
          <a:p>
            <a:pPr algn="ctr">
              <a:defRPr/>
            </a:pPr>
            <a:r>
              <a:rPr lang="en-US" sz="2400" b="1" dirty="0"/>
              <a:t>LDI Leading Organizations / Research Advisory Committee</a:t>
            </a:r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-8467" y="3124200"/>
            <a:ext cx="9144000" cy="63094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3500" b="1" dirty="0" smtClean="0">
                <a:solidFill>
                  <a:srgbClr val="000090"/>
                </a:solidFill>
                <a:latin typeface="Times New Roman"/>
                <a:cs typeface="Times New Roman"/>
              </a:rPr>
              <a:t>300 Word Video</a:t>
            </a:r>
            <a:endParaRPr lang="en-US" sz="3500" b="1" dirty="0">
              <a:solidFill>
                <a:srgbClr val="000090"/>
              </a:solidFill>
              <a:latin typeface="Times New Roman"/>
              <a:cs typeface="Times New Roman"/>
            </a:endParaRPr>
          </a:p>
        </p:txBody>
      </p:sp>
    </p:spTree>
    <p:extLst>
      <p:ext uri="{BB962C8B-B14F-4D97-AF65-F5344CB8AC3E}">
        <p14:creationId xmlns:p14="http://schemas.microsoft.com/office/powerpoint/2010/main" val="40252536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</p:bld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61122" name="Picture 2" descr="centurian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1485900"/>
            <a:ext cx="1828800" cy="1828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61123" name="Picture 3" descr="calorie-restriction-chart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" y="2895600"/>
            <a:ext cx="4038600" cy="25796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61124" name="Picture 4" descr="unlock-aging-pic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105400" y="5451481"/>
            <a:ext cx="1739900" cy="1304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61126" name="Text Box 6"/>
          <p:cNvSpPr txBox="1">
            <a:spLocks noChangeArrowheads="1"/>
          </p:cNvSpPr>
          <p:nvPr/>
        </p:nvSpPr>
        <p:spPr bwMode="auto">
          <a:xfrm>
            <a:off x="0" y="0"/>
            <a:ext cx="9144000" cy="95410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2800" b="1" dirty="0">
                <a:solidFill>
                  <a:srgbClr val="000090"/>
                </a:solidFill>
                <a:cs typeface="+mn-cs"/>
              </a:rPr>
              <a:t>Do We Need to Know in Advance Which Scientific Pathways to the Longevity Dividend Will Work?</a:t>
            </a:r>
          </a:p>
        </p:txBody>
      </p:sp>
      <p:sp>
        <p:nvSpPr>
          <p:cNvPr id="261127" name="Text Box 7"/>
          <p:cNvSpPr txBox="1">
            <a:spLocks noChangeArrowheads="1"/>
          </p:cNvSpPr>
          <p:nvPr/>
        </p:nvSpPr>
        <p:spPr bwMode="auto">
          <a:xfrm>
            <a:off x="1447800" y="2057400"/>
            <a:ext cx="5181600" cy="52322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2800" b="1" dirty="0">
                <a:solidFill>
                  <a:schemeClr val="tx1"/>
                </a:solidFill>
                <a:cs typeface="+mn-cs"/>
              </a:rPr>
              <a:t>Genetics of long-lived people</a:t>
            </a:r>
          </a:p>
        </p:txBody>
      </p:sp>
      <p:sp>
        <p:nvSpPr>
          <p:cNvPr id="261128" name="Text Box 8"/>
          <p:cNvSpPr txBox="1">
            <a:spLocks noChangeArrowheads="1"/>
          </p:cNvSpPr>
          <p:nvPr/>
        </p:nvSpPr>
        <p:spPr bwMode="auto">
          <a:xfrm>
            <a:off x="4800600" y="3810000"/>
            <a:ext cx="4114800" cy="52322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2800" b="1" dirty="0">
                <a:cs typeface="+mn-cs"/>
              </a:rPr>
              <a:t>Caloric restriction</a:t>
            </a:r>
          </a:p>
        </p:txBody>
      </p:sp>
      <p:sp>
        <p:nvSpPr>
          <p:cNvPr id="261129" name="Text Box 9"/>
          <p:cNvSpPr txBox="1">
            <a:spLocks noChangeArrowheads="1"/>
          </p:cNvSpPr>
          <p:nvPr/>
        </p:nvSpPr>
        <p:spPr bwMode="auto">
          <a:xfrm>
            <a:off x="0" y="5780094"/>
            <a:ext cx="5181600" cy="95410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n-US" sz="2800" b="1" dirty="0">
                <a:cs typeface="+mn-cs"/>
              </a:rPr>
              <a:t>Compounds with properties that appear to slow aging</a:t>
            </a:r>
          </a:p>
        </p:txBody>
      </p:sp>
      <p:pic>
        <p:nvPicPr>
          <p:cNvPr id="91144" name="Picture 1" descr="imgres.jpe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75466" y="5435600"/>
            <a:ext cx="2166937" cy="1333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11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 nodeType="clickPar">
                      <p:stCondLst>
                        <p:cond delay="indefinite"/>
                      </p:stCondLst>
                      <p:childTnLst>
                        <p:par>
                          <p:cTn id="8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9" presetID="4" presetClass="entr" presetSubtype="3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11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out)">
                                      <p:cBhvr>
                                        <p:cTn id="11" dur="500"/>
                                        <p:tgtEl>
                                          <p:spTgt spid="2611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2" presetID="4" presetClass="entr" presetSubtype="3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11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out)">
                                      <p:cBhvr>
                                        <p:cTn id="14" dur="500"/>
                                        <p:tgtEl>
                                          <p:spTgt spid="2611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 nodeType="clickPar">
                      <p:stCondLst>
                        <p:cond delay="indefinite"/>
                      </p:stCondLst>
                      <p:childTnLst>
                        <p:par>
                          <p:cTn id="16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7" presetID="4" presetClass="entr" presetSubtype="3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11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out)">
                                      <p:cBhvr>
                                        <p:cTn id="19" dur="500"/>
                                        <p:tgtEl>
                                          <p:spTgt spid="2611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0" presetID="4" presetClass="entr" presetSubtype="3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11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out)">
                                      <p:cBhvr>
                                        <p:cTn id="22" dur="500"/>
                                        <p:tgtEl>
                                          <p:spTgt spid="2611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 nodeType="clickPar">
                      <p:stCondLst>
                        <p:cond delay="indefinite"/>
                      </p:stCondLst>
                      <p:childTnLst>
                        <p:par>
                          <p:cTn id="2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25" presetID="4" presetClass="entr" presetSubtype="3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11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out)">
                                      <p:cBhvr>
                                        <p:cTn id="27" dur="500"/>
                                        <p:tgtEl>
                                          <p:spTgt spid="26112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8" presetID="4" presetClass="entr" presetSubtype="3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11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out)">
                                      <p:cBhvr>
                                        <p:cTn id="30" dur="500"/>
                                        <p:tgtEl>
                                          <p:spTgt spid="2611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1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11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33" dur="500"/>
                                        <p:tgtEl>
                                          <p:spTgt spid="9114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61126" grpId="0"/>
      <p:bldP spid="261127" grpId="0"/>
      <p:bldP spid="261128" grpId="0"/>
      <p:bldP spid="261129" grpId="0"/>
    </p:bld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 descr="1-s2-0-s1568997212002728-gr1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62202" y="1143005"/>
            <a:ext cx="4754515" cy="5445265"/>
          </a:xfrm>
          <a:prstGeom prst="rect">
            <a:avLst/>
          </a:prstGeom>
        </p:spPr>
      </p:pic>
      <p:sp>
        <p:nvSpPr>
          <p:cNvPr id="12" name="TextBox 11"/>
          <p:cNvSpPr txBox="1"/>
          <p:nvPr/>
        </p:nvSpPr>
        <p:spPr>
          <a:xfrm>
            <a:off x="0" y="6"/>
            <a:ext cx="9144000" cy="221599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6600" b="1" dirty="0" err="1" smtClean="0">
                <a:latin typeface="Times New Roman"/>
                <a:cs typeface="Times New Roman"/>
              </a:rPr>
              <a:t>Parabiosis</a:t>
            </a:r>
            <a:endParaRPr lang="en-US" sz="6600" b="1" dirty="0" smtClean="0">
              <a:latin typeface="Times New Roman"/>
              <a:cs typeface="Times New Roman"/>
            </a:endParaRPr>
          </a:p>
          <a:p>
            <a:pPr algn="ctr"/>
            <a:endParaRPr lang="en-US" sz="5400" b="1" dirty="0" smtClean="0">
              <a:latin typeface="Times New Roman"/>
              <a:cs typeface="Times New Roman"/>
            </a:endParaRPr>
          </a:p>
          <a:p>
            <a:endParaRPr lang="en-US" dirty="0"/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2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" grpId="0"/>
    </p:bld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 descr="images-12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5803" y="495305"/>
            <a:ext cx="1930401" cy="1981201"/>
          </a:xfrm>
          <a:prstGeom prst="rect">
            <a:avLst/>
          </a:prstGeom>
        </p:spPr>
      </p:pic>
      <p:pic>
        <p:nvPicPr>
          <p:cNvPr id="3" name="Picture 2" descr="collection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83148" y="342906"/>
            <a:ext cx="2160770" cy="2175933"/>
          </a:xfrm>
          <a:prstGeom prst="rect">
            <a:avLst/>
          </a:prstGeom>
        </p:spPr>
      </p:pic>
      <p:pic>
        <p:nvPicPr>
          <p:cNvPr id="4" name="Picture 3" descr="imgres-15.jp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48400" y="571500"/>
            <a:ext cx="2554190" cy="1905000"/>
          </a:xfrm>
          <a:prstGeom prst="rect">
            <a:avLst/>
          </a:prstGeom>
        </p:spPr>
      </p:pic>
      <p:pic>
        <p:nvPicPr>
          <p:cNvPr id="6" name="Picture 5" descr="CDR0000526219.jp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81003" y="3358694"/>
            <a:ext cx="3922219" cy="3307144"/>
          </a:xfrm>
          <a:prstGeom prst="rect">
            <a:avLst/>
          </a:prstGeom>
        </p:spPr>
      </p:pic>
      <p:pic>
        <p:nvPicPr>
          <p:cNvPr id="9" name="Picture 8" descr="images-11.jpg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63533" y="3886200"/>
            <a:ext cx="3784600" cy="21463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425142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2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7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2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7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 descr="imgres-15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3867" y="609600"/>
            <a:ext cx="2514600" cy="3238500"/>
          </a:xfrm>
          <a:prstGeom prst="rect">
            <a:avLst/>
          </a:prstGeom>
        </p:spPr>
      </p:pic>
      <p:pic>
        <p:nvPicPr>
          <p:cNvPr id="3" name="Picture 2" descr="Dad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98803" y="553831"/>
            <a:ext cx="2267899" cy="3285802"/>
          </a:xfrm>
          <a:prstGeom prst="rect">
            <a:avLst/>
          </a:prstGeom>
        </p:spPr>
      </p:pic>
      <p:pic>
        <p:nvPicPr>
          <p:cNvPr id="4" name="Picture 3" descr="imgres-15.jp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67403" y="592673"/>
            <a:ext cx="2503117" cy="1507067"/>
          </a:xfrm>
          <a:prstGeom prst="rect">
            <a:avLst/>
          </a:prstGeom>
        </p:spPr>
      </p:pic>
      <p:pic>
        <p:nvPicPr>
          <p:cNvPr id="5" name="Picture 4" descr="images-11.jp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31467" y="2372789"/>
            <a:ext cx="1935714" cy="1449917"/>
          </a:xfrm>
          <a:prstGeom prst="rect">
            <a:avLst/>
          </a:prstGeom>
        </p:spPr>
      </p:pic>
      <p:pic>
        <p:nvPicPr>
          <p:cNvPr id="9" name="Picture 8" descr="Single-gene-affected-by-mutation-can-be-linked-to-a-lower-cholesterol-levels-Study.jpg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43899" y="4228889"/>
            <a:ext cx="4648200" cy="2298236"/>
          </a:xfrm>
          <a:prstGeom prst="rect">
            <a:avLst/>
          </a:prstGeom>
        </p:spPr>
      </p:pic>
      <p:sp>
        <p:nvSpPr>
          <p:cNvPr id="16" name="TextBox 15"/>
          <p:cNvSpPr txBox="1"/>
          <p:nvPr/>
        </p:nvSpPr>
        <p:spPr>
          <a:xfrm>
            <a:off x="5715000" y="4495800"/>
            <a:ext cx="3124200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b="1" dirty="0" smtClean="0"/>
              <a:t>Centenarians and their offspring possess genes that protect them from fatal diseases that kill the rest of us at younger ages</a:t>
            </a:r>
            <a:endParaRPr lang="en-US" b="1" dirty="0"/>
          </a:p>
        </p:txBody>
      </p:sp>
      <p:sp>
        <p:nvSpPr>
          <p:cNvPr id="17" name="TextBox 16"/>
          <p:cNvSpPr txBox="1"/>
          <p:nvPr/>
        </p:nvSpPr>
        <p:spPr>
          <a:xfrm>
            <a:off x="0" y="-1"/>
            <a:ext cx="9144000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800" b="1" dirty="0" smtClean="0"/>
              <a:t>The secret to </a:t>
            </a:r>
            <a:r>
              <a:rPr lang="en-US" sz="3600" b="1" dirty="0" smtClean="0"/>
              <a:t>P</a:t>
            </a:r>
            <a:r>
              <a:rPr lang="en-US" sz="2800" b="1" dirty="0" smtClean="0"/>
              <a:t>rimary </a:t>
            </a:r>
            <a:r>
              <a:rPr lang="en-US" sz="3200" b="1" dirty="0" smtClean="0"/>
              <a:t>P</a:t>
            </a:r>
            <a:r>
              <a:rPr lang="en-US" sz="2800" b="1" dirty="0" smtClean="0"/>
              <a:t>revention is already here…</a:t>
            </a:r>
            <a:endParaRPr lang="en-US" sz="2800" b="1" dirty="0"/>
          </a:p>
        </p:txBody>
      </p:sp>
    </p:spTree>
    <p:extLst>
      <p:ext uri="{BB962C8B-B14F-4D97-AF65-F5344CB8AC3E}">
        <p14:creationId xmlns:p14="http://schemas.microsoft.com/office/powerpoint/2010/main" val="19784277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2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7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2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7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8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30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6" grpId="0"/>
    </p:bld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54978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71603" y="304800"/>
            <a:ext cx="6061075" cy="61912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85762" name="Picture 2" descr="Figurea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1676400"/>
            <a:ext cx="9144000" cy="4667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85763" name="Text Box 3"/>
          <p:cNvSpPr txBox="1">
            <a:spLocks noChangeArrowheads="1"/>
          </p:cNvSpPr>
          <p:nvPr/>
        </p:nvSpPr>
        <p:spPr bwMode="auto">
          <a:xfrm>
            <a:off x="8467" y="304806"/>
            <a:ext cx="9144000" cy="10156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400" b="1" dirty="0" smtClean="0">
                <a:solidFill>
                  <a:schemeClr val="accent2"/>
                </a:solidFill>
              </a:rPr>
              <a:t>q(65) </a:t>
            </a:r>
            <a:r>
              <a:rPr lang="en-US" sz="2400" b="1" dirty="0">
                <a:solidFill>
                  <a:schemeClr val="accent2"/>
                </a:solidFill>
              </a:rPr>
              <a:t>in Sweden </a:t>
            </a:r>
            <a:endParaRPr lang="en-US" sz="2400" b="1" dirty="0" smtClean="0">
              <a:solidFill>
                <a:schemeClr val="accent2"/>
              </a:solidFill>
            </a:endParaRPr>
          </a:p>
          <a:p>
            <a:pPr algn="ctr">
              <a:spcBef>
                <a:spcPct val="50000"/>
              </a:spcBef>
            </a:pPr>
            <a:r>
              <a:rPr lang="en-US" sz="2400" b="1" dirty="0" smtClean="0">
                <a:solidFill>
                  <a:schemeClr val="accent2"/>
                </a:solidFill>
              </a:rPr>
              <a:t>(</a:t>
            </a:r>
            <a:r>
              <a:rPr lang="en-US" sz="2400" b="1" dirty="0">
                <a:solidFill>
                  <a:schemeClr val="accent2"/>
                </a:solidFill>
              </a:rPr>
              <a:t>males and females, 1751-2005)</a:t>
            </a:r>
          </a:p>
        </p:txBody>
      </p:sp>
    </p:spTree>
    <p:extLst>
      <p:ext uri="{BB962C8B-B14F-4D97-AF65-F5344CB8AC3E}">
        <p14:creationId xmlns:p14="http://schemas.microsoft.com/office/powerpoint/2010/main" val="19491531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283" name="Text Box 3"/>
          <p:cNvSpPr txBox="1">
            <a:spLocks noChangeArrowheads="1"/>
          </p:cNvSpPr>
          <p:nvPr/>
        </p:nvSpPr>
        <p:spPr bwMode="auto">
          <a:xfrm>
            <a:off x="0" y="0"/>
            <a:ext cx="9144000" cy="36933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b="1">
                <a:solidFill>
                  <a:schemeClr val="accent2"/>
                </a:solidFill>
              </a:rPr>
              <a:t>q(65) for females in Switzerland (1876-2007)</a:t>
            </a:r>
          </a:p>
        </p:txBody>
      </p:sp>
      <p:sp>
        <p:nvSpPr>
          <p:cNvPr id="993287" name="AutoShape 7" descr="download"/>
          <p:cNvSpPr>
            <a:spLocks noChangeAspect="1" noChangeArrowheads="1"/>
          </p:cNvSpPr>
          <p:nvPr/>
        </p:nvSpPr>
        <p:spPr bwMode="auto">
          <a:xfrm>
            <a:off x="4419600" y="3276600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/>
          <a:lstStyle/>
          <a:p>
            <a:endParaRPr lang="en-US"/>
          </a:p>
        </p:txBody>
      </p:sp>
      <p:pic>
        <p:nvPicPr>
          <p:cNvPr id="993288" name="Picture 8" descr="Switzerlandq65females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4800" y="1143000"/>
            <a:ext cx="8610600" cy="53022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0653977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6786" name="Text Box 2"/>
          <p:cNvSpPr txBox="1">
            <a:spLocks noChangeArrowheads="1"/>
          </p:cNvSpPr>
          <p:nvPr/>
        </p:nvSpPr>
        <p:spPr bwMode="auto">
          <a:xfrm>
            <a:off x="2819400" y="4267201"/>
            <a:ext cx="4419600" cy="70788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n-US" sz="2000" b="1">
                <a:solidFill>
                  <a:schemeClr val="tx1"/>
                </a:solidFill>
              </a:rPr>
              <a:t>has been replaced by relative stability </a:t>
            </a:r>
          </a:p>
        </p:txBody>
      </p:sp>
      <p:pic>
        <p:nvPicPr>
          <p:cNvPr id="886787" name="Picture 3" descr="Figb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3400" y="1066800"/>
            <a:ext cx="8077200" cy="55499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86788" name="Text Box 4"/>
          <p:cNvSpPr txBox="1">
            <a:spLocks noChangeArrowheads="1"/>
          </p:cNvSpPr>
          <p:nvPr/>
        </p:nvSpPr>
        <p:spPr bwMode="auto">
          <a:xfrm>
            <a:off x="0" y="0"/>
            <a:ext cx="9144000" cy="9461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chemeClr val="accent2"/>
                </a:solidFill>
              </a:rPr>
              <a:t>Annual change in death rate at age 65 in Sweden        (males and females, 1751-2005)</a:t>
            </a:r>
          </a:p>
        </p:txBody>
      </p:sp>
    </p:spTree>
    <p:extLst>
      <p:ext uri="{BB962C8B-B14F-4D97-AF65-F5344CB8AC3E}">
        <p14:creationId xmlns:p14="http://schemas.microsoft.com/office/powerpoint/2010/main" val="19948668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4" presetClass="entr" presetSubtype="3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8678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out)">
                                      <p:cBhvr>
                                        <p:cTn id="7" dur="500"/>
                                        <p:tgtEl>
                                          <p:spTgt spid="88678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86786" grpId="0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4309" name="Text Box 5"/>
          <p:cNvSpPr txBox="1">
            <a:spLocks noChangeArrowheads="1"/>
          </p:cNvSpPr>
          <p:nvPr/>
        </p:nvSpPr>
        <p:spPr bwMode="auto">
          <a:xfrm>
            <a:off x="0" y="0"/>
            <a:ext cx="914400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400" b="1">
                <a:solidFill>
                  <a:schemeClr val="accent2"/>
                </a:solidFill>
              </a:rPr>
              <a:t>Annual change in q(65) for females in Switzerland (1876-2007)</a:t>
            </a:r>
          </a:p>
        </p:txBody>
      </p:sp>
      <p:pic>
        <p:nvPicPr>
          <p:cNvPr id="994310" name="Picture 6" descr="Switzerlandq65annualchange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1000" y="474669"/>
            <a:ext cx="8382000" cy="638333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2258319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CVD-deaths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81003" y="16933"/>
            <a:ext cx="8298395" cy="6858000"/>
          </a:xfrm>
          <a:prstGeom prst="rect">
            <a:avLst/>
          </a:prstGeom>
        </p:spPr>
      </p:pic>
      <p:cxnSp>
        <p:nvCxnSpPr>
          <p:cNvPr id="3" name="Straight Arrow Connector 2"/>
          <p:cNvCxnSpPr/>
          <p:nvPr/>
        </p:nvCxnSpPr>
        <p:spPr>
          <a:xfrm>
            <a:off x="4953001" y="2819401"/>
            <a:ext cx="3581400" cy="1447800"/>
          </a:xfrm>
          <a:prstGeom prst="straightConnector1">
            <a:avLst/>
          </a:prstGeom>
          <a:ln w="50800">
            <a:prstDash val="sysDot"/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0880824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2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4415</TotalTime>
  <Words>910</Words>
  <Application>Microsoft Office PowerPoint</Application>
  <PresentationFormat>On-screen Show (4:3)</PresentationFormat>
  <Paragraphs>240</Paragraphs>
  <Slides>46</Slides>
  <Notes>23</Notes>
  <HiddenSlides>0</HiddenSlides>
  <MMClips>0</MMClips>
  <ScaleCrop>false</ScaleCrop>
  <HeadingPairs>
    <vt:vector size="8" baseType="variant">
      <vt:variant>
        <vt:lpstr>Fonts Used</vt:lpstr>
      </vt:variant>
      <vt:variant>
        <vt:i4>12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46</vt:i4>
      </vt:variant>
    </vt:vector>
  </HeadingPairs>
  <TitlesOfParts>
    <vt:vector size="60" baseType="lpstr">
      <vt:lpstr>ＭＳ Ｐゴシック</vt:lpstr>
      <vt:lpstr>55 Helvetica Roman</vt:lpstr>
      <vt:lpstr>Arial</vt:lpstr>
      <vt:lpstr>Calibri</vt:lpstr>
      <vt:lpstr>Comic Sans MS</vt:lpstr>
      <vt:lpstr>Helvetica Light</vt:lpstr>
      <vt:lpstr>LF_Kai</vt:lpstr>
      <vt:lpstr>Source Sans Pro Light</vt:lpstr>
      <vt:lpstr>Times</vt:lpstr>
      <vt:lpstr>Times New Roman</vt:lpstr>
      <vt:lpstr>Trebuchet MS</vt:lpstr>
      <vt:lpstr>Wingdings</vt:lpstr>
      <vt:lpstr>Office Theme</vt:lpstr>
      <vt:lpstr>Photo Editor Photo</vt:lpstr>
      <vt:lpstr>The Rise and Fall of Longevity in the 21st Century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Unstated Assumptions That Accompany Linear Extrapolation of Life Expectancy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Males  1980-1984</vt:lpstr>
      <vt:lpstr>PowerPoint Presentation</vt:lpstr>
      <vt:lpstr>Females  1980-1984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Company>University of Illinois at Chicago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S. Jay Olshansky</dc:creator>
  <cp:lastModifiedBy>Marilyn Parris-Bell</cp:lastModifiedBy>
  <cp:revision>173</cp:revision>
  <dcterms:created xsi:type="dcterms:W3CDTF">2013-09-11T20:38:10Z</dcterms:created>
  <dcterms:modified xsi:type="dcterms:W3CDTF">2016-09-28T13:18:53Z</dcterms:modified>
</cp:coreProperties>
</file>